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2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I1" i="10" l="1"/>
  <c r="IL41" i="8" l="1"/>
  <c r="H4" i="1" l="1"/>
  <c r="F1" i="34" l="1"/>
  <c r="G1" i="34" s="1"/>
  <c r="E1" i="34"/>
  <c r="F1" i="6"/>
  <c r="G1" i="6" s="1"/>
  <c r="I1" i="33"/>
  <c r="J1" i="33" s="1"/>
  <c r="H1" i="33"/>
  <c r="J1" i="5"/>
  <c r="K1" i="5" s="1"/>
  <c r="H1" i="5"/>
  <c r="J1" i="30"/>
  <c r="I1" i="25" l="1"/>
  <c r="J1" i="25" s="1"/>
  <c r="H1" i="25"/>
  <c r="J1" i="32" l="1"/>
  <c r="K1" i="32" s="1"/>
  <c r="H1" i="32"/>
  <c r="K1" i="31"/>
  <c r="L1" i="31" s="1"/>
  <c r="I1" i="31"/>
  <c r="L1" i="30"/>
  <c r="M1" i="30" s="1"/>
  <c r="K1" i="29"/>
  <c r="L1" i="29" s="1"/>
  <c r="I1" i="29"/>
  <c r="H1" i="28"/>
  <c r="I1" i="28" s="1"/>
  <c r="F1" i="28"/>
  <c r="E1" i="18" l="1"/>
  <c r="E1" i="26"/>
  <c r="E1" i="6"/>
  <c r="H1" i="24"/>
  <c r="H1" i="14"/>
  <c r="I1" i="23"/>
  <c r="I1" i="13"/>
  <c r="H1" i="4"/>
  <c r="J1" i="22"/>
  <c r="J1" i="11"/>
  <c r="I1" i="21"/>
  <c r="G1" i="9"/>
  <c r="F1" i="19"/>
  <c r="F1" i="8"/>
  <c r="F1" i="18" l="1"/>
  <c r="F1" i="26"/>
  <c r="J1" i="24"/>
  <c r="J1" i="14"/>
  <c r="K1" i="23"/>
  <c r="K1" i="13"/>
  <c r="J1" i="4"/>
  <c r="L1" i="22"/>
  <c r="L1" i="11"/>
  <c r="K1" i="21"/>
  <c r="K1" i="10"/>
  <c r="I1" i="9"/>
  <c r="H1" i="19"/>
  <c r="I1" i="19" s="1"/>
  <c r="H1" i="8"/>
  <c r="I1" i="8" s="1"/>
  <c r="J1" i="9" l="1"/>
  <c r="G1" i="26"/>
  <c r="K1" i="24"/>
  <c r="L1" i="23"/>
  <c r="M1" i="22"/>
  <c r="L1" i="21"/>
  <c r="G1" i="18"/>
  <c r="K1" i="14"/>
  <c r="L1" i="13"/>
  <c r="M1" i="11"/>
  <c r="L1" i="10"/>
  <c r="K1" i="4"/>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9">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183" fontId="5" fillId="0" borderId="0" xfId="0" applyNumberFormat="1" applyFont="1" applyFill="1" applyAlignment="1">
      <alignment horizontal="left" vertical="center"/>
    </xf>
    <xf numFmtId="178" fontId="2" fillId="0" borderId="0" xfId="0" applyNumberFormat="1" applyFont="1" applyAlignment="1">
      <alignment vertical="center"/>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48" xfId="0" applyFont="1" applyBorder="1" applyAlignment="1">
      <alignment horizontal="center" vertical="center"/>
    </xf>
    <xf numFmtId="182" fontId="3" fillId="0" borderId="0" xfId="0" applyNumberFormat="1" applyFont="1" applyBorder="1" applyAlignment="1">
      <alignment horizontal="left"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182" fontId="2" fillId="0" borderId="0" xfId="0" applyNumberFormat="1" applyFont="1" applyBorder="1" applyAlignment="1">
      <alignment horizontal="left"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122"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03" t="s">
        <v>0</v>
      </c>
      <c r="F1" s="503"/>
      <c r="G1" s="503"/>
      <c r="H1" s="503"/>
      <c r="I1" s="2"/>
      <c r="J1" s="2"/>
      <c r="K1" s="2"/>
      <c r="L1" s="2"/>
    </row>
    <row r="2" spans="1:13" ht="24" customHeight="1" x14ac:dyDescent="0.2">
      <c r="A2" s="2"/>
      <c r="B2" s="2"/>
      <c r="C2" s="2"/>
      <c r="D2" s="2"/>
      <c r="E2" s="2"/>
      <c r="F2" s="366">
        <v>5</v>
      </c>
      <c r="G2" s="246">
        <v>3</v>
      </c>
      <c r="H2" s="2"/>
      <c r="I2" s="2"/>
      <c r="J2" s="2"/>
      <c r="K2" s="2"/>
      <c r="L2" s="2"/>
      <c r="M2" s="2"/>
    </row>
    <row r="3" spans="1:13" ht="24" customHeight="1" x14ac:dyDescent="0.2"/>
    <row r="4" spans="1:13" ht="20.25" customHeight="1" x14ac:dyDescent="0.2">
      <c r="D4" s="3"/>
      <c r="E4" s="4" t="s">
        <v>1</v>
      </c>
      <c r="F4" s="3"/>
      <c r="H4" s="253">
        <f>G2</f>
        <v>3</v>
      </c>
    </row>
    <row r="5" spans="1:13" ht="10.5" customHeight="1" thickBot="1" x14ac:dyDescent="0.25">
      <c r="E5" s="5"/>
    </row>
    <row r="6" spans="1:13" ht="21" customHeight="1" x14ac:dyDescent="0.2">
      <c r="E6" s="342"/>
      <c r="F6" s="504" t="s">
        <v>2</v>
      </c>
      <c r="G6" s="505"/>
      <c r="H6" s="505"/>
      <c r="I6" s="506"/>
    </row>
    <row r="7" spans="1:13" ht="21" customHeight="1" x14ac:dyDescent="0.2">
      <c r="E7" s="7"/>
      <c r="F7" s="8"/>
      <c r="G7" s="9" t="s">
        <v>3</v>
      </c>
      <c r="H7" s="345" t="s">
        <v>150</v>
      </c>
      <c r="I7" s="346" t="s">
        <v>149</v>
      </c>
    </row>
    <row r="8" spans="1:13" ht="21" customHeight="1" x14ac:dyDescent="0.2">
      <c r="E8" s="343" t="s">
        <v>4</v>
      </c>
      <c r="F8" s="373">
        <v>2341431</v>
      </c>
      <c r="G8" s="373">
        <v>1044230</v>
      </c>
      <c r="H8" s="373">
        <v>895335</v>
      </c>
      <c r="I8" s="374">
        <v>401866</v>
      </c>
    </row>
    <row r="9" spans="1:13" ht="21" customHeight="1" x14ac:dyDescent="0.2">
      <c r="E9" s="10" t="s">
        <v>5</v>
      </c>
      <c r="F9" s="375">
        <v>934278</v>
      </c>
      <c r="G9" s="375">
        <v>414813</v>
      </c>
      <c r="H9" s="375">
        <v>352794</v>
      </c>
      <c r="I9" s="376">
        <v>166671</v>
      </c>
    </row>
    <row r="10" spans="1:13" ht="21" customHeight="1" x14ac:dyDescent="0.2">
      <c r="E10" s="10" t="s">
        <v>6</v>
      </c>
      <c r="F10" s="375">
        <v>307414</v>
      </c>
      <c r="G10" s="375">
        <v>142879</v>
      </c>
      <c r="H10" s="375">
        <v>111936</v>
      </c>
      <c r="I10" s="376">
        <v>52599</v>
      </c>
    </row>
    <row r="11" spans="1:13" ht="21" customHeight="1" x14ac:dyDescent="0.2">
      <c r="E11" s="10" t="s">
        <v>14</v>
      </c>
      <c r="F11" s="375">
        <v>188207</v>
      </c>
      <c r="G11" s="375">
        <v>85177</v>
      </c>
      <c r="H11" s="375">
        <v>74418</v>
      </c>
      <c r="I11" s="376">
        <v>28612</v>
      </c>
    </row>
    <row r="12" spans="1:13" ht="21" customHeight="1" x14ac:dyDescent="0.2">
      <c r="E12" s="10" t="s">
        <v>7</v>
      </c>
      <c r="F12" s="375">
        <v>125468</v>
      </c>
      <c r="G12" s="375">
        <v>53127</v>
      </c>
      <c r="H12" s="375">
        <v>49796</v>
      </c>
      <c r="I12" s="376">
        <v>22545</v>
      </c>
    </row>
    <row r="13" spans="1:13" ht="21" customHeight="1" x14ac:dyDescent="0.2">
      <c r="E13" s="10" t="s">
        <v>8</v>
      </c>
      <c r="F13" s="375">
        <v>73333</v>
      </c>
      <c r="G13" s="375">
        <v>33447</v>
      </c>
      <c r="H13" s="375">
        <v>28042</v>
      </c>
      <c r="I13" s="376">
        <v>11844</v>
      </c>
    </row>
    <row r="14" spans="1:13" ht="21" customHeight="1" x14ac:dyDescent="0.2">
      <c r="E14" s="10" t="s">
        <v>9</v>
      </c>
      <c r="F14" s="375">
        <v>53523</v>
      </c>
      <c r="G14" s="375">
        <v>20770</v>
      </c>
      <c r="H14" s="375">
        <v>20951</v>
      </c>
      <c r="I14" s="376">
        <v>11802</v>
      </c>
    </row>
    <row r="15" spans="1:13" ht="21" customHeight="1" x14ac:dyDescent="0.2">
      <c r="E15" s="10" t="s">
        <v>10</v>
      </c>
      <c r="F15" s="375">
        <v>108215</v>
      </c>
      <c r="G15" s="375">
        <v>47231</v>
      </c>
      <c r="H15" s="375">
        <v>41606</v>
      </c>
      <c r="I15" s="376">
        <v>19378</v>
      </c>
    </row>
    <row r="16" spans="1:13" ht="21" customHeight="1" x14ac:dyDescent="0.2">
      <c r="E16" s="10" t="s">
        <v>11</v>
      </c>
      <c r="F16" s="375">
        <v>57268</v>
      </c>
      <c r="G16" s="375">
        <v>25667</v>
      </c>
      <c r="H16" s="375">
        <v>21550</v>
      </c>
      <c r="I16" s="376">
        <v>10051</v>
      </c>
    </row>
    <row r="17" spans="5:13" ht="21" customHeight="1" x14ac:dyDescent="0.2">
      <c r="E17" s="10" t="s">
        <v>12</v>
      </c>
      <c r="F17" s="375">
        <v>65608</v>
      </c>
      <c r="G17" s="375">
        <v>28480</v>
      </c>
      <c r="H17" s="375">
        <v>25450</v>
      </c>
      <c r="I17" s="376">
        <v>11678</v>
      </c>
    </row>
    <row r="18" spans="5:13" ht="21" customHeight="1" x14ac:dyDescent="0.2">
      <c r="E18" s="10" t="s">
        <v>13</v>
      </c>
      <c r="F18" s="375">
        <v>18585</v>
      </c>
      <c r="G18" s="375">
        <v>7172</v>
      </c>
      <c r="H18" s="375">
        <v>7301</v>
      </c>
      <c r="I18" s="376">
        <v>4112</v>
      </c>
      <c r="M18" s="1" t="s">
        <v>87</v>
      </c>
    </row>
    <row r="19" spans="5:13" ht="21" customHeight="1" x14ac:dyDescent="0.2">
      <c r="E19" s="10" t="s">
        <v>15</v>
      </c>
      <c r="F19" s="375">
        <v>16235</v>
      </c>
      <c r="G19" s="375">
        <v>7191</v>
      </c>
      <c r="H19" s="375">
        <v>6157</v>
      </c>
      <c r="I19" s="376">
        <v>2887</v>
      </c>
    </row>
    <row r="20" spans="5:13" ht="21" customHeight="1" x14ac:dyDescent="0.2">
      <c r="E20" s="10" t="s">
        <v>16</v>
      </c>
      <c r="F20" s="375">
        <v>49373</v>
      </c>
      <c r="G20" s="375">
        <v>23429</v>
      </c>
      <c r="H20" s="375">
        <v>18911</v>
      </c>
      <c r="I20" s="376">
        <v>7033</v>
      </c>
    </row>
    <row r="21" spans="5:13" ht="21" customHeight="1" x14ac:dyDescent="0.2">
      <c r="E21" s="10" t="s">
        <v>17</v>
      </c>
      <c r="F21" s="375">
        <v>58589</v>
      </c>
      <c r="G21" s="375">
        <v>27462</v>
      </c>
      <c r="H21" s="375">
        <v>23108</v>
      </c>
      <c r="I21" s="376">
        <v>8019</v>
      </c>
    </row>
    <row r="22" spans="5:13" ht="21" customHeight="1" x14ac:dyDescent="0.2">
      <c r="E22" s="10" t="s">
        <v>18</v>
      </c>
      <c r="F22" s="375">
        <v>58220</v>
      </c>
      <c r="G22" s="375">
        <v>25982</v>
      </c>
      <c r="H22" s="375">
        <v>23241</v>
      </c>
      <c r="I22" s="376">
        <v>8997</v>
      </c>
    </row>
    <row r="23" spans="5:13" ht="21" customHeight="1" x14ac:dyDescent="0.2">
      <c r="E23" s="10" t="s">
        <v>19</v>
      </c>
      <c r="F23" s="375">
        <v>26671</v>
      </c>
      <c r="G23" s="375">
        <v>12075</v>
      </c>
      <c r="H23" s="375">
        <v>10442</v>
      </c>
      <c r="I23" s="376">
        <v>4154</v>
      </c>
    </row>
    <row r="24" spans="5:13" ht="21" customHeight="1" x14ac:dyDescent="0.2">
      <c r="E24" s="10" t="s">
        <v>20</v>
      </c>
      <c r="F24" s="375">
        <v>34081</v>
      </c>
      <c r="G24" s="375">
        <v>15678</v>
      </c>
      <c r="H24" s="375">
        <v>13446</v>
      </c>
      <c r="I24" s="376">
        <v>4957</v>
      </c>
    </row>
    <row r="25" spans="5:13" ht="21" customHeight="1" x14ac:dyDescent="0.2">
      <c r="E25" s="10" t="s">
        <v>21</v>
      </c>
      <c r="F25" s="375">
        <v>34326</v>
      </c>
      <c r="G25" s="375">
        <v>15641</v>
      </c>
      <c r="H25" s="375">
        <v>13594</v>
      </c>
      <c r="I25" s="376">
        <v>5091</v>
      </c>
    </row>
    <row r="26" spans="5:13" ht="21" customHeight="1" x14ac:dyDescent="0.2">
      <c r="E26" s="10" t="s">
        <v>22</v>
      </c>
      <c r="F26" s="375">
        <v>13627</v>
      </c>
      <c r="G26" s="375">
        <v>5809</v>
      </c>
      <c r="H26" s="375">
        <v>5443</v>
      </c>
      <c r="I26" s="376">
        <v>2375</v>
      </c>
    </row>
    <row r="27" spans="5:13" ht="21" customHeight="1" x14ac:dyDescent="0.2">
      <c r="E27" s="10" t="s">
        <v>23</v>
      </c>
      <c r="F27" s="375">
        <v>22817</v>
      </c>
      <c r="G27" s="375">
        <v>9797</v>
      </c>
      <c r="H27" s="375">
        <v>9836</v>
      </c>
      <c r="I27" s="376">
        <v>3184</v>
      </c>
    </row>
    <row r="28" spans="5:13" ht="21" customHeight="1" x14ac:dyDescent="0.2">
      <c r="E28" s="10" t="s">
        <v>24</v>
      </c>
      <c r="F28" s="375">
        <v>10184</v>
      </c>
      <c r="G28" s="375">
        <v>3972</v>
      </c>
      <c r="H28" s="375">
        <v>4171</v>
      </c>
      <c r="I28" s="376">
        <v>2041</v>
      </c>
    </row>
    <row r="29" spans="5:13" ht="21" customHeight="1" x14ac:dyDescent="0.2">
      <c r="E29" s="10" t="s">
        <v>25</v>
      </c>
      <c r="F29" s="375">
        <v>13422</v>
      </c>
      <c r="G29" s="375">
        <v>6318</v>
      </c>
      <c r="H29" s="375">
        <v>5266</v>
      </c>
      <c r="I29" s="376">
        <v>1838</v>
      </c>
    </row>
    <row r="30" spans="5:13" ht="21" customHeight="1" x14ac:dyDescent="0.2">
      <c r="E30" s="10" t="s">
        <v>26</v>
      </c>
      <c r="F30" s="375">
        <v>11119</v>
      </c>
      <c r="G30" s="375">
        <v>4765</v>
      </c>
      <c r="H30" s="375">
        <v>4447</v>
      </c>
      <c r="I30" s="376">
        <v>1907</v>
      </c>
    </row>
    <row r="31" spans="5:13" ht="21" customHeight="1" x14ac:dyDescent="0.2">
      <c r="E31" s="10" t="s">
        <v>27</v>
      </c>
      <c r="F31" s="375">
        <v>9822</v>
      </c>
      <c r="G31" s="375">
        <v>3976</v>
      </c>
      <c r="H31" s="375">
        <v>3956</v>
      </c>
      <c r="I31" s="376">
        <v>1890</v>
      </c>
    </row>
    <row r="32" spans="5:13" ht="21" customHeight="1" x14ac:dyDescent="0.2">
      <c r="E32" s="10" t="s">
        <v>28</v>
      </c>
      <c r="F32" s="375">
        <v>3218</v>
      </c>
      <c r="G32" s="375">
        <v>1516</v>
      </c>
      <c r="H32" s="375">
        <v>1254</v>
      </c>
      <c r="I32" s="376">
        <v>448</v>
      </c>
    </row>
    <row r="33" spans="5:9" ht="21" customHeight="1" x14ac:dyDescent="0.2">
      <c r="E33" s="10" t="s">
        <v>29</v>
      </c>
      <c r="F33" s="375">
        <v>5001</v>
      </c>
      <c r="G33" s="375">
        <v>2278</v>
      </c>
      <c r="H33" s="375">
        <v>1969</v>
      </c>
      <c r="I33" s="376">
        <v>754</v>
      </c>
    </row>
    <row r="34" spans="5:9" ht="21" customHeight="1" x14ac:dyDescent="0.2">
      <c r="E34" s="10" t="s">
        <v>30</v>
      </c>
      <c r="F34" s="375">
        <v>3729</v>
      </c>
      <c r="G34" s="375">
        <v>1621</v>
      </c>
      <c r="H34" s="375">
        <v>1389</v>
      </c>
      <c r="I34" s="376">
        <v>719</v>
      </c>
    </row>
    <row r="35" spans="5:9" ht="21" customHeight="1" x14ac:dyDescent="0.2">
      <c r="E35" s="10" t="s">
        <v>31</v>
      </c>
      <c r="F35" s="375">
        <v>4009</v>
      </c>
      <c r="G35" s="375">
        <v>1878</v>
      </c>
      <c r="H35" s="375">
        <v>1378</v>
      </c>
      <c r="I35" s="376">
        <v>753</v>
      </c>
    </row>
    <row r="36" spans="5:9" ht="21" customHeight="1" x14ac:dyDescent="0.2">
      <c r="E36" s="10" t="s">
        <v>32</v>
      </c>
      <c r="F36" s="375">
        <v>4654</v>
      </c>
      <c r="G36" s="375">
        <v>2098</v>
      </c>
      <c r="H36" s="375">
        <v>1773</v>
      </c>
      <c r="I36" s="376">
        <v>783</v>
      </c>
    </row>
    <row r="37" spans="5:9" ht="21" customHeight="1" x14ac:dyDescent="0.2">
      <c r="E37" s="10" t="s">
        <v>33</v>
      </c>
      <c r="F37" s="375">
        <v>4131</v>
      </c>
      <c r="G37" s="375">
        <v>1838</v>
      </c>
      <c r="H37" s="375">
        <v>1598</v>
      </c>
      <c r="I37" s="376">
        <v>695</v>
      </c>
    </row>
    <row r="38" spans="5:9" ht="21" customHeight="1" x14ac:dyDescent="0.2">
      <c r="E38" s="10" t="s">
        <v>34</v>
      </c>
      <c r="F38" s="375">
        <v>3018</v>
      </c>
      <c r="G38" s="375">
        <v>1310</v>
      </c>
      <c r="H38" s="375">
        <v>1163</v>
      </c>
      <c r="I38" s="376">
        <v>545</v>
      </c>
    </row>
    <row r="39" spans="5:9" ht="21" customHeight="1" x14ac:dyDescent="0.2">
      <c r="E39" s="10" t="s">
        <v>35</v>
      </c>
      <c r="F39" s="375">
        <v>9846</v>
      </c>
      <c r="G39" s="375">
        <v>4165</v>
      </c>
      <c r="H39" s="375">
        <v>3895</v>
      </c>
      <c r="I39" s="376">
        <v>1786</v>
      </c>
    </row>
    <row r="40" spans="5:9" ht="21" customHeight="1" x14ac:dyDescent="0.2">
      <c r="E40" s="10" t="s">
        <v>36</v>
      </c>
      <c r="F40" s="375">
        <v>12373</v>
      </c>
      <c r="G40" s="375">
        <v>6118</v>
      </c>
      <c r="H40" s="375">
        <v>4690</v>
      </c>
      <c r="I40" s="376">
        <v>1565</v>
      </c>
    </row>
    <row r="41" spans="5:9" ht="21" customHeight="1" thickBot="1" x14ac:dyDescent="0.25">
      <c r="E41" s="11" t="s">
        <v>37</v>
      </c>
      <c r="F41" s="377">
        <v>1067</v>
      </c>
      <c r="G41" s="377">
        <v>550</v>
      </c>
      <c r="H41" s="377">
        <v>364</v>
      </c>
      <c r="I41" s="378">
        <v>153</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6">
        <f>第１表!F2</f>
        <v>5</v>
      </c>
      <c r="K1" s="526"/>
      <c r="L1" s="248">
        <f>第１表!G2</f>
        <v>3</v>
      </c>
      <c r="M1" s="530">
        <f>IF(L1&lt;3,L1+12-2,L1-2)</f>
        <v>1</v>
      </c>
      <c r="N1" s="530"/>
    </row>
    <row r="2" spans="2:112" ht="24" customHeight="1" thickBot="1" x14ac:dyDescent="0.25">
      <c r="B2" s="290" t="s">
        <v>131</v>
      </c>
    </row>
    <row r="3" spans="2:112" ht="21" customHeight="1" thickBot="1" x14ac:dyDescent="0.25">
      <c r="B3" s="550"/>
      <c r="C3" s="553" t="s">
        <v>112</v>
      </c>
      <c r="D3" s="553"/>
      <c r="E3" s="553"/>
      <c r="F3" s="553"/>
      <c r="G3" s="553"/>
      <c r="H3" s="553"/>
      <c r="I3" s="553"/>
      <c r="J3" s="553"/>
      <c r="K3" s="553"/>
      <c r="L3" s="553"/>
      <c r="M3" s="554"/>
      <c r="N3" s="548" t="s">
        <v>111</v>
      </c>
      <c r="O3" s="548"/>
      <c r="P3" s="548"/>
      <c r="Q3" s="548"/>
      <c r="R3" s="548"/>
      <c r="S3" s="548"/>
      <c r="T3" s="548"/>
      <c r="U3" s="548"/>
      <c r="V3" s="548"/>
      <c r="W3" s="548"/>
      <c r="X3" s="549"/>
      <c r="Y3" s="547" t="s">
        <v>110</v>
      </c>
      <c r="Z3" s="548"/>
      <c r="AA3" s="548"/>
      <c r="AB3" s="548"/>
      <c r="AC3" s="548"/>
      <c r="AD3" s="548"/>
      <c r="AE3" s="548"/>
      <c r="AF3" s="548"/>
      <c r="AG3" s="548"/>
      <c r="AH3" s="548"/>
      <c r="AI3" s="549"/>
      <c r="AJ3" s="547" t="s">
        <v>109</v>
      </c>
      <c r="AK3" s="548"/>
      <c r="AL3" s="548"/>
      <c r="AM3" s="548"/>
      <c r="AN3" s="548"/>
      <c r="AO3" s="548"/>
      <c r="AP3" s="548"/>
      <c r="AQ3" s="548"/>
      <c r="AR3" s="548"/>
      <c r="AS3" s="548"/>
      <c r="AT3" s="549"/>
      <c r="AU3" s="547" t="s">
        <v>108</v>
      </c>
      <c r="AV3" s="548"/>
      <c r="AW3" s="548"/>
      <c r="AX3" s="548"/>
      <c r="AY3" s="548"/>
      <c r="AZ3" s="548"/>
      <c r="BA3" s="548"/>
      <c r="BB3" s="548"/>
      <c r="BC3" s="548"/>
      <c r="BD3" s="548"/>
      <c r="BE3" s="549"/>
      <c r="BF3" s="547" t="s">
        <v>107</v>
      </c>
      <c r="BG3" s="548"/>
      <c r="BH3" s="548"/>
      <c r="BI3" s="548"/>
      <c r="BJ3" s="548"/>
      <c r="BK3" s="548"/>
      <c r="BL3" s="548"/>
      <c r="BM3" s="548"/>
      <c r="BN3" s="548"/>
      <c r="BO3" s="548"/>
      <c r="BP3" s="549"/>
      <c r="BQ3" s="547" t="s">
        <v>106</v>
      </c>
      <c r="BR3" s="548"/>
      <c r="BS3" s="548"/>
      <c r="BT3" s="548"/>
      <c r="BU3" s="548"/>
      <c r="BV3" s="548"/>
      <c r="BW3" s="548"/>
      <c r="BX3" s="548"/>
      <c r="BY3" s="548"/>
      <c r="BZ3" s="548"/>
      <c r="CA3" s="549"/>
      <c r="CB3" s="547" t="s">
        <v>128</v>
      </c>
      <c r="CC3" s="548"/>
      <c r="CD3" s="548"/>
      <c r="CE3" s="548"/>
      <c r="CF3" s="548"/>
      <c r="CG3" s="548"/>
      <c r="CH3" s="548"/>
      <c r="CI3" s="548"/>
      <c r="CJ3" s="548"/>
      <c r="CK3" s="548"/>
      <c r="CL3" s="549"/>
      <c r="CM3" s="547" t="s">
        <v>161</v>
      </c>
      <c r="CN3" s="548"/>
      <c r="CO3" s="548"/>
      <c r="CP3" s="548"/>
      <c r="CQ3" s="548"/>
      <c r="CR3" s="548"/>
      <c r="CS3" s="548"/>
      <c r="CT3" s="548"/>
      <c r="CU3" s="548"/>
      <c r="CV3" s="548"/>
      <c r="CW3" s="549"/>
      <c r="CX3" s="547" t="s">
        <v>157</v>
      </c>
      <c r="CY3" s="548"/>
      <c r="CZ3" s="548"/>
      <c r="DA3" s="548"/>
      <c r="DB3" s="548"/>
      <c r="DC3" s="548"/>
      <c r="DD3" s="548"/>
      <c r="DE3" s="548"/>
      <c r="DF3" s="548"/>
      <c r="DG3" s="548"/>
      <c r="DH3" s="549"/>
    </row>
    <row r="4" spans="2:112" ht="21" customHeight="1" x14ac:dyDescent="0.2">
      <c r="B4" s="551"/>
      <c r="C4" s="555" t="s">
        <v>61</v>
      </c>
      <c r="D4" s="538"/>
      <c r="E4" s="539"/>
      <c r="F4" s="537" t="s">
        <v>62</v>
      </c>
      <c r="G4" s="538"/>
      <c r="H4" s="538"/>
      <c r="I4" s="538"/>
      <c r="J4" s="538"/>
      <c r="K4" s="538"/>
      <c r="L4" s="546"/>
      <c r="M4" s="540" t="s">
        <v>52</v>
      </c>
      <c r="N4" s="555" t="s">
        <v>61</v>
      </c>
      <c r="O4" s="538"/>
      <c r="P4" s="539"/>
      <c r="Q4" s="537" t="s">
        <v>62</v>
      </c>
      <c r="R4" s="538"/>
      <c r="S4" s="538"/>
      <c r="T4" s="538"/>
      <c r="U4" s="538"/>
      <c r="V4" s="538"/>
      <c r="W4" s="539"/>
      <c r="X4" s="540" t="s">
        <v>52</v>
      </c>
      <c r="Y4" s="542" t="s">
        <v>61</v>
      </c>
      <c r="Z4" s="538"/>
      <c r="AA4" s="546"/>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42" t="s">
        <v>61</v>
      </c>
      <c r="AV4" s="538"/>
      <c r="AW4" s="546"/>
      <c r="AX4" s="537" t="s">
        <v>62</v>
      </c>
      <c r="AY4" s="538"/>
      <c r="AZ4" s="538"/>
      <c r="BA4" s="538"/>
      <c r="BB4" s="538"/>
      <c r="BC4" s="538"/>
      <c r="BD4" s="546"/>
      <c r="BE4" s="540" t="s">
        <v>52</v>
      </c>
      <c r="BF4" s="542" t="s">
        <v>61</v>
      </c>
      <c r="BG4" s="538"/>
      <c r="BH4" s="539"/>
      <c r="BI4" s="537" t="s">
        <v>62</v>
      </c>
      <c r="BJ4" s="538"/>
      <c r="BK4" s="538"/>
      <c r="BL4" s="538"/>
      <c r="BM4" s="538"/>
      <c r="BN4" s="538"/>
      <c r="BO4" s="539"/>
      <c r="BP4" s="540" t="s">
        <v>52</v>
      </c>
      <c r="BQ4" s="542" t="s">
        <v>61</v>
      </c>
      <c r="BR4" s="538"/>
      <c r="BS4" s="539"/>
      <c r="BT4" s="537" t="s">
        <v>62</v>
      </c>
      <c r="BU4" s="538"/>
      <c r="BV4" s="538"/>
      <c r="BW4" s="538"/>
      <c r="BX4" s="538"/>
      <c r="BY4" s="538"/>
      <c r="BZ4" s="539"/>
      <c r="CA4" s="540" t="s">
        <v>52</v>
      </c>
      <c r="CB4" s="542" t="s">
        <v>61</v>
      </c>
      <c r="CC4" s="538"/>
      <c r="CD4" s="539"/>
      <c r="CE4" s="537" t="s">
        <v>62</v>
      </c>
      <c r="CF4" s="538"/>
      <c r="CG4" s="538"/>
      <c r="CH4" s="538"/>
      <c r="CI4" s="538"/>
      <c r="CJ4" s="538"/>
      <c r="CK4" s="539"/>
      <c r="CL4" s="540" t="s">
        <v>52</v>
      </c>
      <c r="CM4" s="542" t="s">
        <v>61</v>
      </c>
      <c r="CN4" s="538"/>
      <c r="CO4" s="539"/>
      <c r="CP4" s="537" t="s">
        <v>62</v>
      </c>
      <c r="CQ4" s="538"/>
      <c r="CR4" s="538"/>
      <c r="CS4" s="538"/>
      <c r="CT4" s="538"/>
      <c r="CU4" s="538"/>
      <c r="CV4" s="539"/>
      <c r="CW4" s="540" t="s">
        <v>52</v>
      </c>
      <c r="CX4" s="542" t="s">
        <v>61</v>
      </c>
      <c r="CY4" s="538"/>
      <c r="CZ4" s="539"/>
      <c r="DA4" s="537" t="s">
        <v>62</v>
      </c>
      <c r="DB4" s="538"/>
      <c r="DC4" s="538"/>
      <c r="DD4" s="538"/>
      <c r="DE4" s="538"/>
      <c r="DF4" s="538"/>
      <c r="DG4" s="539"/>
      <c r="DH4" s="540" t="s">
        <v>52</v>
      </c>
    </row>
    <row r="5" spans="2:112" ht="30" customHeight="1" thickBot="1" x14ac:dyDescent="0.25">
      <c r="B5" s="552"/>
      <c r="C5" s="264" t="s">
        <v>43</v>
      </c>
      <c r="D5" s="259" t="s">
        <v>44</v>
      </c>
      <c r="E5" s="382" t="s">
        <v>45</v>
      </c>
      <c r="F5" s="267" t="s">
        <v>83</v>
      </c>
      <c r="G5" s="259" t="s">
        <v>47</v>
      </c>
      <c r="H5" s="259" t="s">
        <v>48</v>
      </c>
      <c r="I5" s="259" t="s">
        <v>49</v>
      </c>
      <c r="J5" s="259" t="s">
        <v>50</v>
      </c>
      <c r="K5" s="259" t="s">
        <v>51</v>
      </c>
      <c r="L5" s="268" t="s">
        <v>45</v>
      </c>
      <c r="M5" s="541"/>
      <c r="N5" s="264" t="s">
        <v>43</v>
      </c>
      <c r="O5" s="259" t="s">
        <v>44</v>
      </c>
      <c r="P5" s="265" t="s">
        <v>45</v>
      </c>
      <c r="Q5" s="267" t="s">
        <v>83</v>
      </c>
      <c r="R5" s="259" t="s">
        <v>47</v>
      </c>
      <c r="S5" s="259" t="s">
        <v>48</v>
      </c>
      <c r="T5" s="259" t="s">
        <v>49</v>
      </c>
      <c r="U5" s="259" t="s">
        <v>50</v>
      </c>
      <c r="V5" s="259" t="s">
        <v>51</v>
      </c>
      <c r="W5" s="265" t="s">
        <v>45</v>
      </c>
      <c r="X5" s="541"/>
      <c r="Y5" s="323" t="s">
        <v>43</v>
      </c>
      <c r="Z5" s="259" t="s">
        <v>44</v>
      </c>
      <c r="AA5" s="268" t="s">
        <v>45</v>
      </c>
      <c r="AB5" s="267" t="s">
        <v>83</v>
      </c>
      <c r="AC5" s="259" t="s">
        <v>47</v>
      </c>
      <c r="AD5" s="259" t="s">
        <v>48</v>
      </c>
      <c r="AE5" s="259" t="s">
        <v>49</v>
      </c>
      <c r="AF5" s="259" t="s">
        <v>50</v>
      </c>
      <c r="AG5" s="259" t="s">
        <v>51</v>
      </c>
      <c r="AH5" s="265" t="s">
        <v>45</v>
      </c>
      <c r="AI5" s="541"/>
      <c r="AJ5" s="323" t="s">
        <v>43</v>
      </c>
      <c r="AK5" s="259" t="s">
        <v>44</v>
      </c>
      <c r="AL5" s="265" t="s">
        <v>45</v>
      </c>
      <c r="AM5" s="267" t="s">
        <v>83</v>
      </c>
      <c r="AN5" s="259" t="s">
        <v>47</v>
      </c>
      <c r="AO5" s="259" t="s">
        <v>48</v>
      </c>
      <c r="AP5" s="259" t="s">
        <v>49</v>
      </c>
      <c r="AQ5" s="259" t="s">
        <v>50</v>
      </c>
      <c r="AR5" s="259" t="s">
        <v>51</v>
      </c>
      <c r="AS5" s="265" t="s">
        <v>45</v>
      </c>
      <c r="AT5" s="541"/>
      <c r="AU5" s="323" t="s">
        <v>43</v>
      </c>
      <c r="AV5" s="259" t="s">
        <v>44</v>
      </c>
      <c r="AW5" s="268" t="s">
        <v>45</v>
      </c>
      <c r="AX5" s="267" t="s">
        <v>83</v>
      </c>
      <c r="AY5" s="259" t="s">
        <v>47</v>
      </c>
      <c r="AZ5" s="259" t="s">
        <v>48</v>
      </c>
      <c r="BA5" s="259" t="s">
        <v>49</v>
      </c>
      <c r="BB5" s="259" t="s">
        <v>50</v>
      </c>
      <c r="BC5" s="259" t="s">
        <v>51</v>
      </c>
      <c r="BD5" s="268" t="s">
        <v>45</v>
      </c>
      <c r="BE5" s="541"/>
      <c r="BF5" s="323" t="s">
        <v>43</v>
      </c>
      <c r="BG5" s="259" t="s">
        <v>44</v>
      </c>
      <c r="BH5" s="265" t="s">
        <v>45</v>
      </c>
      <c r="BI5" s="267" t="s">
        <v>83</v>
      </c>
      <c r="BJ5" s="259" t="s">
        <v>47</v>
      </c>
      <c r="BK5" s="259" t="s">
        <v>48</v>
      </c>
      <c r="BL5" s="259" t="s">
        <v>49</v>
      </c>
      <c r="BM5" s="259" t="s">
        <v>50</v>
      </c>
      <c r="BN5" s="259" t="s">
        <v>51</v>
      </c>
      <c r="BO5" s="265" t="s">
        <v>45</v>
      </c>
      <c r="BP5" s="541"/>
      <c r="BQ5" s="323" t="s">
        <v>43</v>
      </c>
      <c r="BR5" s="259" t="s">
        <v>44</v>
      </c>
      <c r="BS5" s="265" t="s">
        <v>45</v>
      </c>
      <c r="BT5" s="267" t="s">
        <v>83</v>
      </c>
      <c r="BU5" s="259" t="s">
        <v>47</v>
      </c>
      <c r="BV5" s="259" t="s">
        <v>48</v>
      </c>
      <c r="BW5" s="259" t="s">
        <v>49</v>
      </c>
      <c r="BX5" s="259" t="s">
        <v>50</v>
      </c>
      <c r="BY5" s="259" t="s">
        <v>51</v>
      </c>
      <c r="BZ5" s="265" t="s">
        <v>45</v>
      </c>
      <c r="CA5" s="541"/>
      <c r="CB5" s="323" t="s">
        <v>43</v>
      </c>
      <c r="CC5" s="259" t="s">
        <v>44</v>
      </c>
      <c r="CD5" s="265" t="s">
        <v>45</v>
      </c>
      <c r="CE5" s="267" t="s">
        <v>83</v>
      </c>
      <c r="CF5" s="259" t="s">
        <v>47</v>
      </c>
      <c r="CG5" s="259" t="s">
        <v>48</v>
      </c>
      <c r="CH5" s="259" t="s">
        <v>49</v>
      </c>
      <c r="CI5" s="259" t="s">
        <v>50</v>
      </c>
      <c r="CJ5" s="259" t="s">
        <v>51</v>
      </c>
      <c r="CK5" s="265" t="s">
        <v>45</v>
      </c>
      <c r="CL5" s="541"/>
      <c r="CM5" s="323" t="s">
        <v>43</v>
      </c>
      <c r="CN5" s="259" t="s">
        <v>44</v>
      </c>
      <c r="CO5" s="265" t="s">
        <v>45</v>
      </c>
      <c r="CP5" s="267" t="s">
        <v>83</v>
      </c>
      <c r="CQ5" s="259" t="s">
        <v>47</v>
      </c>
      <c r="CR5" s="259" t="s">
        <v>48</v>
      </c>
      <c r="CS5" s="259" t="s">
        <v>49</v>
      </c>
      <c r="CT5" s="259" t="s">
        <v>50</v>
      </c>
      <c r="CU5" s="259" t="s">
        <v>51</v>
      </c>
      <c r="CV5" s="265" t="s">
        <v>45</v>
      </c>
      <c r="CW5" s="541"/>
      <c r="CX5" s="365" t="s">
        <v>43</v>
      </c>
      <c r="CY5" s="259" t="s">
        <v>44</v>
      </c>
      <c r="CZ5" s="265" t="s">
        <v>45</v>
      </c>
      <c r="DA5" s="267" t="s">
        <v>83</v>
      </c>
      <c r="DB5" s="259" t="s">
        <v>47</v>
      </c>
      <c r="DC5" s="259" t="s">
        <v>48</v>
      </c>
      <c r="DD5" s="259" t="s">
        <v>49</v>
      </c>
      <c r="DE5" s="259" t="s">
        <v>50</v>
      </c>
      <c r="DF5" s="259" t="s">
        <v>51</v>
      </c>
      <c r="DG5" s="265" t="s">
        <v>45</v>
      </c>
      <c r="DH5" s="541"/>
    </row>
    <row r="6" spans="2:112" ht="21" customHeight="1" x14ac:dyDescent="0.2">
      <c r="B6" s="260" t="s">
        <v>4</v>
      </c>
      <c r="C6" s="269">
        <v>0</v>
      </c>
      <c r="D6" s="273">
        <v>0</v>
      </c>
      <c r="E6" s="383">
        <v>0</v>
      </c>
      <c r="F6" s="272">
        <v>0</v>
      </c>
      <c r="G6" s="273">
        <v>13212</v>
      </c>
      <c r="H6" s="273">
        <v>17895</v>
      </c>
      <c r="I6" s="273">
        <v>19983</v>
      </c>
      <c r="J6" s="273">
        <v>22745</v>
      </c>
      <c r="K6" s="273">
        <v>19238</v>
      </c>
      <c r="L6" s="274">
        <v>93073</v>
      </c>
      <c r="M6" s="275">
        <v>93073</v>
      </c>
      <c r="N6" s="269">
        <v>0</v>
      </c>
      <c r="O6" s="273">
        <v>0</v>
      </c>
      <c r="P6" s="270">
        <v>0</v>
      </c>
      <c r="Q6" s="272">
        <v>0</v>
      </c>
      <c r="R6" s="273">
        <v>28</v>
      </c>
      <c r="S6" s="273">
        <v>116</v>
      </c>
      <c r="T6" s="273">
        <v>261</v>
      </c>
      <c r="U6" s="273">
        <v>560</v>
      </c>
      <c r="V6" s="273">
        <v>922</v>
      </c>
      <c r="W6" s="270">
        <v>1887</v>
      </c>
      <c r="X6" s="275">
        <v>1887</v>
      </c>
      <c r="Y6" s="269">
        <v>942</v>
      </c>
      <c r="Z6" s="273">
        <v>2513</v>
      </c>
      <c r="AA6" s="270">
        <v>3455</v>
      </c>
      <c r="AB6" s="272">
        <v>0</v>
      </c>
      <c r="AC6" s="273">
        <v>7784</v>
      </c>
      <c r="AD6" s="273">
        <v>11381</v>
      </c>
      <c r="AE6" s="273">
        <v>7605</v>
      </c>
      <c r="AF6" s="273">
        <v>6680</v>
      </c>
      <c r="AG6" s="273">
        <v>4682</v>
      </c>
      <c r="AH6" s="270">
        <v>38132</v>
      </c>
      <c r="AI6" s="275">
        <v>41587</v>
      </c>
      <c r="AJ6" s="269">
        <v>171</v>
      </c>
      <c r="AK6" s="273">
        <v>468</v>
      </c>
      <c r="AL6" s="270">
        <v>639</v>
      </c>
      <c r="AM6" s="272">
        <v>0</v>
      </c>
      <c r="AN6" s="273">
        <v>700</v>
      </c>
      <c r="AO6" s="273">
        <v>1496</v>
      </c>
      <c r="AP6" s="273">
        <v>1006</v>
      </c>
      <c r="AQ6" s="273">
        <v>885</v>
      </c>
      <c r="AR6" s="273">
        <v>216</v>
      </c>
      <c r="AS6" s="270">
        <v>4303</v>
      </c>
      <c r="AT6" s="275">
        <v>4942</v>
      </c>
      <c r="AU6" s="269">
        <v>0</v>
      </c>
      <c r="AV6" s="273">
        <v>0</v>
      </c>
      <c r="AW6" s="270">
        <v>0</v>
      </c>
      <c r="AX6" s="272">
        <v>0</v>
      </c>
      <c r="AY6" s="273">
        <v>11839</v>
      </c>
      <c r="AZ6" s="273">
        <v>10901</v>
      </c>
      <c r="BA6" s="273">
        <v>6943</v>
      </c>
      <c r="BB6" s="273">
        <v>3159</v>
      </c>
      <c r="BC6" s="273">
        <v>1178</v>
      </c>
      <c r="BD6" s="274">
        <v>34020</v>
      </c>
      <c r="BE6" s="275">
        <v>34020</v>
      </c>
      <c r="BF6" s="269">
        <v>0</v>
      </c>
      <c r="BG6" s="273">
        <v>0</v>
      </c>
      <c r="BH6" s="270">
        <v>0</v>
      </c>
      <c r="BI6" s="272">
        <v>0</v>
      </c>
      <c r="BJ6" s="273">
        <v>2441</v>
      </c>
      <c r="BK6" s="273">
        <v>3449</v>
      </c>
      <c r="BL6" s="273">
        <v>2189</v>
      </c>
      <c r="BM6" s="273">
        <v>1103</v>
      </c>
      <c r="BN6" s="273">
        <v>321</v>
      </c>
      <c r="BO6" s="270">
        <v>9503</v>
      </c>
      <c r="BP6" s="275">
        <v>9503</v>
      </c>
      <c r="BQ6" s="269">
        <v>36</v>
      </c>
      <c r="BR6" s="273">
        <v>127</v>
      </c>
      <c r="BS6" s="270">
        <v>163</v>
      </c>
      <c r="BT6" s="272">
        <v>0</v>
      </c>
      <c r="BU6" s="273">
        <v>1120</v>
      </c>
      <c r="BV6" s="273">
        <v>1853</v>
      </c>
      <c r="BW6" s="273">
        <v>3333</v>
      </c>
      <c r="BX6" s="273">
        <v>2681</v>
      </c>
      <c r="BY6" s="273">
        <v>876</v>
      </c>
      <c r="BZ6" s="270">
        <v>9863</v>
      </c>
      <c r="CA6" s="275">
        <v>10026</v>
      </c>
      <c r="CB6" s="269">
        <v>4</v>
      </c>
      <c r="CC6" s="273">
        <v>2</v>
      </c>
      <c r="CD6" s="270">
        <v>6</v>
      </c>
      <c r="CE6" s="272">
        <v>0</v>
      </c>
      <c r="CF6" s="273">
        <v>76</v>
      </c>
      <c r="CG6" s="273">
        <v>209</v>
      </c>
      <c r="CH6" s="273">
        <v>521</v>
      </c>
      <c r="CI6" s="273">
        <v>330</v>
      </c>
      <c r="CJ6" s="273">
        <v>160</v>
      </c>
      <c r="CK6" s="270">
        <v>1296</v>
      </c>
      <c r="CL6" s="275">
        <v>1302</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4832</v>
      </c>
      <c r="H7" s="280">
        <v>7713</v>
      </c>
      <c r="I7" s="280">
        <v>8842</v>
      </c>
      <c r="J7" s="280">
        <v>8488</v>
      </c>
      <c r="K7" s="280">
        <v>7403</v>
      </c>
      <c r="L7" s="281">
        <v>37278</v>
      </c>
      <c r="M7" s="282">
        <v>37278</v>
      </c>
      <c r="N7" s="276">
        <v>0</v>
      </c>
      <c r="O7" s="280">
        <v>0</v>
      </c>
      <c r="P7" s="277">
        <v>0</v>
      </c>
      <c r="Q7" s="279">
        <v>0</v>
      </c>
      <c r="R7" s="280">
        <v>9</v>
      </c>
      <c r="S7" s="280">
        <v>47</v>
      </c>
      <c r="T7" s="280">
        <v>103</v>
      </c>
      <c r="U7" s="280">
        <v>231</v>
      </c>
      <c r="V7" s="280">
        <v>409</v>
      </c>
      <c r="W7" s="277">
        <v>799</v>
      </c>
      <c r="X7" s="282">
        <v>799</v>
      </c>
      <c r="Y7" s="276">
        <v>419</v>
      </c>
      <c r="Z7" s="280">
        <v>1493</v>
      </c>
      <c r="AA7" s="277">
        <v>1912</v>
      </c>
      <c r="AB7" s="279">
        <v>0</v>
      </c>
      <c r="AC7" s="280">
        <v>3098</v>
      </c>
      <c r="AD7" s="280">
        <v>6190</v>
      </c>
      <c r="AE7" s="280">
        <v>4137</v>
      </c>
      <c r="AF7" s="280">
        <v>3317</v>
      </c>
      <c r="AG7" s="280">
        <v>2075</v>
      </c>
      <c r="AH7" s="277">
        <v>18817</v>
      </c>
      <c r="AI7" s="282">
        <v>20729</v>
      </c>
      <c r="AJ7" s="276">
        <v>47</v>
      </c>
      <c r="AK7" s="280">
        <v>266</v>
      </c>
      <c r="AL7" s="277">
        <v>313</v>
      </c>
      <c r="AM7" s="279">
        <v>0</v>
      </c>
      <c r="AN7" s="280">
        <v>175</v>
      </c>
      <c r="AO7" s="280">
        <v>573</v>
      </c>
      <c r="AP7" s="280">
        <v>477</v>
      </c>
      <c r="AQ7" s="280">
        <v>317</v>
      </c>
      <c r="AR7" s="280">
        <v>70</v>
      </c>
      <c r="AS7" s="277">
        <v>1612</v>
      </c>
      <c r="AT7" s="282">
        <v>1925</v>
      </c>
      <c r="AU7" s="276">
        <v>0</v>
      </c>
      <c r="AV7" s="280">
        <v>0</v>
      </c>
      <c r="AW7" s="277">
        <v>0</v>
      </c>
      <c r="AX7" s="279">
        <v>0</v>
      </c>
      <c r="AY7" s="280">
        <v>4193</v>
      </c>
      <c r="AZ7" s="280">
        <v>4810</v>
      </c>
      <c r="BA7" s="280">
        <v>2743</v>
      </c>
      <c r="BB7" s="280">
        <v>1130</v>
      </c>
      <c r="BC7" s="280">
        <v>496</v>
      </c>
      <c r="BD7" s="281">
        <v>13372</v>
      </c>
      <c r="BE7" s="282">
        <v>13372</v>
      </c>
      <c r="BF7" s="276">
        <v>0</v>
      </c>
      <c r="BG7" s="280">
        <v>0</v>
      </c>
      <c r="BH7" s="277">
        <v>0</v>
      </c>
      <c r="BI7" s="279">
        <v>0</v>
      </c>
      <c r="BJ7" s="280">
        <v>789</v>
      </c>
      <c r="BK7" s="280">
        <v>1530</v>
      </c>
      <c r="BL7" s="280">
        <v>1105</v>
      </c>
      <c r="BM7" s="280">
        <v>567</v>
      </c>
      <c r="BN7" s="280">
        <v>156</v>
      </c>
      <c r="BO7" s="277">
        <v>4147</v>
      </c>
      <c r="BP7" s="282">
        <v>4147</v>
      </c>
      <c r="BQ7" s="276">
        <v>11</v>
      </c>
      <c r="BR7" s="280">
        <v>53</v>
      </c>
      <c r="BS7" s="277">
        <v>64</v>
      </c>
      <c r="BT7" s="279">
        <v>0</v>
      </c>
      <c r="BU7" s="280">
        <v>386</v>
      </c>
      <c r="BV7" s="280">
        <v>844</v>
      </c>
      <c r="BW7" s="280">
        <v>1376</v>
      </c>
      <c r="BX7" s="280">
        <v>1099</v>
      </c>
      <c r="BY7" s="280">
        <v>365</v>
      </c>
      <c r="BZ7" s="277">
        <v>4070</v>
      </c>
      <c r="CA7" s="282">
        <v>4134</v>
      </c>
      <c r="CB7" s="276">
        <v>4</v>
      </c>
      <c r="CC7" s="280">
        <v>0</v>
      </c>
      <c r="CD7" s="277">
        <v>4</v>
      </c>
      <c r="CE7" s="279">
        <v>0</v>
      </c>
      <c r="CF7" s="280">
        <v>24</v>
      </c>
      <c r="CG7" s="280">
        <v>141</v>
      </c>
      <c r="CH7" s="280">
        <v>374</v>
      </c>
      <c r="CI7" s="280">
        <v>215</v>
      </c>
      <c r="CJ7" s="280">
        <v>109</v>
      </c>
      <c r="CK7" s="277">
        <v>863</v>
      </c>
      <c r="CL7" s="282">
        <v>867</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1590</v>
      </c>
      <c r="H8" s="280">
        <v>1869</v>
      </c>
      <c r="I8" s="280">
        <v>2081</v>
      </c>
      <c r="J8" s="280">
        <v>2683</v>
      </c>
      <c r="K8" s="280">
        <v>3116</v>
      </c>
      <c r="L8" s="281">
        <v>11339</v>
      </c>
      <c r="M8" s="282">
        <v>11339</v>
      </c>
      <c r="N8" s="276">
        <v>0</v>
      </c>
      <c r="O8" s="280">
        <v>0</v>
      </c>
      <c r="P8" s="277">
        <v>0</v>
      </c>
      <c r="Q8" s="279">
        <v>0</v>
      </c>
      <c r="R8" s="280">
        <v>4</v>
      </c>
      <c r="S8" s="280">
        <v>9</v>
      </c>
      <c r="T8" s="280">
        <v>23</v>
      </c>
      <c r="U8" s="280">
        <v>69</v>
      </c>
      <c r="V8" s="280">
        <v>129</v>
      </c>
      <c r="W8" s="277">
        <v>234</v>
      </c>
      <c r="X8" s="282">
        <v>234</v>
      </c>
      <c r="Y8" s="276">
        <v>162</v>
      </c>
      <c r="Z8" s="280">
        <v>307</v>
      </c>
      <c r="AA8" s="277">
        <v>469</v>
      </c>
      <c r="AB8" s="279">
        <v>0</v>
      </c>
      <c r="AC8" s="280">
        <v>1157</v>
      </c>
      <c r="AD8" s="280">
        <v>1384</v>
      </c>
      <c r="AE8" s="280">
        <v>823</v>
      </c>
      <c r="AF8" s="280">
        <v>1109</v>
      </c>
      <c r="AG8" s="280">
        <v>801</v>
      </c>
      <c r="AH8" s="277">
        <v>5274</v>
      </c>
      <c r="AI8" s="282">
        <v>5743</v>
      </c>
      <c r="AJ8" s="276">
        <v>16</v>
      </c>
      <c r="AK8" s="280">
        <v>0</v>
      </c>
      <c r="AL8" s="277">
        <v>16</v>
      </c>
      <c r="AM8" s="279">
        <v>0</v>
      </c>
      <c r="AN8" s="280">
        <v>99</v>
      </c>
      <c r="AO8" s="280">
        <v>172</v>
      </c>
      <c r="AP8" s="280">
        <v>81</v>
      </c>
      <c r="AQ8" s="280">
        <v>130</v>
      </c>
      <c r="AR8" s="280">
        <v>40</v>
      </c>
      <c r="AS8" s="277">
        <v>522</v>
      </c>
      <c r="AT8" s="282">
        <v>538</v>
      </c>
      <c r="AU8" s="276">
        <v>0</v>
      </c>
      <c r="AV8" s="280">
        <v>0</v>
      </c>
      <c r="AW8" s="277">
        <v>0</v>
      </c>
      <c r="AX8" s="279">
        <v>0</v>
      </c>
      <c r="AY8" s="280">
        <v>1637</v>
      </c>
      <c r="AZ8" s="280">
        <v>1225</v>
      </c>
      <c r="BA8" s="280">
        <v>628</v>
      </c>
      <c r="BB8" s="280">
        <v>524</v>
      </c>
      <c r="BC8" s="280">
        <v>198</v>
      </c>
      <c r="BD8" s="281">
        <v>4212</v>
      </c>
      <c r="BE8" s="282">
        <v>4212</v>
      </c>
      <c r="BF8" s="276">
        <v>0</v>
      </c>
      <c r="BG8" s="280">
        <v>0</v>
      </c>
      <c r="BH8" s="277">
        <v>0</v>
      </c>
      <c r="BI8" s="279">
        <v>0</v>
      </c>
      <c r="BJ8" s="280">
        <v>301</v>
      </c>
      <c r="BK8" s="280">
        <v>382</v>
      </c>
      <c r="BL8" s="280">
        <v>246</v>
      </c>
      <c r="BM8" s="280">
        <v>111</v>
      </c>
      <c r="BN8" s="280">
        <v>63</v>
      </c>
      <c r="BO8" s="277">
        <v>1103</v>
      </c>
      <c r="BP8" s="282">
        <v>1103</v>
      </c>
      <c r="BQ8" s="276">
        <v>2</v>
      </c>
      <c r="BR8" s="280">
        <v>22</v>
      </c>
      <c r="BS8" s="277">
        <v>24</v>
      </c>
      <c r="BT8" s="279">
        <v>0</v>
      </c>
      <c r="BU8" s="280">
        <v>106</v>
      </c>
      <c r="BV8" s="280">
        <v>124</v>
      </c>
      <c r="BW8" s="280">
        <v>275</v>
      </c>
      <c r="BX8" s="280">
        <v>127</v>
      </c>
      <c r="BY8" s="280">
        <v>120</v>
      </c>
      <c r="BZ8" s="277">
        <v>752</v>
      </c>
      <c r="CA8" s="282">
        <v>776</v>
      </c>
      <c r="CB8" s="276">
        <v>0</v>
      </c>
      <c r="CC8" s="280">
        <v>0</v>
      </c>
      <c r="CD8" s="277">
        <v>0</v>
      </c>
      <c r="CE8" s="279">
        <v>0</v>
      </c>
      <c r="CF8" s="280">
        <v>12</v>
      </c>
      <c r="CG8" s="280">
        <v>7</v>
      </c>
      <c r="CH8" s="280">
        <v>54</v>
      </c>
      <c r="CI8" s="280">
        <v>59</v>
      </c>
      <c r="CJ8" s="280">
        <v>13</v>
      </c>
      <c r="CK8" s="277">
        <v>145</v>
      </c>
      <c r="CL8" s="282">
        <v>145</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753</v>
      </c>
      <c r="H9" s="280">
        <v>1426</v>
      </c>
      <c r="I9" s="280">
        <v>1602</v>
      </c>
      <c r="J9" s="280">
        <v>1246</v>
      </c>
      <c r="K9" s="280">
        <v>661</v>
      </c>
      <c r="L9" s="281">
        <v>5688</v>
      </c>
      <c r="M9" s="282">
        <v>5688</v>
      </c>
      <c r="N9" s="276">
        <v>0</v>
      </c>
      <c r="O9" s="280">
        <v>0</v>
      </c>
      <c r="P9" s="277">
        <v>0</v>
      </c>
      <c r="Q9" s="279">
        <v>0</v>
      </c>
      <c r="R9" s="280">
        <v>0</v>
      </c>
      <c r="S9" s="280">
        <v>1</v>
      </c>
      <c r="T9" s="280">
        <v>5</v>
      </c>
      <c r="U9" s="280">
        <v>13</v>
      </c>
      <c r="V9" s="280">
        <v>50</v>
      </c>
      <c r="W9" s="277">
        <v>69</v>
      </c>
      <c r="X9" s="282">
        <v>69</v>
      </c>
      <c r="Y9" s="276">
        <v>33</v>
      </c>
      <c r="Z9" s="280">
        <v>152</v>
      </c>
      <c r="AA9" s="277">
        <v>185</v>
      </c>
      <c r="AB9" s="279">
        <v>0</v>
      </c>
      <c r="AC9" s="280">
        <v>369</v>
      </c>
      <c r="AD9" s="280">
        <v>879</v>
      </c>
      <c r="AE9" s="280">
        <v>581</v>
      </c>
      <c r="AF9" s="280">
        <v>269</v>
      </c>
      <c r="AG9" s="280">
        <v>368</v>
      </c>
      <c r="AH9" s="277">
        <v>2466</v>
      </c>
      <c r="AI9" s="282">
        <v>2651</v>
      </c>
      <c r="AJ9" s="276">
        <v>0</v>
      </c>
      <c r="AK9" s="280">
        <v>23</v>
      </c>
      <c r="AL9" s="277">
        <v>23</v>
      </c>
      <c r="AM9" s="279">
        <v>0</v>
      </c>
      <c r="AN9" s="280">
        <v>24</v>
      </c>
      <c r="AO9" s="280">
        <v>6</v>
      </c>
      <c r="AP9" s="280">
        <v>36</v>
      </c>
      <c r="AQ9" s="280">
        <v>51</v>
      </c>
      <c r="AR9" s="280">
        <v>0</v>
      </c>
      <c r="AS9" s="277">
        <v>117</v>
      </c>
      <c r="AT9" s="282">
        <v>140</v>
      </c>
      <c r="AU9" s="276">
        <v>0</v>
      </c>
      <c r="AV9" s="280">
        <v>0</v>
      </c>
      <c r="AW9" s="277">
        <v>0</v>
      </c>
      <c r="AX9" s="279">
        <v>0</v>
      </c>
      <c r="AY9" s="280">
        <v>965</v>
      </c>
      <c r="AZ9" s="280">
        <v>973</v>
      </c>
      <c r="BA9" s="280">
        <v>804</v>
      </c>
      <c r="BB9" s="280">
        <v>279</v>
      </c>
      <c r="BC9" s="280">
        <v>81</v>
      </c>
      <c r="BD9" s="281">
        <v>3102</v>
      </c>
      <c r="BE9" s="282">
        <v>3102</v>
      </c>
      <c r="BF9" s="276">
        <v>0</v>
      </c>
      <c r="BG9" s="280">
        <v>0</v>
      </c>
      <c r="BH9" s="277">
        <v>0</v>
      </c>
      <c r="BI9" s="279">
        <v>0</v>
      </c>
      <c r="BJ9" s="280">
        <v>89</v>
      </c>
      <c r="BK9" s="280">
        <v>225</v>
      </c>
      <c r="BL9" s="280">
        <v>104</v>
      </c>
      <c r="BM9" s="280">
        <v>83</v>
      </c>
      <c r="BN9" s="280">
        <v>0</v>
      </c>
      <c r="BO9" s="277">
        <v>501</v>
      </c>
      <c r="BP9" s="282">
        <v>501</v>
      </c>
      <c r="BQ9" s="276">
        <v>1</v>
      </c>
      <c r="BR9" s="280">
        <v>8</v>
      </c>
      <c r="BS9" s="277">
        <v>9</v>
      </c>
      <c r="BT9" s="279">
        <v>0</v>
      </c>
      <c r="BU9" s="280">
        <v>76</v>
      </c>
      <c r="BV9" s="280">
        <v>159</v>
      </c>
      <c r="BW9" s="280">
        <v>379</v>
      </c>
      <c r="BX9" s="280">
        <v>156</v>
      </c>
      <c r="BY9" s="280">
        <v>37</v>
      </c>
      <c r="BZ9" s="277">
        <v>807</v>
      </c>
      <c r="CA9" s="282">
        <v>816</v>
      </c>
      <c r="CB9" s="276">
        <v>0</v>
      </c>
      <c r="CC9" s="280">
        <v>0</v>
      </c>
      <c r="CD9" s="277">
        <v>0</v>
      </c>
      <c r="CE9" s="279">
        <v>0</v>
      </c>
      <c r="CF9" s="280">
        <v>0</v>
      </c>
      <c r="CG9" s="280">
        <v>12</v>
      </c>
      <c r="CH9" s="280">
        <v>0</v>
      </c>
      <c r="CI9" s="280">
        <v>3</v>
      </c>
      <c r="CJ9" s="280">
        <v>8</v>
      </c>
      <c r="CK9" s="277">
        <v>23</v>
      </c>
      <c r="CL9" s="282">
        <v>2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484</v>
      </c>
      <c r="H10" s="280">
        <v>1477</v>
      </c>
      <c r="I10" s="280">
        <v>1565</v>
      </c>
      <c r="J10" s="280">
        <v>2077</v>
      </c>
      <c r="K10" s="280">
        <v>1627</v>
      </c>
      <c r="L10" s="281">
        <v>8230</v>
      </c>
      <c r="M10" s="282">
        <v>8230</v>
      </c>
      <c r="N10" s="276">
        <v>0</v>
      </c>
      <c r="O10" s="280">
        <v>0</v>
      </c>
      <c r="P10" s="277">
        <v>0</v>
      </c>
      <c r="Q10" s="279">
        <v>0</v>
      </c>
      <c r="R10" s="280">
        <v>8</v>
      </c>
      <c r="S10" s="280">
        <v>26</v>
      </c>
      <c r="T10" s="280">
        <v>44</v>
      </c>
      <c r="U10" s="280">
        <v>77</v>
      </c>
      <c r="V10" s="280">
        <v>57</v>
      </c>
      <c r="W10" s="277">
        <v>212</v>
      </c>
      <c r="X10" s="282">
        <v>212</v>
      </c>
      <c r="Y10" s="276">
        <v>8</v>
      </c>
      <c r="Z10" s="280">
        <v>40</v>
      </c>
      <c r="AA10" s="277">
        <v>48</v>
      </c>
      <c r="AB10" s="279">
        <v>0</v>
      </c>
      <c r="AC10" s="280">
        <v>499</v>
      </c>
      <c r="AD10" s="280">
        <v>488</v>
      </c>
      <c r="AE10" s="280">
        <v>312</v>
      </c>
      <c r="AF10" s="280">
        <v>231</v>
      </c>
      <c r="AG10" s="280">
        <v>217</v>
      </c>
      <c r="AH10" s="277">
        <v>1747</v>
      </c>
      <c r="AI10" s="282">
        <v>1795</v>
      </c>
      <c r="AJ10" s="276">
        <v>0</v>
      </c>
      <c r="AK10" s="280">
        <v>0</v>
      </c>
      <c r="AL10" s="277">
        <v>0</v>
      </c>
      <c r="AM10" s="279">
        <v>0</v>
      </c>
      <c r="AN10" s="280">
        <v>80</v>
      </c>
      <c r="AO10" s="280">
        <v>67</v>
      </c>
      <c r="AP10" s="280">
        <v>114</v>
      </c>
      <c r="AQ10" s="280">
        <v>74</v>
      </c>
      <c r="AR10" s="280">
        <v>0</v>
      </c>
      <c r="AS10" s="277">
        <v>335</v>
      </c>
      <c r="AT10" s="282">
        <v>335</v>
      </c>
      <c r="AU10" s="276">
        <v>0</v>
      </c>
      <c r="AV10" s="280">
        <v>0</v>
      </c>
      <c r="AW10" s="277">
        <v>0</v>
      </c>
      <c r="AX10" s="279">
        <v>0</v>
      </c>
      <c r="AY10" s="280">
        <v>1109</v>
      </c>
      <c r="AZ10" s="280">
        <v>604</v>
      </c>
      <c r="BA10" s="280">
        <v>430</v>
      </c>
      <c r="BB10" s="280">
        <v>144</v>
      </c>
      <c r="BC10" s="280">
        <v>51</v>
      </c>
      <c r="BD10" s="281">
        <v>2338</v>
      </c>
      <c r="BE10" s="282">
        <v>2338</v>
      </c>
      <c r="BF10" s="276">
        <v>0</v>
      </c>
      <c r="BG10" s="280">
        <v>0</v>
      </c>
      <c r="BH10" s="277">
        <v>0</v>
      </c>
      <c r="BI10" s="279">
        <v>0</v>
      </c>
      <c r="BJ10" s="280">
        <v>150</v>
      </c>
      <c r="BK10" s="280">
        <v>139</v>
      </c>
      <c r="BL10" s="280">
        <v>77</v>
      </c>
      <c r="BM10" s="280">
        <v>15</v>
      </c>
      <c r="BN10" s="280">
        <v>4</v>
      </c>
      <c r="BO10" s="277">
        <v>385</v>
      </c>
      <c r="BP10" s="282">
        <v>385</v>
      </c>
      <c r="BQ10" s="276">
        <v>0</v>
      </c>
      <c r="BR10" s="280">
        <v>0</v>
      </c>
      <c r="BS10" s="277">
        <v>0</v>
      </c>
      <c r="BT10" s="279">
        <v>0</v>
      </c>
      <c r="BU10" s="280">
        <v>119</v>
      </c>
      <c r="BV10" s="280">
        <v>169</v>
      </c>
      <c r="BW10" s="280">
        <v>152</v>
      </c>
      <c r="BX10" s="280">
        <v>133</v>
      </c>
      <c r="BY10" s="280">
        <v>59</v>
      </c>
      <c r="BZ10" s="277">
        <v>632</v>
      </c>
      <c r="CA10" s="282">
        <v>632</v>
      </c>
      <c r="CB10" s="276">
        <v>0</v>
      </c>
      <c r="CC10" s="280">
        <v>0</v>
      </c>
      <c r="CD10" s="277">
        <v>0</v>
      </c>
      <c r="CE10" s="279">
        <v>0</v>
      </c>
      <c r="CF10" s="280">
        <v>3</v>
      </c>
      <c r="CG10" s="280">
        <v>9</v>
      </c>
      <c r="CH10" s="280">
        <v>1</v>
      </c>
      <c r="CI10" s="280">
        <v>20</v>
      </c>
      <c r="CJ10" s="280">
        <v>0</v>
      </c>
      <c r="CK10" s="277">
        <v>33</v>
      </c>
      <c r="CL10" s="282">
        <v>33</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316</v>
      </c>
      <c r="H11" s="280">
        <v>624</v>
      </c>
      <c r="I11" s="280">
        <v>645</v>
      </c>
      <c r="J11" s="280">
        <v>563</v>
      </c>
      <c r="K11" s="280">
        <v>298</v>
      </c>
      <c r="L11" s="281">
        <v>2446</v>
      </c>
      <c r="M11" s="282">
        <v>2446</v>
      </c>
      <c r="N11" s="276">
        <v>0</v>
      </c>
      <c r="O11" s="280">
        <v>0</v>
      </c>
      <c r="P11" s="277">
        <v>0</v>
      </c>
      <c r="Q11" s="279">
        <v>0</v>
      </c>
      <c r="R11" s="280">
        <v>0</v>
      </c>
      <c r="S11" s="280">
        <v>1</v>
      </c>
      <c r="T11" s="280">
        <v>8</v>
      </c>
      <c r="U11" s="280">
        <v>15</v>
      </c>
      <c r="V11" s="280">
        <v>23</v>
      </c>
      <c r="W11" s="277">
        <v>47</v>
      </c>
      <c r="X11" s="282">
        <v>47</v>
      </c>
      <c r="Y11" s="276">
        <v>9</v>
      </c>
      <c r="Z11" s="280">
        <v>33</v>
      </c>
      <c r="AA11" s="277">
        <v>42</v>
      </c>
      <c r="AB11" s="279">
        <v>0</v>
      </c>
      <c r="AC11" s="280">
        <v>149</v>
      </c>
      <c r="AD11" s="280">
        <v>136</v>
      </c>
      <c r="AE11" s="280">
        <v>157</v>
      </c>
      <c r="AF11" s="280">
        <v>160</v>
      </c>
      <c r="AG11" s="280">
        <v>113</v>
      </c>
      <c r="AH11" s="277">
        <v>715</v>
      </c>
      <c r="AI11" s="282">
        <v>757</v>
      </c>
      <c r="AJ11" s="276">
        <v>0</v>
      </c>
      <c r="AK11" s="280">
        <v>8</v>
      </c>
      <c r="AL11" s="277">
        <v>8</v>
      </c>
      <c r="AM11" s="279">
        <v>0</v>
      </c>
      <c r="AN11" s="280">
        <v>20</v>
      </c>
      <c r="AO11" s="280">
        <v>20</v>
      </c>
      <c r="AP11" s="280">
        <v>26</v>
      </c>
      <c r="AQ11" s="280">
        <v>30</v>
      </c>
      <c r="AR11" s="280">
        <v>0</v>
      </c>
      <c r="AS11" s="277">
        <v>96</v>
      </c>
      <c r="AT11" s="282">
        <v>104</v>
      </c>
      <c r="AU11" s="276">
        <v>0</v>
      </c>
      <c r="AV11" s="280">
        <v>0</v>
      </c>
      <c r="AW11" s="277">
        <v>0</v>
      </c>
      <c r="AX11" s="279">
        <v>0</v>
      </c>
      <c r="AY11" s="280">
        <v>273</v>
      </c>
      <c r="AZ11" s="280">
        <v>302</v>
      </c>
      <c r="BA11" s="280">
        <v>297</v>
      </c>
      <c r="BB11" s="280">
        <v>96</v>
      </c>
      <c r="BC11" s="280">
        <v>44</v>
      </c>
      <c r="BD11" s="281">
        <v>1012</v>
      </c>
      <c r="BE11" s="282">
        <v>1012</v>
      </c>
      <c r="BF11" s="276">
        <v>0</v>
      </c>
      <c r="BG11" s="280">
        <v>0</v>
      </c>
      <c r="BH11" s="277">
        <v>0</v>
      </c>
      <c r="BI11" s="279">
        <v>0</v>
      </c>
      <c r="BJ11" s="280">
        <v>69</v>
      </c>
      <c r="BK11" s="280">
        <v>69</v>
      </c>
      <c r="BL11" s="280">
        <v>46</v>
      </c>
      <c r="BM11" s="280">
        <v>18</v>
      </c>
      <c r="BN11" s="280">
        <v>0</v>
      </c>
      <c r="BO11" s="277">
        <v>202</v>
      </c>
      <c r="BP11" s="282">
        <v>202</v>
      </c>
      <c r="BQ11" s="276">
        <v>3</v>
      </c>
      <c r="BR11" s="280">
        <v>0</v>
      </c>
      <c r="BS11" s="277">
        <v>3</v>
      </c>
      <c r="BT11" s="279">
        <v>0</v>
      </c>
      <c r="BU11" s="280">
        <v>19</v>
      </c>
      <c r="BV11" s="280">
        <v>41</v>
      </c>
      <c r="BW11" s="280">
        <v>119</v>
      </c>
      <c r="BX11" s="280">
        <v>100</v>
      </c>
      <c r="BY11" s="280">
        <v>1</v>
      </c>
      <c r="BZ11" s="277">
        <v>280</v>
      </c>
      <c r="CA11" s="282">
        <v>283</v>
      </c>
      <c r="CB11" s="276">
        <v>0</v>
      </c>
      <c r="CC11" s="280">
        <v>0</v>
      </c>
      <c r="CD11" s="277">
        <v>0</v>
      </c>
      <c r="CE11" s="279">
        <v>0</v>
      </c>
      <c r="CF11" s="280">
        <v>0</v>
      </c>
      <c r="CG11" s="280">
        <v>0</v>
      </c>
      <c r="CH11" s="280">
        <v>1</v>
      </c>
      <c r="CI11" s="280">
        <v>0</v>
      </c>
      <c r="CJ11" s="280">
        <v>0</v>
      </c>
      <c r="CK11" s="277">
        <v>1</v>
      </c>
      <c r="CL11" s="282">
        <v>1</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719</v>
      </c>
      <c r="H12" s="280">
        <v>775</v>
      </c>
      <c r="I12" s="280">
        <v>971</v>
      </c>
      <c r="J12" s="280">
        <v>1274</v>
      </c>
      <c r="K12" s="280">
        <v>958</v>
      </c>
      <c r="L12" s="281">
        <v>4697</v>
      </c>
      <c r="M12" s="282">
        <v>4697</v>
      </c>
      <c r="N12" s="276">
        <v>0</v>
      </c>
      <c r="O12" s="280">
        <v>0</v>
      </c>
      <c r="P12" s="277">
        <v>0</v>
      </c>
      <c r="Q12" s="279">
        <v>0</v>
      </c>
      <c r="R12" s="280">
        <v>0</v>
      </c>
      <c r="S12" s="280">
        <v>1</v>
      </c>
      <c r="T12" s="280">
        <v>9</v>
      </c>
      <c r="U12" s="280">
        <v>21</v>
      </c>
      <c r="V12" s="280">
        <v>26</v>
      </c>
      <c r="W12" s="277">
        <v>57</v>
      </c>
      <c r="X12" s="282">
        <v>57</v>
      </c>
      <c r="Y12" s="276">
        <v>20</v>
      </c>
      <c r="Z12" s="280">
        <v>45</v>
      </c>
      <c r="AA12" s="277">
        <v>65</v>
      </c>
      <c r="AB12" s="279">
        <v>0</v>
      </c>
      <c r="AC12" s="280">
        <v>444</v>
      </c>
      <c r="AD12" s="280">
        <v>320</v>
      </c>
      <c r="AE12" s="280">
        <v>259</v>
      </c>
      <c r="AF12" s="280">
        <v>300</v>
      </c>
      <c r="AG12" s="280">
        <v>149</v>
      </c>
      <c r="AH12" s="277">
        <v>1472</v>
      </c>
      <c r="AI12" s="282">
        <v>1537</v>
      </c>
      <c r="AJ12" s="276">
        <v>0</v>
      </c>
      <c r="AK12" s="280">
        <v>0</v>
      </c>
      <c r="AL12" s="277">
        <v>0</v>
      </c>
      <c r="AM12" s="279">
        <v>0</v>
      </c>
      <c r="AN12" s="280">
        <v>0</v>
      </c>
      <c r="AO12" s="280">
        <v>51</v>
      </c>
      <c r="AP12" s="280">
        <v>52</v>
      </c>
      <c r="AQ12" s="280">
        <v>71</v>
      </c>
      <c r="AR12" s="280">
        <v>14</v>
      </c>
      <c r="AS12" s="277">
        <v>188</v>
      </c>
      <c r="AT12" s="282">
        <v>188</v>
      </c>
      <c r="AU12" s="276">
        <v>0</v>
      </c>
      <c r="AV12" s="280">
        <v>0</v>
      </c>
      <c r="AW12" s="277">
        <v>0</v>
      </c>
      <c r="AX12" s="279">
        <v>0</v>
      </c>
      <c r="AY12" s="280">
        <v>291</v>
      </c>
      <c r="AZ12" s="280">
        <v>280</v>
      </c>
      <c r="BA12" s="280">
        <v>255</v>
      </c>
      <c r="BB12" s="280">
        <v>103</v>
      </c>
      <c r="BC12" s="280">
        <v>33</v>
      </c>
      <c r="BD12" s="281">
        <v>962</v>
      </c>
      <c r="BE12" s="282">
        <v>962</v>
      </c>
      <c r="BF12" s="276">
        <v>0</v>
      </c>
      <c r="BG12" s="280">
        <v>0</v>
      </c>
      <c r="BH12" s="277">
        <v>0</v>
      </c>
      <c r="BI12" s="279">
        <v>0</v>
      </c>
      <c r="BJ12" s="280">
        <v>141</v>
      </c>
      <c r="BK12" s="280">
        <v>78</v>
      </c>
      <c r="BL12" s="280">
        <v>93</v>
      </c>
      <c r="BM12" s="280">
        <v>49</v>
      </c>
      <c r="BN12" s="280">
        <v>12</v>
      </c>
      <c r="BO12" s="277">
        <v>373</v>
      </c>
      <c r="BP12" s="282">
        <v>373</v>
      </c>
      <c r="BQ12" s="276">
        <v>0</v>
      </c>
      <c r="BR12" s="280">
        <v>0</v>
      </c>
      <c r="BS12" s="277">
        <v>0</v>
      </c>
      <c r="BT12" s="279">
        <v>0</v>
      </c>
      <c r="BU12" s="280">
        <v>56</v>
      </c>
      <c r="BV12" s="280">
        <v>27</v>
      </c>
      <c r="BW12" s="280">
        <v>72</v>
      </c>
      <c r="BX12" s="280">
        <v>136</v>
      </c>
      <c r="BY12" s="280">
        <v>45</v>
      </c>
      <c r="BZ12" s="277">
        <v>336</v>
      </c>
      <c r="CA12" s="282">
        <v>336</v>
      </c>
      <c r="CB12" s="276">
        <v>0</v>
      </c>
      <c r="CC12" s="280">
        <v>0</v>
      </c>
      <c r="CD12" s="277">
        <v>0</v>
      </c>
      <c r="CE12" s="279">
        <v>0</v>
      </c>
      <c r="CF12" s="280">
        <v>0</v>
      </c>
      <c r="CG12" s="280">
        <v>0</v>
      </c>
      <c r="CH12" s="280">
        <v>8</v>
      </c>
      <c r="CI12" s="280">
        <v>8</v>
      </c>
      <c r="CJ12" s="280">
        <v>0</v>
      </c>
      <c r="CK12" s="277">
        <v>16</v>
      </c>
      <c r="CL12" s="282">
        <v>16</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283</v>
      </c>
      <c r="H13" s="280">
        <v>1090</v>
      </c>
      <c r="I13" s="280">
        <v>732</v>
      </c>
      <c r="J13" s="280">
        <v>1437</v>
      </c>
      <c r="K13" s="280">
        <v>1199</v>
      </c>
      <c r="L13" s="281">
        <v>5741</v>
      </c>
      <c r="M13" s="282">
        <v>5741</v>
      </c>
      <c r="N13" s="276">
        <v>0</v>
      </c>
      <c r="O13" s="280">
        <v>0</v>
      </c>
      <c r="P13" s="277">
        <v>0</v>
      </c>
      <c r="Q13" s="279">
        <v>0</v>
      </c>
      <c r="R13" s="280">
        <v>4</v>
      </c>
      <c r="S13" s="280">
        <v>0</v>
      </c>
      <c r="T13" s="280">
        <v>5</v>
      </c>
      <c r="U13" s="280">
        <v>40</v>
      </c>
      <c r="V13" s="280">
        <v>50</v>
      </c>
      <c r="W13" s="277">
        <v>99</v>
      </c>
      <c r="X13" s="282">
        <v>99</v>
      </c>
      <c r="Y13" s="276">
        <v>75</v>
      </c>
      <c r="Z13" s="280">
        <v>84</v>
      </c>
      <c r="AA13" s="277">
        <v>159</v>
      </c>
      <c r="AB13" s="279">
        <v>0</v>
      </c>
      <c r="AC13" s="280">
        <v>610</v>
      </c>
      <c r="AD13" s="280">
        <v>392</v>
      </c>
      <c r="AE13" s="280">
        <v>263</v>
      </c>
      <c r="AF13" s="280">
        <v>329</v>
      </c>
      <c r="AG13" s="280">
        <v>143</v>
      </c>
      <c r="AH13" s="277">
        <v>1737</v>
      </c>
      <c r="AI13" s="282">
        <v>1896</v>
      </c>
      <c r="AJ13" s="276">
        <v>28</v>
      </c>
      <c r="AK13" s="280">
        <v>23</v>
      </c>
      <c r="AL13" s="277">
        <v>51</v>
      </c>
      <c r="AM13" s="279">
        <v>0</v>
      </c>
      <c r="AN13" s="280">
        <v>84</v>
      </c>
      <c r="AO13" s="280">
        <v>75</v>
      </c>
      <c r="AP13" s="280">
        <v>25</v>
      </c>
      <c r="AQ13" s="280">
        <v>31</v>
      </c>
      <c r="AR13" s="280">
        <v>65</v>
      </c>
      <c r="AS13" s="277">
        <v>280</v>
      </c>
      <c r="AT13" s="282">
        <v>331</v>
      </c>
      <c r="AU13" s="276">
        <v>0</v>
      </c>
      <c r="AV13" s="280">
        <v>0</v>
      </c>
      <c r="AW13" s="277">
        <v>0</v>
      </c>
      <c r="AX13" s="279">
        <v>0</v>
      </c>
      <c r="AY13" s="280">
        <v>868</v>
      </c>
      <c r="AZ13" s="280">
        <v>622</v>
      </c>
      <c r="BA13" s="280">
        <v>365</v>
      </c>
      <c r="BB13" s="280">
        <v>149</v>
      </c>
      <c r="BC13" s="280">
        <v>54</v>
      </c>
      <c r="BD13" s="281">
        <v>2058</v>
      </c>
      <c r="BE13" s="282">
        <v>2058</v>
      </c>
      <c r="BF13" s="276">
        <v>0</v>
      </c>
      <c r="BG13" s="280">
        <v>0</v>
      </c>
      <c r="BH13" s="277">
        <v>0</v>
      </c>
      <c r="BI13" s="279">
        <v>0</v>
      </c>
      <c r="BJ13" s="280">
        <v>141</v>
      </c>
      <c r="BK13" s="280">
        <v>62</v>
      </c>
      <c r="BL13" s="280">
        <v>40</v>
      </c>
      <c r="BM13" s="280">
        <v>25</v>
      </c>
      <c r="BN13" s="280">
        <v>15</v>
      </c>
      <c r="BO13" s="277">
        <v>283</v>
      </c>
      <c r="BP13" s="282">
        <v>283</v>
      </c>
      <c r="BQ13" s="276">
        <v>11</v>
      </c>
      <c r="BR13" s="280">
        <v>0</v>
      </c>
      <c r="BS13" s="277">
        <v>11</v>
      </c>
      <c r="BT13" s="279">
        <v>0</v>
      </c>
      <c r="BU13" s="280">
        <v>48</v>
      </c>
      <c r="BV13" s="280">
        <v>63</v>
      </c>
      <c r="BW13" s="280">
        <v>267</v>
      </c>
      <c r="BX13" s="280">
        <v>179</v>
      </c>
      <c r="BY13" s="280">
        <v>8</v>
      </c>
      <c r="BZ13" s="277">
        <v>565</v>
      </c>
      <c r="CA13" s="282">
        <v>576</v>
      </c>
      <c r="CB13" s="276">
        <v>0</v>
      </c>
      <c r="CC13" s="280">
        <v>0</v>
      </c>
      <c r="CD13" s="277">
        <v>0</v>
      </c>
      <c r="CE13" s="279">
        <v>0</v>
      </c>
      <c r="CF13" s="280">
        <v>9</v>
      </c>
      <c r="CG13" s="280">
        <v>5</v>
      </c>
      <c r="CH13" s="280">
        <v>14</v>
      </c>
      <c r="CI13" s="280">
        <v>0</v>
      </c>
      <c r="CJ13" s="280">
        <v>0</v>
      </c>
      <c r="CK13" s="277">
        <v>28</v>
      </c>
      <c r="CL13" s="282">
        <v>28</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97</v>
      </c>
      <c r="H14" s="280">
        <v>208</v>
      </c>
      <c r="I14" s="280">
        <v>350</v>
      </c>
      <c r="J14" s="280">
        <v>212</v>
      </c>
      <c r="K14" s="280">
        <v>632</v>
      </c>
      <c r="L14" s="281">
        <v>1499</v>
      </c>
      <c r="M14" s="282">
        <v>1499</v>
      </c>
      <c r="N14" s="276">
        <v>0</v>
      </c>
      <c r="O14" s="280">
        <v>0</v>
      </c>
      <c r="P14" s="277">
        <v>0</v>
      </c>
      <c r="Q14" s="279">
        <v>0</v>
      </c>
      <c r="R14" s="280">
        <v>0</v>
      </c>
      <c r="S14" s="280">
        <v>4</v>
      </c>
      <c r="T14" s="280">
        <v>8</v>
      </c>
      <c r="U14" s="280">
        <v>22</v>
      </c>
      <c r="V14" s="280">
        <v>33</v>
      </c>
      <c r="W14" s="277">
        <v>67</v>
      </c>
      <c r="X14" s="282">
        <v>67</v>
      </c>
      <c r="Y14" s="276">
        <v>19</v>
      </c>
      <c r="Z14" s="280">
        <v>35</v>
      </c>
      <c r="AA14" s="277">
        <v>54</v>
      </c>
      <c r="AB14" s="279">
        <v>0</v>
      </c>
      <c r="AC14" s="280">
        <v>214</v>
      </c>
      <c r="AD14" s="280">
        <v>118</v>
      </c>
      <c r="AE14" s="280">
        <v>58</v>
      </c>
      <c r="AF14" s="280">
        <v>133</v>
      </c>
      <c r="AG14" s="280">
        <v>165</v>
      </c>
      <c r="AH14" s="277">
        <v>688</v>
      </c>
      <c r="AI14" s="282">
        <v>742</v>
      </c>
      <c r="AJ14" s="276">
        <v>0</v>
      </c>
      <c r="AK14" s="280">
        <v>20</v>
      </c>
      <c r="AL14" s="277">
        <v>20</v>
      </c>
      <c r="AM14" s="279">
        <v>0</v>
      </c>
      <c r="AN14" s="280">
        <v>27</v>
      </c>
      <c r="AO14" s="280">
        <v>12</v>
      </c>
      <c r="AP14" s="280">
        <v>0</v>
      </c>
      <c r="AQ14" s="280">
        <v>44</v>
      </c>
      <c r="AR14" s="280">
        <v>0</v>
      </c>
      <c r="AS14" s="277">
        <v>83</v>
      </c>
      <c r="AT14" s="282">
        <v>103</v>
      </c>
      <c r="AU14" s="276">
        <v>0</v>
      </c>
      <c r="AV14" s="280">
        <v>0</v>
      </c>
      <c r="AW14" s="277">
        <v>0</v>
      </c>
      <c r="AX14" s="279">
        <v>0</v>
      </c>
      <c r="AY14" s="280">
        <v>248</v>
      </c>
      <c r="AZ14" s="280">
        <v>193</v>
      </c>
      <c r="BA14" s="280">
        <v>185</v>
      </c>
      <c r="BB14" s="280">
        <v>119</v>
      </c>
      <c r="BC14" s="280">
        <v>13</v>
      </c>
      <c r="BD14" s="281">
        <v>758</v>
      </c>
      <c r="BE14" s="282">
        <v>758</v>
      </c>
      <c r="BF14" s="276">
        <v>0</v>
      </c>
      <c r="BG14" s="280">
        <v>0</v>
      </c>
      <c r="BH14" s="277">
        <v>0</v>
      </c>
      <c r="BI14" s="279">
        <v>0</v>
      </c>
      <c r="BJ14" s="280">
        <v>140</v>
      </c>
      <c r="BK14" s="280">
        <v>75</v>
      </c>
      <c r="BL14" s="280">
        <v>28</v>
      </c>
      <c r="BM14" s="280">
        <v>65</v>
      </c>
      <c r="BN14" s="280">
        <v>1</v>
      </c>
      <c r="BO14" s="277">
        <v>309</v>
      </c>
      <c r="BP14" s="282">
        <v>309</v>
      </c>
      <c r="BQ14" s="276">
        <v>0</v>
      </c>
      <c r="BR14" s="280">
        <v>0</v>
      </c>
      <c r="BS14" s="277">
        <v>0</v>
      </c>
      <c r="BT14" s="279">
        <v>0</v>
      </c>
      <c r="BU14" s="280">
        <v>46</v>
      </c>
      <c r="BV14" s="280">
        <v>18</v>
      </c>
      <c r="BW14" s="280">
        <v>96</v>
      </c>
      <c r="BX14" s="280">
        <v>36</v>
      </c>
      <c r="BY14" s="280">
        <v>4</v>
      </c>
      <c r="BZ14" s="277">
        <v>200</v>
      </c>
      <c r="CA14" s="282">
        <v>200</v>
      </c>
      <c r="CB14" s="276">
        <v>0</v>
      </c>
      <c r="CC14" s="280">
        <v>0</v>
      </c>
      <c r="CD14" s="277">
        <v>0</v>
      </c>
      <c r="CE14" s="279">
        <v>0</v>
      </c>
      <c r="CF14" s="280">
        <v>0</v>
      </c>
      <c r="CG14" s="280">
        <v>10</v>
      </c>
      <c r="CH14" s="280">
        <v>0</v>
      </c>
      <c r="CI14" s="280">
        <v>0</v>
      </c>
      <c r="CJ14" s="280">
        <v>0</v>
      </c>
      <c r="CK14" s="277">
        <v>10</v>
      </c>
      <c r="CL14" s="282">
        <v>1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475</v>
      </c>
      <c r="H15" s="280">
        <v>421</v>
      </c>
      <c r="I15" s="280">
        <v>552</v>
      </c>
      <c r="J15" s="280">
        <v>1228</v>
      </c>
      <c r="K15" s="280">
        <v>563</v>
      </c>
      <c r="L15" s="281">
        <v>3239</v>
      </c>
      <c r="M15" s="282">
        <v>3239</v>
      </c>
      <c r="N15" s="276">
        <v>0</v>
      </c>
      <c r="O15" s="280">
        <v>0</v>
      </c>
      <c r="P15" s="277">
        <v>0</v>
      </c>
      <c r="Q15" s="279">
        <v>0</v>
      </c>
      <c r="R15" s="280">
        <v>0</v>
      </c>
      <c r="S15" s="280">
        <v>5</v>
      </c>
      <c r="T15" s="280">
        <v>9</v>
      </c>
      <c r="U15" s="280">
        <v>16</v>
      </c>
      <c r="V15" s="280">
        <v>11</v>
      </c>
      <c r="W15" s="277">
        <v>41</v>
      </c>
      <c r="X15" s="282">
        <v>41</v>
      </c>
      <c r="Y15" s="276">
        <v>70</v>
      </c>
      <c r="Z15" s="280">
        <v>93</v>
      </c>
      <c r="AA15" s="277">
        <v>163</v>
      </c>
      <c r="AB15" s="279">
        <v>0</v>
      </c>
      <c r="AC15" s="280">
        <v>161</v>
      </c>
      <c r="AD15" s="280">
        <v>194</v>
      </c>
      <c r="AE15" s="280">
        <v>229</v>
      </c>
      <c r="AF15" s="280">
        <v>83</v>
      </c>
      <c r="AG15" s="280">
        <v>46</v>
      </c>
      <c r="AH15" s="277">
        <v>713</v>
      </c>
      <c r="AI15" s="282">
        <v>876</v>
      </c>
      <c r="AJ15" s="276">
        <v>8</v>
      </c>
      <c r="AK15" s="280">
        <v>0</v>
      </c>
      <c r="AL15" s="277">
        <v>8</v>
      </c>
      <c r="AM15" s="279">
        <v>0</v>
      </c>
      <c r="AN15" s="280">
        <v>2</v>
      </c>
      <c r="AO15" s="280">
        <v>57</v>
      </c>
      <c r="AP15" s="280">
        <v>21</v>
      </c>
      <c r="AQ15" s="280">
        <v>16</v>
      </c>
      <c r="AR15" s="280">
        <v>0</v>
      </c>
      <c r="AS15" s="277">
        <v>96</v>
      </c>
      <c r="AT15" s="282">
        <v>104</v>
      </c>
      <c r="AU15" s="276">
        <v>0</v>
      </c>
      <c r="AV15" s="280">
        <v>0</v>
      </c>
      <c r="AW15" s="277">
        <v>0</v>
      </c>
      <c r="AX15" s="279">
        <v>0</v>
      </c>
      <c r="AY15" s="280">
        <v>424</v>
      </c>
      <c r="AZ15" s="280">
        <v>224</v>
      </c>
      <c r="BA15" s="280">
        <v>146</v>
      </c>
      <c r="BB15" s="280">
        <v>63</v>
      </c>
      <c r="BC15" s="280">
        <v>9</v>
      </c>
      <c r="BD15" s="281">
        <v>866</v>
      </c>
      <c r="BE15" s="282">
        <v>866</v>
      </c>
      <c r="BF15" s="276">
        <v>0</v>
      </c>
      <c r="BG15" s="280">
        <v>0</v>
      </c>
      <c r="BH15" s="277">
        <v>0</v>
      </c>
      <c r="BI15" s="279">
        <v>0</v>
      </c>
      <c r="BJ15" s="280">
        <v>45</v>
      </c>
      <c r="BK15" s="280">
        <v>104</v>
      </c>
      <c r="BL15" s="280">
        <v>74</v>
      </c>
      <c r="BM15" s="280">
        <v>33</v>
      </c>
      <c r="BN15" s="280">
        <v>21</v>
      </c>
      <c r="BO15" s="277">
        <v>277</v>
      </c>
      <c r="BP15" s="282">
        <v>277</v>
      </c>
      <c r="BQ15" s="276">
        <v>3</v>
      </c>
      <c r="BR15" s="280">
        <v>10</v>
      </c>
      <c r="BS15" s="277">
        <v>13</v>
      </c>
      <c r="BT15" s="279">
        <v>0</v>
      </c>
      <c r="BU15" s="280">
        <v>71</v>
      </c>
      <c r="BV15" s="280">
        <v>40</v>
      </c>
      <c r="BW15" s="280">
        <v>35</v>
      </c>
      <c r="BX15" s="280">
        <v>63</v>
      </c>
      <c r="BY15" s="280">
        <v>31</v>
      </c>
      <c r="BZ15" s="277">
        <v>240</v>
      </c>
      <c r="CA15" s="282">
        <v>253</v>
      </c>
      <c r="CB15" s="276">
        <v>0</v>
      </c>
      <c r="CC15" s="280">
        <v>0</v>
      </c>
      <c r="CD15" s="277">
        <v>0</v>
      </c>
      <c r="CE15" s="279">
        <v>0</v>
      </c>
      <c r="CF15" s="280">
        <v>0</v>
      </c>
      <c r="CG15" s="280">
        <v>7</v>
      </c>
      <c r="CH15" s="280">
        <v>8</v>
      </c>
      <c r="CI15" s="280">
        <v>0</v>
      </c>
      <c r="CJ15" s="280">
        <v>0</v>
      </c>
      <c r="CK15" s="277">
        <v>15</v>
      </c>
      <c r="CL15" s="282">
        <v>15</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133</v>
      </c>
      <c r="H16" s="280">
        <v>368</v>
      </c>
      <c r="I16" s="280">
        <v>117</v>
      </c>
      <c r="J16" s="280">
        <v>573</v>
      </c>
      <c r="K16" s="280">
        <v>351</v>
      </c>
      <c r="L16" s="281">
        <v>1542</v>
      </c>
      <c r="M16" s="282">
        <v>1542</v>
      </c>
      <c r="N16" s="276">
        <v>0</v>
      </c>
      <c r="O16" s="280">
        <v>0</v>
      </c>
      <c r="P16" s="277">
        <v>0</v>
      </c>
      <c r="Q16" s="279">
        <v>0</v>
      </c>
      <c r="R16" s="280">
        <v>0</v>
      </c>
      <c r="S16" s="280">
        <v>0</v>
      </c>
      <c r="T16" s="280">
        <v>4</v>
      </c>
      <c r="U16" s="280">
        <v>2</v>
      </c>
      <c r="V16" s="280">
        <v>34</v>
      </c>
      <c r="W16" s="277">
        <v>40</v>
      </c>
      <c r="X16" s="282">
        <v>40</v>
      </c>
      <c r="Y16" s="276">
        <v>2</v>
      </c>
      <c r="Z16" s="280">
        <v>12</v>
      </c>
      <c r="AA16" s="277">
        <v>14</v>
      </c>
      <c r="AB16" s="279">
        <v>0</v>
      </c>
      <c r="AC16" s="280">
        <v>87</v>
      </c>
      <c r="AD16" s="280">
        <v>95</v>
      </c>
      <c r="AE16" s="280">
        <v>101</v>
      </c>
      <c r="AF16" s="280">
        <v>93</v>
      </c>
      <c r="AG16" s="280">
        <v>77</v>
      </c>
      <c r="AH16" s="277">
        <v>453</v>
      </c>
      <c r="AI16" s="282">
        <v>467</v>
      </c>
      <c r="AJ16" s="276">
        <v>9</v>
      </c>
      <c r="AK16" s="280">
        <v>8</v>
      </c>
      <c r="AL16" s="277">
        <v>17</v>
      </c>
      <c r="AM16" s="279">
        <v>0</v>
      </c>
      <c r="AN16" s="280">
        <v>29</v>
      </c>
      <c r="AO16" s="280">
        <v>0</v>
      </c>
      <c r="AP16" s="280">
        <v>0</v>
      </c>
      <c r="AQ16" s="280">
        <v>4</v>
      </c>
      <c r="AR16" s="280">
        <v>0</v>
      </c>
      <c r="AS16" s="277">
        <v>33</v>
      </c>
      <c r="AT16" s="282">
        <v>50</v>
      </c>
      <c r="AU16" s="276">
        <v>0</v>
      </c>
      <c r="AV16" s="280">
        <v>0</v>
      </c>
      <c r="AW16" s="277">
        <v>0</v>
      </c>
      <c r="AX16" s="279">
        <v>0</v>
      </c>
      <c r="AY16" s="280">
        <v>98</v>
      </c>
      <c r="AZ16" s="280">
        <v>135</v>
      </c>
      <c r="BA16" s="280">
        <v>71</v>
      </c>
      <c r="BB16" s="280">
        <v>72</v>
      </c>
      <c r="BC16" s="280">
        <v>42</v>
      </c>
      <c r="BD16" s="281">
        <v>418</v>
      </c>
      <c r="BE16" s="282">
        <v>418</v>
      </c>
      <c r="BF16" s="276">
        <v>0</v>
      </c>
      <c r="BG16" s="280">
        <v>0</v>
      </c>
      <c r="BH16" s="277">
        <v>0</v>
      </c>
      <c r="BI16" s="279">
        <v>0</v>
      </c>
      <c r="BJ16" s="280">
        <v>4</v>
      </c>
      <c r="BK16" s="280">
        <v>26</v>
      </c>
      <c r="BL16" s="280">
        <v>11</v>
      </c>
      <c r="BM16" s="280">
        <v>21</v>
      </c>
      <c r="BN16" s="280">
        <v>8</v>
      </c>
      <c r="BO16" s="277">
        <v>70</v>
      </c>
      <c r="BP16" s="282">
        <v>70</v>
      </c>
      <c r="BQ16" s="276">
        <v>0</v>
      </c>
      <c r="BR16" s="280">
        <v>0</v>
      </c>
      <c r="BS16" s="277">
        <v>0</v>
      </c>
      <c r="BT16" s="279">
        <v>0</v>
      </c>
      <c r="BU16" s="280">
        <v>3</v>
      </c>
      <c r="BV16" s="280">
        <v>38</v>
      </c>
      <c r="BW16" s="280">
        <v>27</v>
      </c>
      <c r="BX16" s="280">
        <v>79</v>
      </c>
      <c r="BY16" s="280">
        <v>5</v>
      </c>
      <c r="BZ16" s="277">
        <v>152</v>
      </c>
      <c r="CA16" s="282">
        <v>152</v>
      </c>
      <c r="CB16" s="276">
        <v>0</v>
      </c>
      <c r="CC16" s="280">
        <v>0</v>
      </c>
      <c r="CD16" s="277">
        <v>0</v>
      </c>
      <c r="CE16" s="279">
        <v>0</v>
      </c>
      <c r="CF16" s="280">
        <v>18</v>
      </c>
      <c r="CG16" s="280">
        <v>0</v>
      </c>
      <c r="CH16" s="280">
        <v>2</v>
      </c>
      <c r="CI16" s="280">
        <v>0</v>
      </c>
      <c r="CJ16" s="280">
        <v>0</v>
      </c>
      <c r="CK16" s="277">
        <v>20</v>
      </c>
      <c r="CL16" s="282">
        <v>20</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52</v>
      </c>
      <c r="H17" s="280">
        <v>79</v>
      </c>
      <c r="I17" s="280">
        <v>144</v>
      </c>
      <c r="J17" s="280">
        <v>205</v>
      </c>
      <c r="K17" s="280">
        <v>106</v>
      </c>
      <c r="L17" s="281">
        <v>586</v>
      </c>
      <c r="M17" s="282">
        <v>586</v>
      </c>
      <c r="N17" s="276">
        <v>0</v>
      </c>
      <c r="O17" s="280">
        <v>0</v>
      </c>
      <c r="P17" s="277">
        <v>0</v>
      </c>
      <c r="Q17" s="279">
        <v>0</v>
      </c>
      <c r="R17" s="280">
        <v>0</v>
      </c>
      <c r="S17" s="280">
        <v>0</v>
      </c>
      <c r="T17" s="280">
        <v>0</v>
      </c>
      <c r="U17" s="280">
        <v>4</v>
      </c>
      <c r="V17" s="280">
        <v>0</v>
      </c>
      <c r="W17" s="277">
        <v>4</v>
      </c>
      <c r="X17" s="282">
        <v>4</v>
      </c>
      <c r="Y17" s="276">
        <v>0</v>
      </c>
      <c r="Z17" s="280">
        <v>11</v>
      </c>
      <c r="AA17" s="277">
        <v>11</v>
      </c>
      <c r="AB17" s="279">
        <v>0</v>
      </c>
      <c r="AC17" s="280">
        <v>10</v>
      </c>
      <c r="AD17" s="280">
        <v>31</v>
      </c>
      <c r="AE17" s="280">
        <v>24</v>
      </c>
      <c r="AF17" s="280">
        <v>27</v>
      </c>
      <c r="AG17" s="280">
        <v>0</v>
      </c>
      <c r="AH17" s="277">
        <v>92</v>
      </c>
      <c r="AI17" s="282">
        <v>103</v>
      </c>
      <c r="AJ17" s="276">
        <v>0</v>
      </c>
      <c r="AK17" s="280">
        <v>0</v>
      </c>
      <c r="AL17" s="277">
        <v>0</v>
      </c>
      <c r="AM17" s="279">
        <v>0</v>
      </c>
      <c r="AN17" s="280">
        <v>8</v>
      </c>
      <c r="AO17" s="280">
        <v>24</v>
      </c>
      <c r="AP17" s="280">
        <v>0</v>
      </c>
      <c r="AQ17" s="280">
        <v>0</v>
      </c>
      <c r="AR17" s="280">
        <v>0</v>
      </c>
      <c r="AS17" s="277">
        <v>32</v>
      </c>
      <c r="AT17" s="282">
        <v>32</v>
      </c>
      <c r="AU17" s="276">
        <v>0</v>
      </c>
      <c r="AV17" s="280">
        <v>0</v>
      </c>
      <c r="AW17" s="277">
        <v>0</v>
      </c>
      <c r="AX17" s="279">
        <v>0</v>
      </c>
      <c r="AY17" s="280">
        <v>40</v>
      </c>
      <c r="AZ17" s="280">
        <v>14</v>
      </c>
      <c r="BA17" s="280">
        <v>40</v>
      </c>
      <c r="BB17" s="280">
        <v>15</v>
      </c>
      <c r="BC17" s="280">
        <v>0</v>
      </c>
      <c r="BD17" s="281">
        <v>109</v>
      </c>
      <c r="BE17" s="282">
        <v>109</v>
      </c>
      <c r="BF17" s="276">
        <v>0</v>
      </c>
      <c r="BG17" s="280">
        <v>0</v>
      </c>
      <c r="BH17" s="277">
        <v>0</v>
      </c>
      <c r="BI17" s="279">
        <v>0</v>
      </c>
      <c r="BJ17" s="280">
        <v>0</v>
      </c>
      <c r="BK17" s="280">
        <v>13</v>
      </c>
      <c r="BL17" s="280">
        <v>17</v>
      </c>
      <c r="BM17" s="280">
        <v>0</v>
      </c>
      <c r="BN17" s="280">
        <v>0</v>
      </c>
      <c r="BO17" s="277">
        <v>30</v>
      </c>
      <c r="BP17" s="282">
        <v>30</v>
      </c>
      <c r="BQ17" s="276">
        <v>0</v>
      </c>
      <c r="BR17" s="280">
        <v>0</v>
      </c>
      <c r="BS17" s="277">
        <v>0</v>
      </c>
      <c r="BT17" s="279">
        <v>0</v>
      </c>
      <c r="BU17" s="280">
        <v>0</v>
      </c>
      <c r="BV17" s="280">
        <v>0</v>
      </c>
      <c r="BW17" s="280">
        <v>11</v>
      </c>
      <c r="BX17" s="280">
        <v>65</v>
      </c>
      <c r="BY17" s="280">
        <v>28</v>
      </c>
      <c r="BZ17" s="277">
        <v>104</v>
      </c>
      <c r="CA17" s="282">
        <v>104</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115</v>
      </c>
      <c r="H18" s="280">
        <v>73</v>
      </c>
      <c r="I18" s="280">
        <v>72</v>
      </c>
      <c r="J18" s="280">
        <v>47</v>
      </c>
      <c r="K18" s="280">
        <v>84</v>
      </c>
      <c r="L18" s="281">
        <v>391</v>
      </c>
      <c r="M18" s="282">
        <v>391</v>
      </c>
      <c r="N18" s="276">
        <v>0</v>
      </c>
      <c r="O18" s="280">
        <v>0</v>
      </c>
      <c r="P18" s="277">
        <v>0</v>
      </c>
      <c r="Q18" s="279">
        <v>0</v>
      </c>
      <c r="R18" s="280">
        <v>0</v>
      </c>
      <c r="S18" s="280">
        <v>4</v>
      </c>
      <c r="T18" s="280">
        <v>0</v>
      </c>
      <c r="U18" s="280">
        <v>4</v>
      </c>
      <c r="V18" s="280">
        <v>8</v>
      </c>
      <c r="W18" s="277">
        <v>16</v>
      </c>
      <c r="X18" s="282">
        <v>16</v>
      </c>
      <c r="Y18" s="276">
        <v>6</v>
      </c>
      <c r="Z18" s="280">
        <v>25</v>
      </c>
      <c r="AA18" s="277">
        <v>31</v>
      </c>
      <c r="AB18" s="279">
        <v>0</v>
      </c>
      <c r="AC18" s="280">
        <v>113</v>
      </c>
      <c r="AD18" s="280">
        <v>106</v>
      </c>
      <c r="AE18" s="280">
        <v>43</v>
      </c>
      <c r="AF18" s="280">
        <v>105</v>
      </c>
      <c r="AG18" s="280">
        <v>39</v>
      </c>
      <c r="AH18" s="277">
        <v>406</v>
      </c>
      <c r="AI18" s="282">
        <v>437</v>
      </c>
      <c r="AJ18" s="276">
        <v>0</v>
      </c>
      <c r="AK18" s="280">
        <v>0</v>
      </c>
      <c r="AL18" s="277">
        <v>0</v>
      </c>
      <c r="AM18" s="279">
        <v>0</v>
      </c>
      <c r="AN18" s="280">
        <v>0</v>
      </c>
      <c r="AO18" s="280">
        <v>38</v>
      </c>
      <c r="AP18" s="280">
        <v>0</v>
      </c>
      <c r="AQ18" s="280">
        <v>0</v>
      </c>
      <c r="AR18" s="280">
        <v>0</v>
      </c>
      <c r="AS18" s="277">
        <v>38</v>
      </c>
      <c r="AT18" s="282">
        <v>38</v>
      </c>
      <c r="AU18" s="276">
        <v>0</v>
      </c>
      <c r="AV18" s="280">
        <v>0</v>
      </c>
      <c r="AW18" s="277">
        <v>0</v>
      </c>
      <c r="AX18" s="279">
        <v>0</v>
      </c>
      <c r="AY18" s="280">
        <v>148</v>
      </c>
      <c r="AZ18" s="280">
        <v>201</v>
      </c>
      <c r="BA18" s="280">
        <v>54</v>
      </c>
      <c r="BB18" s="280">
        <v>83</v>
      </c>
      <c r="BC18" s="280">
        <v>0</v>
      </c>
      <c r="BD18" s="281">
        <v>486</v>
      </c>
      <c r="BE18" s="282">
        <v>486</v>
      </c>
      <c r="BF18" s="276">
        <v>0</v>
      </c>
      <c r="BG18" s="280">
        <v>0</v>
      </c>
      <c r="BH18" s="277">
        <v>0</v>
      </c>
      <c r="BI18" s="279">
        <v>0</v>
      </c>
      <c r="BJ18" s="280">
        <v>134</v>
      </c>
      <c r="BK18" s="280">
        <v>204</v>
      </c>
      <c r="BL18" s="280">
        <v>12</v>
      </c>
      <c r="BM18" s="280">
        <v>13</v>
      </c>
      <c r="BN18" s="280">
        <v>0</v>
      </c>
      <c r="BO18" s="277">
        <v>363</v>
      </c>
      <c r="BP18" s="282">
        <v>363</v>
      </c>
      <c r="BQ18" s="276">
        <v>0</v>
      </c>
      <c r="BR18" s="280">
        <v>0</v>
      </c>
      <c r="BS18" s="277">
        <v>0</v>
      </c>
      <c r="BT18" s="279">
        <v>0</v>
      </c>
      <c r="BU18" s="280">
        <v>14</v>
      </c>
      <c r="BV18" s="280">
        <v>38</v>
      </c>
      <c r="BW18" s="280">
        <v>20</v>
      </c>
      <c r="BX18" s="280">
        <v>11</v>
      </c>
      <c r="BY18" s="280">
        <v>0</v>
      </c>
      <c r="BZ18" s="277">
        <v>83</v>
      </c>
      <c r="CA18" s="282">
        <v>83</v>
      </c>
      <c r="CB18" s="276">
        <v>0</v>
      </c>
      <c r="CC18" s="280">
        <v>0</v>
      </c>
      <c r="CD18" s="277">
        <v>0</v>
      </c>
      <c r="CE18" s="279">
        <v>0</v>
      </c>
      <c r="CF18" s="280">
        <v>2</v>
      </c>
      <c r="CG18" s="280">
        <v>6</v>
      </c>
      <c r="CH18" s="280">
        <v>4</v>
      </c>
      <c r="CI18" s="280">
        <v>6</v>
      </c>
      <c r="CJ18" s="280">
        <v>0</v>
      </c>
      <c r="CK18" s="277">
        <v>18</v>
      </c>
      <c r="CL18" s="282">
        <v>18</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14</v>
      </c>
      <c r="H19" s="280">
        <v>317</v>
      </c>
      <c r="I19" s="280">
        <v>438</v>
      </c>
      <c r="J19" s="280">
        <v>404</v>
      </c>
      <c r="K19" s="280">
        <v>445</v>
      </c>
      <c r="L19" s="281">
        <v>1818</v>
      </c>
      <c r="M19" s="282">
        <v>1818</v>
      </c>
      <c r="N19" s="276">
        <v>0</v>
      </c>
      <c r="O19" s="280">
        <v>0</v>
      </c>
      <c r="P19" s="277">
        <v>0</v>
      </c>
      <c r="Q19" s="279">
        <v>0</v>
      </c>
      <c r="R19" s="280">
        <v>0</v>
      </c>
      <c r="S19" s="280">
        <v>6</v>
      </c>
      <c r="T19" s="280">
        <v>0</v>
      </c>
      <c r="U19" s="280">
        <v>3</v>
      </c>
      <c r="V19" s="280">
        <v>17</v>
      </c>
      <c r="W19" s="277">
        <v>26</v>
      </c>
      <c r="X19" s="282">
        <v>26</v>
      </c>
      <c r="Y19" s="276">
        <v>14</v>
      </c>
      <c r="Z19" s="280">
        <v>32</v>
      </c>
      <c r="AA19" s="277">
        <v>46</v>
      </c>
      <c r="AB19" s="279">
        <v>0</v>
      </c>
      <c r="AC19" s="280">
        <v>101</v>
      </c>
      <c r="AD19" s="280">
        <v>97</v>
      </c>
      <c r="AE19" s="280">
        <v>46</v>
      </c>
      <c r="AF19" s="280">
        <v>11</v>
      </c>
      <c r="AG19" s="280">
        <v>67</v>
      </c>
      <c r="AH19" s="277">
        <v>322</v>
      </c>
      <c r="AI19" s="282">
        <v>368</v>
      </c>
      <c r="AJ19" s="276">
        <v>0</v>
      </c>
      <c r="AK19" s="280">
        <v>23</v>
      </c>
      <c r="AL19" s="277">
        <v>23</v>
      </c>
      <c r="AM19" s="279">
        <v>0</v>
      </c>
      <c r="AN19" s="280">
        <v>0</v>
      </c>
      <c r="AO19" s="280">
        <v>36</v>
      </c>
      <c r="AP19" s="280">
        <v>0</v>
      </c>
      <c r="AQ19" s="280">
        <v>0</v>
      </c>
      <c r="AR19" s="280">
        <v>0</v>
      </c>
      <c r="AS19" s="277">
        <v>36</v>
      </c>
      <c r="AT19" s="282">
        <v>59</v>
      </c>
      <c r="AU19" s="276">
        <v>0</v>
      </c>
      <c r="AV19" s="280">
        <v>0</v>
      </c>
      <c r="AW19" s="277">
        <v>0</v>
      </c>
      <c r="AX19" s="279">
        <v>0</v>
      </c>
      <c r="AY19" s="280">
        <v>184</v>
      </c>
      <c r="AZ19" s="280">
        <v>190</v>
      </c>
      <c r="BA19" s="280">
        <v>40</v>
      </c>
      <c r="BB19" s="280">
        <v>81</v>
      </c>
      <c r="BC19" s="280">
        <v>31</v>
      </c>
      <c r="BD19" s="281">
        <v>526</v>
      </c>
      <c r="BE19" s="282">
        <v>526</v>
      </c>
      <c r="BF19" s="276">
        <v>0</v>
      </c>
      <c r="BG19" s="280">
        <v>0</v>
      </c>
      <c r="BH19" s="277">
        <v>0</v>
      </c>
      <c r="BI19" s="279">
        <v>0</v>
      </c>
      <c r="BJ19" s="280">
        <v>19</v>
      </c>
      <c r="BK19" s="280">
        <v>102</v>
      </c>
      <c r="BL19" s="280">
        <v>16</v>
      </c>
      <c r="BM19" s="280">
        <v>12</v>
      </c>
      <c r="BN19" s="280">
        <v>9</v>
      </c>
      <c r="BO19" s="277">
        <v>158</v>
      </c>
      <c r="BP19" s="282">
        <v>158</v>
      </c>
      <c r="BQ19" s="276">
        <v>0</v>
      </c>
      <c r="BR19" s="280">
        <v>0</v>
      </c>
      <c r="BS19" s="277">
        <v>0</v>
      </c>
      <c r="BT19" s="279">
        <v>0</v>
      </c>
      <c r="BU19" s="280">
        <v>23</v>
      </c>
      <c r="BV19" s="280">
        <v>31</v>
      </c>
      <c r="BW19" s="280">
        <v>38</v>
      </c>
      <c r="BX19" s="280">
        <v>132</v>
      </c>
      <c r="BY19" s="280">
        <v>19</v>
      </c>
      <c r="BZ19" s="277">
        <v>243</v>
      </c>
      <c r="CA19" s="282">
        <v>243</v>
      </c>
      <c r="CB19" s="276">
        <v>0</v>
      </c>
      <c r="CC19" s="280">
        <v>0</v>
      </c>
      <c r="CD19" s="277">
        <v>0</v>
      </c>
      <c r="CE19" s="279">
        <v>0</v>
      </c>
      <c r="CF19" s="280">
        <v>0</v>
      </c>
      <c r="CG19" s="280">
        <v>2</v>
      </c>
      <c r="CH19" s="280">
        <v>0</v>
      </c>
      <c r="CI19" s="280">
        <v>4</v>
      </c>
      <c r="CJ19" s="280">
        <v>0</v>
      </c>
      <c r="CK19" s="277">
        <v>6</v>
      </c>
      <c r="CL19" s="282">
        <v>6</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216</v>
      </c>
      <c r="H20" s="280">
        <v>353</v>
      </c>
      <c r="I20" s="280">
        <v>390</v>
      </c>
      <c r="J20" s="280">
        <v>444</v>
      </c>
      <c r="K20" s="280">
        <v>184</v>
      </c>
      <c r="L20" s="281">
        <v>1587</v>
      </c>
      <c r="M20" s="282">
        <v>1587</v>
      </c>
      <c r="N20" s="276">
        <v>0</v>
      </c>
      <c r="O20" s="280">
        <v>0</v>
      </c>
      <c r="P20" s="277">
        <v>0</v>
      </c>
      <c r="Q20" s="279">
        <v>0</v>
      </c>
      <c r="R20" s="280">
        <v>1</v>
      </c>
      <c r="S20" s="280">
        <v>0</v>
      </c>
      <c r="T20" s="280">
        <v>12</v>
      </c>
      <c r="U20" s="280">
        <v>9</v>
      </c>
      <c r="V20" s="280">
        <v>10</v>
      </c>
      <c r="W20" s="277">
        <v>32</v>
      </c>
      <c r="X20" s="282">
        <v>32</v>
      </c>
      <c r="Y20" s="276">
        <v>21</v>
      </c>
      <c r="Z20" s="280">
        <v>18</v>
      </c>
      <c r="AA20" s="277">
        <v>39</v>
      </c>
      <c r="AB20" s="279">
        <v>0</v>
      </c>
      <c r="AC20" s="280">
        <v>158</v>
      </c>
      <c r="AD20" s="280">
        <v>134</v>
      </c>
      <c r="AE20" s="280">
        <v>161</v>
      </c>
      <c r="AF20" s="280">
        <v>96</v>
      </c>
      <c r="AG20" s="280">
        <v>42</v>
      </c>
      <c r="AH20" s="277">
        <v>591</v>
      </c>
      <c r="AI20" s="282">
        <v>630</v>
      </c>
      <c r="AJ20" s="276">
        <v>0</v>
      </c>
      <c r="AK20" s="280">
        <v>24</v>
      </c>
      <c r="AL20" s="277">
        <v>24</v>
      </c>
      <c r="AM20" s="279">
        <v>0</v>
      </c>
      <c r="AN20" s="280">
        <v>31</v>
      </c>
      <c r="AO20" s="280">
        <v>72</v>
      </c>
      <c r="AP20" s="280">
        <v>24</v>
      </c>
      <c r="AQ20" s="280">
        <v>0</v>
      </c>
      <c r="AR20" s="280">
        <v>0</v>
      </c>
      <c r="AS20" s="277">
        <v>127</v>
      </c>
      <c r="AT20" s="282">
        <v>151</v>
      </c>
      <c r="AU20" s="276">
        <v>0</v>
      </c>
      <c r="AV20" s="280">
        <v>0</v>
      </c>
      <c r="AW20" s="277">
        <v>0</v>
      </c>
      <c r="AX20" s="279">
        <v>0</v>
      </c>
      <c r="AY20" s="280">
        <v>287</v>
      </c>
      <c r="AZ20" s="280">
        <v>215</v>
      </c>
      <c r="BA20" s="280">
        <v>229</v>
      </c>
      <c r="BB20" s="280">
        <v>75</v>
      </c>
      <c r="BC20" s="280">
        <v>21</v>
      </c>
      <c r="BD20" s="281">
        <v>827</v>
      </c>
      <c r="BE20" s="282">
        <v>827</v>
      </c>
      <c r="BF20" s="276">
        <v>0</v>
      </c>
      <c r="BG20" s="280">
        <v>0</v>
      </c>
      <c r="BH20" s="277">
        <v>0</v>
      </c>
      <c r="BI20" s="279">
        <v>0</v>
      </c>
      <c r="BJ20" s="280">
        <v>98</v>
      </c>
      <c r="BK20" s="280">
        <v>87</v>
      </c>
      <c r="BL20" s="280">
        <v>73</v>
      </c>
      <c r="BM20" s="280">
        <v>7</v>
      </c>
      <c r="BN20" s="280">
        <v>14</v>
      </c>
      <c r="BO20" s="277">
        <v>279</v>
      </c>
      <c r="BP20" s="282">
        <v>279</v>
      </c>
      <c r="BQ20" s="276">
        <v>0</v>
      </c>
      <c r="BR20" s="280">
        <v>0</v>
      </c>
      <c r="BS20" s="277">
        <v>0</v>
      </c>
      <c r="BT20" s="279">
        <v>0</v>
      </c>
      <c r="BU20" s="280">
        <v>52</v>
      </c>
      <c r="BV20" s="280">
        <v>116</v>
      </c>
      <c r="BW20" s="280">
        <v>184</v>
      </c>
      <c r="BX20" s="280">
        <v>46</v>
      </c>
      <c r="BY20" s="280">
        <v>50</v>
      </c>
      <c r="BZ20" s="277">
        <v>448</v>
      </c>
      <c r="CA20" s="282">
        <v>448</v>
      </c>
      <c r="CB20" s="276">
        <v>0</v>
      </c>
      <c r="CC20" s="280">
        <v>0</v>
      </c>
      <c r="CD20" s="277">
        <v>0</v>
      </c>
      <c r="CE20" s="279">
        <v>0</v>
      </c>
      <c r="CF20" s="280">
        <v>0</v>
      </c>
      <c r="CG20" s="280">
        <v>0</v>
      </c>
      <c r="CH20" s="280">
        <v>24</v>
      </c>
      <c r="CI20" s="280">
        <v>0</v>
      </c>
      <c r="CJ20" s="280">
        <v>0</v>
      </c>
      <c r="CK20" s="277">
        <v>24</v>
      </c>
      <c r="CL20" s="282">
        <v>24</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54</v>
      </c>
      <c r="H21" s="280">
        <v>105</v>
      </c>
      <c r="I21" s="280">
        <v>37</v>
      </c>
      <c r="J21" s="280">
        <v>205</v>
      </c>
      <c r="K21" s="280">
        <v>102</v>
      </c>
      <c r="L21" s="281">
        <v>503</v>
      </c>
      <c r="M21" s="282">
        <v>503</v>
      </c>
      <c r="N21" s="276">
        <v>0</v>
      </c>
      <c r="O21" s="280">
        <v>0</v>
      </c>
      <c r="P21" s="277">
        <v>0</v>
      </c>
      <c r="Q21" s="279">
        <v>0</v>
      </c>
      <c r="R21" s="280">
        <v>0</v>
      </c>
      <c r="S21" s="280">
        <v>0</v>
      </c>
      <c r="T21" s="280">
        <v>12</v>
      </c>
      <c r="U21" s="280">
        <v>1</v>
      </c>
      <c r="V21" s="280">
        <v>8</v>
      </c>
      <c r="W21" s="277">
        <v>21</v>
      </c>
      <c r="X21" s="282">
        <v>21</v>
      </c>
      <c r="Y21" s="276">
        <v>6</v>
      </c>
      <c r="Z21" s="280">
        <v>6</v>
      </c>
      <c r="AA21" s="277">
        <v>12</v>
      </c>
      <c r="AB21" s="279">
        <v>0</v>
      </c>
      <c r="AC21" s="280">
        <v>72</v>
      </c>
      <c r="AD21" s="280">
        <v>96</v>
      </c>
      <c r="AE21" s="280">
        <v>63</v>
      </c>
      <c r="AF21" s="280">
        <v>81</v>
      </c>
      <c r="AG21" s="280">
        <v>52</v>
      </c>
      <c r="AH21" s="277">
        <v>364</v>
      </c>
      <c r="AI21" s="282">
        <v>376</v>
      </c>
      <c r="AJ21" s="276">
        <v>0</v>
      </c>
      <c r="AK21" s="280">
        <v>0</v>
      </c>
      <c r="AL21" s="277">
        <v>0</v>
      </c>
      <c r="AM21" s="279">
        <v>0</v>
      </c>
      <c r="AN21" s="280">
        <v>9</v>
      </c>
      <c r="AO21" s="280">
        <v>41</v>
      </c>
      <c r="AP21" s="280">
        <v>16</v>
      </c>
      <c r="AQ21" s="280">
        <v>6</v>
      </c>
      <c r="AR21" s="280">
        <v>0</v>
      </c>
      <c r="AS21" s="277">
        <v>72</v>
      </c>
      <c r="AT21" s="282">
        <v>72</v>
      </c>
      <c r="AU21" s="276">
        <v>0</v>
      </c>
      <c r="AV21" s="280">
        <v>0</v>
      </c>
      <c r="AW21" s="277">
        <v>0</v>
      </c>
      <c r="AX21" s="279">
        <v>0</v>
      </c>
      <c r="AY21" s="280">
        <v>145</v>
      </c>
      <c r="AZ21" s="280">
        <v>115</v>
      </c>
      <c r="BA21" s="280">
        <v>54</v>
      </c>
      <c r="BB21" s="280">
        <v>13</v>
      </c>
      <c r="BC21" s="280">
        <v>11</v>
      </c>
      <c r="BD21" s="281">
        <v>338</v>
      </c>
      <c r="BE21" s="282">
        <v>338</v>
      </c>
      <c r="BF21" s="276">
        <v>0</v>
      </c>
      <c r="BG21" s="280">
        <v>0</v>
      </c>
      <c r="BH21" s="277">
        <v>0</v>
      </c>
      <c r="BI21" s="279">
        <v>0</v>
      </c>
      <c r="BJ21" s="280">
        <v>69</v>
      </c>
      <c r="BK21" s="280">
        <v>40</v>
      </c>
      <c r="BL21" s="280">
        <v>16</v>
      </c>
      <c r="BM21" s="280">
        <v>26</v>
      </c>
      <c r="BN21" s="280">
        <v>0</v>
      </c>
      <c r="BO21" s="277">
        <v>151</v>
      </c>
      <c r="BP21" s="282">
        <v>151</v>
      </c>
      <c r="BQ21" s="276">
        <v>0</v>
      </c>
      <c r="BR21" s="280">
        <v>0</v>
      </c>
      <c r="BS21" s="277">
        <v>0</v>
      </c>
      <c r="BT21" s="279">
        <v>0</v>
      </c>
      <c r="BU21" s="280">
        <v>0</v>
      </c>
      <c r="BV21" s="280">
        <v>0</v>
      </c>
      <c r="BW21" s="280">
        <v>11</v>
      </c>
      <c r="BX21" s="280">
        <v>0</v>
      </c>
      <c r="BY21" s="280">
        <v>10</v>
      </c>
      <c r="BZ21" s="277">
        <v>21</v>
      </c>
      <c r="CA21" s="282">
        <v>21</v>
      </c>
      <c r="CB21" s="276">
        <v>0</v>
      </c>
      <c r="CC21" s="280">
        <v>0</v>
      </c>
      <c r="CD21" s="277">
        <v>0</v>
      </c>
      <c r="CE21" s="279">
        <v>0</v>
      </c>
      <c r="CF21" s="280">
        <v>0</v>
      </c>
      <c r="CG21" s="280">
        <v>0</v>
      </c>
      <c r="CH21" s="280">
        <v>5</v>
      </c>
      <c r="CI21" s="280">
        <v>0</v>
      </c>
      <c r="CJ21" s="280">
        <v>0</v>
      </c>
      <c r="CK21" s="277">
        <v>5</v>
      </c>
      <c r="CL21" s="282">
        <v>5</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192</v>
      </c>
      <c r="H22" s="280">
        <v>337</v>
      </c>
      <c r="I22" s="280">
        <v>407</v>
      </c>
      <c r="J22" s="280">
        <v>254</v>
      </c>
      <c r="K22" s="280">
        <v>222</v>
      </c>
      <c r="L22" s="281">
        <v>1412</v>
      </c>
      <c r="M22" s="282">
        <v>1412</v>
      </c>
      <c r="N22" s="276">
        <v>0</v>
      </c>
      <c r="O22" s="280">
        <v>0</v>
      </c>
      <c r="P22" s="277">
        <v>0</v>
      </c>
      <c r="Q22" s="279">
        <v>0</v>
      </c>
      <c r="R22" s="280">
        <v>0</v>
      </c>
      <c r="S22" s="280">
        <v>0</v>
      </c>
      <c r="T22" s="280">
        <v>0</v>
      </c>
      <c r="U22" s="280">
        <v>7</v>
      </c>
      <c r="V22" s="280">
        <v>6</v>
      </c>
      <c r="W22" s="277">
        <v>13</v>
      </c>
      <c r="X22" s="282">
        <v>13</v>
      </c>
      <c r="Y22" s="276">
        <v>10</v>
      </c>
      <c r="Z22" s="280">
        <v>13</v>
      </c>
      <c r="AA22" s="277">
        <v>23</v>
      </c>
      <c r="AB22" s="279">
        <v>0</v>
      </c>
      <c r="AC22" s="280">
        <v>224</v>
      </c>
      <c r="AD22" s="280">
        <v>228</v>
      </c>
      <c r="AE22" s="280">
        <v>42</v>
      </c>
      <c r="AF22" s="280">
        <v>46</v>
      </c>
      <c r="AG22" s="280">
        <v>43</v>
      </c>
      <c r="AH22" s="277">
        <v>583</v>
      </c>
      <c r="AI22" s="282">
        <v>606</v>
      </c>
      <c r="AJ22" s="276">
        <v>8</v>
      </c>
      <c r="AK22" s="280">
        <v>24</v>
      </c>
      <c r="AL22" s="277">
        <v>32</v>
      </c>
      <c r="AM22" s="279">
        <v>0</v>
      </c>
      <c r="AN22" s="280">
        <v>56</v>
      </c>
      <c r="AO22" s="280">
        <v>74</v>
      </c>
      <c r="AP22" s="280">
        <v>35</v>
      </c>
      <c r="AQ22" s="280">
        <v>18</v>
      </c>
      <c r="AR22" s="280">
        <v>0</v>
      </c>
      <c r="AS22" s="277">
        <v>183</v>
      </c>
      <c r="AT22" s="282">
        <v>215</v>
      </c>
      <c r="AU22" s="276">
        <v>0</v>
      </c>
      <c r="AV22" s="280">
        <v>0</v>
      </c>
      <c r="AW22" s="277">
        <v>0</v>
      </c>
      <c r="AX22" s="279">
        <v>0</v>
      </c>
      <c r="AY22" s="280">
        <v>135</v>
      </c>
      <c r="AZ22" s="280">
        <v>125</v>
      </c>
      <c r="BA22" s="280">
        <v>145</v>
      </c>
      <c r="BB22" s="280">
        <v>28</v>
      </c>
      <c r="BC22" s="280">
        <v>2</v>
      </c>
      <c r="BD22" s="281">
        <v>435</v>
      </c>
      <c r="BE22" s="282">
        <v>435</v>
      </c>
      <c r="BF22" s="276">
        <v>0</v>
      </c>
      <c r="BG22" s="280">
        <v>0</v>
      </c>
      <c r="BH22" s="277">
        <v>0</v>
      </c>
      <c r="BI22" s="279">
        <v>0</v>
      </c>
      <c r="BJ22" s="280">
        <v>76</v>
      </c>
      <c r="BK22" s="280">
        <v>63</v>
      </c>
      <c r="BL22" s="280">
        <v>50</v>
      </c>
      <c r="BM22" s="280">
        <v>29</v>
      </c>
      <c r="BN22" s="280">
        <v>1</v>
      </c>
      <c r="BO22" s="277">
        <v>219</v>
      </c>
      <c r="BP22" s="282">
        <v>219</v>
      </c>
      <c r="BQ22" s="276">
        <v>5</v>
      </c>
      <c r="BR22" s="280">
        <v>34</v>
      </c>
      <c r="BS22" s="277">
        <v>39</v>
      </c>
      <c r="BT22" s="279">
        <v>0</v>
      </c>
      <c r="BU22" s="280">
        <v>13</v>
      </c>
      <c r="BV22" s="280">
        <v>33</v>
      </c>
      <c r="BW22" s="280">
        <v>25</v>
      </c>
      <c r="BX22" s="280">
        <v>63</v>
      </c>
      <c r="BY22" s="280">
        <v>1</v>
      </c>
      <c r="BZ22" s="277">
        <v>135</v>
      </c>
      <c r="CA22" s="282">
        <v>174</v>
      </c>
      <c r="CB22" s="276">
        <v>0</v>
      </c>
      <c r="CC22" s="280">
        <v>0</v>
      </c>
      <c r="CD22" s="277">
        <v>0</v>
      </c>
      <c r="CE22" s="279">
        <v>0</v>
      </c>
      <c r="CF22" s="280">
        <v>0</v>
      </c>
      <c r="CG22" s="280">
        <v>0</v>
      </c>
      <c r="CH22" s="280">
        <v>9</v>
      </c>
      <c r="CI22" s="280">
        <v>13</v>
      </c>
      <c r="CJ22" s="280">
        <v>0</v>
      </c>
      <c r="CK22" s="277">
        <v>22</v>
      </c>
      <c r="CL22" s="282">
        <v>22</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88</v>
      </c>
      <c r="H23" s="280">
        <v>61</v>
      </c>
      <c r="I23" s="280">
        <v>48</v>
      </c>
      <c r="J23" s="280">
        <v>544</v>
      </c>
      <c r="K23" s="280">
        <v>206</v>
      </c>
      <c r="L23" s="281">
        <v>947</v>
      </c>
      <c r="M23" s="282">
        <v>947</v>
      </c>
      <c r="N23" s="276">
        <v>0</v>
      </c>
      <c r="O23" s="280">
        <v>0</v>
      </c>
      <c r="P23" s="277">
        <v>0</v>
      </c>
      <c r="Q23" s="279">
        <v>0</v>
      </c>
      <c r="R23" s="280">
        <v>0</v>
      </c>
      <c r="S23" s="280">
        <v>0</v>
      </c>
      <c r="T23" s="280">
        <v>3</v>
      </c>
      <c r="U23" s="280">
        <v>1</v>
      </c>
      <c r="V23" s="280">
        <v>15</v>
      </c>
      <c r="W23" s="277">
        <v>19</v>
      </c>
      <c r="X23" s="282">
        <v>19</v>
      </c>
      <c r="Y23" s="276">
        <v>26</v>
      </c>
      <c r="Z23" s="280">
        <v>20</v>
      </c>
      <c r="AA23" s="277">
        <v>46</v>
      </c>
      <c r="AB23" s="279">
        <v>0</v>
      </c>
      <c r="AC23" s="280">
        <v>86</v>
      </c>
      <c r="AD23" s="280">
        <v>206</v>
      </c>
      <c r="AE23" s="280">
        <v>81</v>
      </c>
      <c r="AF23" s="280">
        <v>170</v>
      </c>
      <c r="AG23" s="280">
        <v>100</v>
      </c>
      <c r="AH23" s="277">
        <v>643</v>
      </c>
      <c r="AI23" s="282">
        <v>689</v>
      </c>
      <c r="AJ23" s="276">
        <v>0</v>
      </c>
      <c r="AK23" s="280">
        <v>4</v>
      </c>
      <c r="AL23" s="277">
        <v>4</v>
      </c>
      <c r="AM23" s="279">
        <v>0</v>
      </c>
      <c r="AN23" s="280">
        <v>16</v>
      </c>
      <c r="AO23" s="280">
        <v>22</v>
      </c>
      <c r="AP23" s="280">
        <v>27</v>
      </c>
      <c r="AQ23" s="280">
        <v>18</v>
      </c>
      <c r="AR23" s="280">
        <v>0</v>
      </c>
      <c r="AS23" s="277">
        <v>83</v>
      </c>
      <c r="AT23" s="282">
        <v>87</v>
      </c>
      <c r="AU23" s="276">
        <v>0</v>
      </c>
      <c r="AV23" s="280">
        <v>0</v>
      </c>
      <c r="AW23" s="277">
        <v>0</v>
      </c>
      <c r="AX23" s="279">
        <v>0</v>
      </c>
      <c r="AY23" s="280">
        <v>113</v>
      </c>
      <c r="AZ23" s="280">
        <v>124</v>
      </c>
      <c r="BA23" s="280">
        <v>90</v>
      </c>
      <c r="BB23" s="280">
        <v>28</v>
      </c>
      <c r="BC23" s="280">
        <v>27</v>
      </c>
      <c r="BD23" s="281">
        <v>382</v>
      </c>
      <c r="BE23" s="282">
        <v>382</v>
      </c>
      <c r="BF23" s="276">
        <v>0</v>
      </c>
      <c r="BG23" s="280">
        <v>0</v>
      </c>
      <c r="BH23" s="277">
        <v>0</v>
      </c>
      <c r="BI23" s="279">
        <v>0</v>
      </c>
      <c r="BJ23" s="280">
        <v>64</v>
      </c>
      <c r="BK23" s="280">
        <v>62</v>
      </c>
      <c r="BL23" s="280">
        <v>9</v>
      </c>
      <c r="BM23" s="280">
        <v>6</v>
      </c>
      <c r="BN23" s="280">
        <v>0</v>
      </c>
      <c r="BO23" s="277">
        <v>141</v>
      </c>
      <c r="BP23" s="282">
        <v>141</v>
      </c>
      <c r="BQ23" s="276">
        <v>0</v>
      </c>
      <c r="BR23" s="280">
        <v>0</v>
      </c>
      <c r="BS23" s="277">
        <v>0</v>
      </c>
      <c r="BT23" s="279">
        <v>0</v>
      </c>
      <c r="BU23" s="280">
        <v>30</v>
      </c>
      <c r="BV23" s="280">
        <v>2</v>
      </c>
      <c r="BW23" s="280">
        <v>176</v>
      </c>
      <c r="BX23" s="280">
        <v>99</v>
      </c>
      <c r="BY23" s="280">
        <v>32</v>
      </c>
      <c r="BZ23" s="277">
        <v>339</v>
      </c>
      <c r="CA23" s="282">
        <v>339</v>
      </c>
      <c r="CB23" s="276">
        <v>0</v>
      </c>
      <c r="CC23" s="280">
        <v>0</v>
      </c>
      <c r="CD23" s="277">
        <v>0</v>
      </c>
      <c r="CE23" s="279">
        <v>0</v>
      </c>
      <c r="CF23" s="280">
        <v>0</v>
      </c>
      <c r="CG23" s="280">
        <v>7</v>
      </c>
      <c r="CH23" s="280">
        <v>0</v>
      </c>
      <c r="CI23" s="280">
        <v>0</v>
      </c>
      <c r="CJ23" s="280">
        <v>0</v>
      </c>
      <c r="CK23" s="277">
        <v>7</v>
      </c>
      <c r="CL23" s="282">
        <v>7</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47</v>
      </c>
      <c r="H24" s="280">
        <v>69</v>
      </c>
      <c r="I24" s="280">
        <v>23</v>
      </c>
      <c r="J24" s="280">
        <v>168</v>
      </c>
      <c r="K24" s="280">
        <v>57</v>
      </c>
      <c r="L24" s="281">
        <v>364</v>
      </c>
      <c r="M24" s="282">
        <v>364</v>
      </c>
      <c r="N24" s="276">
        <v>0</v>
      </c>
      <c r="O24" s="280">
        <v>0</v>
      </c>
      <c r="P24" s="277">
        <v>0</v>
      </c>
      <c r="Q24" s="279">
        <v>0</v>
      </c>
      <c r="R24" s="280">
        <v>0</v>
      </c>
      <c r="S24" s="280">
        <v>0</v>
      </c>
      <c r="T24" s="280">
        <v>0</v>
      </c>
      <c r="U24" s="280">
        <v>8</v>
      </c>
      <c r="V24" s="280">
        <v>0</v>
      </c>
      <c r="W24" s="277">
        <v>8</v>
      </c>
      <c r="X24" s="282">
        <v>8</v>
      </c>
      <c r="Y24" s="276">
        <v>0</v>
      </c>
      <c r="Z24" s="280">
        <v>2</v>
      </c>
      <c r="AA24" s="277">
        <v>2</v>
      </c>
      <c r="AB24" s="279">
        <v>0</v>
      </c>
      <c r="AC24" s="280">
        <v>16</v>
      </c>
      <c r="AD24" s="280">
        <v>8</v>
      </c>
      <c r="AE24" s="280">
        <v>38</v>
      </c>
      <c r="AF24" s="280">
        <v>19</v>
      </c>
      <c r="AG24" s="280">
        <v>16</v>
      </c>
      <c r="AH24" s="277">
        <v>97</v>
      </c>
      <c r="AI24" s="282">
        <v>99</v>
      </c>
      <c r="AJ24" s="276">
        <v>0</v>
      </c>
      <c r="AK24" s="280">
        <v>0</v>
      </c>
      <c r="AL24" s="277">
        <v>0</v>
      </c>
      <c r="AM24" s="279">
        <v>0</v>
      </c>
      <c r="AN24" s="280">
        <v>0</v>
      </c>
      <c r="AO24" s="280">
        <v>24</v>
      </c>
      <c r="AP24" s="280">
        <v>12</v>
      </c>
      <c r="AQ24" s="280">
        <v>0</v>
      </c>
      <c r="AR24" s="280">
        <v>0</v>
      </c>
      <c r="AS24" s="277">
        <v>36</v>
      </c>
      <c r="AT24" s="282">
        <v>36</v>
      </c>
      <c r="AU24" s="276">
        <v>0</v>
      </c>
      <c r="AV24" s="280">
        <v>0</v>
      </c>
      <c r="AW24" s="277">
        <v>0</v>
      </c>
      <c r="AX24" s="279">
        <v>0</v>
      </c>
      <c r="AY24" s="280">
        <v>56</v>
      </c>
      <c r="AZ24" s="280">
        <v>88</v>
      </c>
      <c r="BA24" s="280">
        <v>54</v>
      </c>
      <c r="BB24" s="280">
        <v>24</v>
      </c>
      <c r="BC24" s="280">
        <v>10</v>
      </c>
      <c r="BD24" s="281">
        <v>232</v>
      </c>
      <c r="BE24" s="282">
        <v>232</v>
      </c>
      <c r="BF24" s="276">
        <v>0</v>
      </c>
      <c r="BG24" s="280">
        <v>0</v>
      </c>
      <c r="BH24" s="277">
        <v>0</v>
      </c>
      <c r="BI24" s="279">
        <v>0</v>
      </c>
      <c r="BJ24" s="280">
        <v>16</v>
      </c>
      <c r="BK24" s="280">
        <v>20</v>
      </c>
      <c r="BL24" s="280">
        <v>14</v>
      </c>
      <c r="BM24" s="280">
        <v>8</v>
      </c>
      <c r="BN24" s="280">
        <v>7</v>
      </c>
      <c r="BO24" s="277">
        <v>65</v>
      </c>
      <c r="BP24" s="282">
        <v>65</v>
      </c>
      <c r="BQ24" s="276">
        <v>0</v>
      </c>
      <c r="BR24" s="280">
        <v>0</v>
      </c>
      <c r="BS24" s="277">
        <v>0</v>
      </c>
      <c r="BT24" s="279">
        <v>0</v>
      </c>
      <c r="BU24" s="280">
        <v>35</v>
      </c>
      <c r="BV24" s="280">
        <v>2</v>
      </c>
      <c r="BW24" s="280">
        <v>2</v>
      </c>
      <c r="BX24" s="280">
        <v>46</v>
      </c>
      <c r="BY24" s="280">
        <v>0</v>
      </c>
      <c r="BZ24" s="277">
        <v>85</v>
      </c>
      <c r="CA24" s="282">
        <v>85</v>
      </c>
      <c r="CB24" s="276">
        <v>0</v>
      </c>
      <c r="CC24" s="280">
        <v>0</v>
      </c>
      <c r="CD24" s="277">
        <v>0</v>
      </c>
      <c r="CE24" s="279">
        <v>0</v>
      </c>
      <c r="CF24" s="280">
        <v>0</v>
      </c>
      <c r="CG24" s="280">
        <v>0</v>
      </c>
      <c r="CH24" s="280">
        <v>6</v>
      </c>
      <c r="CI24" s="280">
        <v>2</v>
      </c>
      <c r="CJ24" s="280">
        <v>0</v>
      </c>
      <c r="CK24" s="277">
        <v>8</v>
      </c>
      <c r="CL24" s="282">
        <v>8</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25</v>
      </c>
      <c r="H25" s="280">
        <v>157</v>
      </c>
      <c r="I25" s="280">
        <v>134</v>
      </c>
      <c r="J25" s="280">
        <v>125</v>
      </c>
      <c r="K25" s="280">
        <v>225</v>
      </c>
      <c r="L25" s="281">
        <v>666</v>
      </c>
      <c r="M25" s="282">
        <v>666</v>
      </c>
      <c r="N25" s="276">
        <v>0</v>
      </c>
      <c r="O25" s="280">
        <v>0</v>
      </c>
      <c r="P25" s="277">
        <v>0</v>
      </c>
      <c r="Q25" s="279">
        <v>0</v>
      </c>
      <c r="R25" s="280">
        <v>0</v>
      </c>
      <c r="S25" s="280">
        <v>4</v>
      </c>
      <c r="T25" s="280">
        <v>0</v>
      </c>
      <c r="U25" s="280">
        <v>0</v>
      </c>
      <c r="V25" s="280">
        <v>0</v>
      </c>
      <c r="W25" s="277">
        <v>4</v>
      </c>
      <c r="X25" s="282">
        <v>4</v>
      </c>
      <c r="Y25" s="276">
        <v>14</v>
      </c>
      <c r="Z25" s="280">
        <v>30</v>
      </c>
      <c r="AA25" s="277">
        <v>44</v>
      </c>
      <c r="AB25" s="279">
        <v>0</v>
      </c>
      <c r="AC25" s="280">
        <v>40</v>
      </c>
      <c r="AD25" s="280">
        <v>104</v>
      </c>
      <c r="AE25" s="280">
        <v>54</v>
      </c>
      <c r="AF25" s="280">
        <v>13</v>
      </c>
      <c r="AG25" s="280">
        <v>4</v>
      </c>
      <c r="AH25" s="277">
        <v>215</v>
      </c>
      <c r="AI25" s="282">
        <v>259</v>
      </c>
      <c r="AJ25" s="276">
        <v>0</v>
      </c>
      <c r="AK25" s="280">
        <v>0</v>
      </c>
      <c r="AL25" s="277">
        <v>0</v>
      </c>
      <c r="AM25" s="279">
        <v>0</v>
      </c>
      <c r="AN25" s="280">
        <v>4</v>
      </c>
      <c r="AO25" s="280">
        <v>8</v>
      </c>
      <c r="AP25" s="280">
        <v>0</v>
      </c>
      <c r="AQ25" s="280">
        <v>0</v>
      </c>
      <c r="AR25" s="280">
        <v>15</v>
      </c>
      <c r="AS25" s="277">
        <v>27</v>
      </c>
      <c r="AT25" s="282">
        <v>27</v>
      </c>
      <c r="AU25" s="276">
        <v>0</v>
      </c>
      <c r="AV25" s="280">
        <v>0</v>
      </c>
      <c r="AW25" s="277">
        <v>0</v>
      </c>
      <c r="AX25" s="279">
        <v>0</v>
      </c>
      <c r="AY25" s="280">
        <v>129</v>
      </c>
      <c r="AZ25" s="280">
        <v>112</v>
      </c>
      <c r="BA25" s="280">
        <v>80</v>
      </c>
      <c r="BB25" s="280">
        <v>27</v>
      </c>
      <c r="BC25" s="280">
        <v>12</v>
      </c>
      <c r="BD25" s="281">
        <v>360</v>
      </c>
      <c r="BE25" s="282">
        <v>360</v>
      </c>
      <c r="BF25" s="276">
        <v>0</v>
      </c>
      <c r="BG25" s="280">
        <v>0</v>
      </c>
      <c r="BH25" s="277">
        <v>0</v>
      </c>
      <c r="BI25" s="279">
        <v>0</v>
      </c>
      <c r="BJ25" s="280">
        <v>18</v>
      </c>
      <c r="BK25" s="280">
        <v>14</v>
      </c>
      <c r="BL25" s="280">
        <v>27</v>
      </c>
      <c r="BM25" s="280">
        <v>0</v>
      </c>
      <c r="BN25" s="280">
        <v>3</v>
      </c>
      <c r="BO25" s="277">
        <v>62</v>
      </c>
      <c r="BP25" s="282">
        <v>62</v>
      </c>
      <c r="BQ25" s="276">
        <v>0</v>
      </c>
      <c r="BR25" s="280">
        <v>0</v>
      </c>
      <c r="BS25" s="277">
        <v>0</v>
      </c>
      <c r="BT25" s="279">
        <v>0</v>
      </c>
      <c r="BU25" s="280">
        <v>11</v>
      </c>
      <c r="BV25" s="280">
        <v>11</v>
      </c>
      <c r="BW25" s="280">
        <v>16</v>
      </c>
      <c r="BX25" s="280">
        <v>68</v>
      </c>
      <c r="BY25" s="280">
        <v>11</v>
      </c>
      <c r="BZ25" s="277">
        <v>117</v>
      </c>
      <c r="CA25" s="282">
        <v>117</v>
      </c>
      <c r="CB25" s="276">
        <v>0</v>
      </c>
      <c r="CC25" s="280">
        <v>2</v>
      </c>
      <c r="CD25" s="277">
        <v>2</v>
      </c>
      <c r="CE25" s="279">
        <v>0</v>
      </c>
      <c r="CF25" s="280">
        <v>3</v>
      </c>
      <c r="CG25" s="280">
        <v>0</v>
      </c>
      <c r="CH25" s="280">
        <v>0</v>
      </c>
      <c r="CI25" s="280">
        <v>0</v>
      </c>
      <c r="CJ25" s="280">
        <v>9</v>
      </c>
      <c r="CK25" s="277">
        <v>12</v>
      </c>
      <c r="CL25" s="282">
        <v>1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124</v>
      </c>
      <c r="H26" s="280">
        <v>94</v>
      </c>
      <c r="I26" s="280">
        <v>156</v>
      </c>
      <c r="J26" s="280">
        <v>60</v>
      </c>
      <c r="K26" s="280">
        <v>316</v>
      </c>
      <c r="L26" s="281">
        <v>750</v>
      </c>
      <c r="M26" s="282">
        <v>750</v>
      </c>
      <c r="N26" s="276">
        <v>0</v>
      </c>
      <c r="O26" s="280">
        <v>0</v>
      </c>
      <c r="P26" s="277">
        <v>0</v>
      </c>
      <c r="Q26" s="279">
        <v>0</v>
      </c>
      <c r="R26" s="280">
        <v>0</v>
      </c>
      <c r="S26" s="280">
        <v>4</v>
      </c>
      <c r="T26" s="280">
        <v>0</v>
      </c>
      <c r="U26" s="280">
        <v>5</v>
      </c>
      <c r="V26" s="280">
        <v>9</v>
      </c>
      <c r="W26" s="277">
        <v>18</v>
      </c>
      <c r="X26" s="282">
        <v>18</v>
      </c>
      <c r="Y26" s="276">
        <v>11</v>
      </c>
      <c r="Z26" s="280">
        <v>24</v>
      </c>
      <c r="AA26" s="277">
        <v>35</v>
      </c>
      <c r="AB26" s="279">
        <v>0</v>
      </c>
      <c r="AC26" s="280">
        <v>89</v>
      </c>
      <c r="AD26" s="280">
        <v>43</v>
      </c>
      <c r="AE26" s="280">
        <v>34</v>
      </c>
      <c r="AF26" s="280">
        <v>0</v>
      </c>
      <c r="AG26" s="280">
        <v>28</v>
      </c>
      <c r="AH26" s="277">
        <v>194</v>
      </c>
      <c r="AI26" s="282">
        <v>229</v>
      </c>
      <c r="AJ26" s="276">
        <v>0</v>
      </c>
      <c r="AK26" s="280">
        <v>0</v>
      </c>
      <c r="AL26" s="277">
        <v>0</v>
      </c>
      <c r="AM26" s="279">
        <v>0</v>
      </c>
      <c r="AN26" s="280">
        <v>12</v>
      </c>
      <c r="AO26" s="280">
        <v>28</v>
      </c>
      <c r="AP26" s="280">
        <v>0</v>
      </c>
      <c r="AQ26" s="280">
        <v>24</v>
      </c>
      <c r="AR26" s="280">
        <v>0</v>
      </c>
      <c r="AS26" s="277">
        <v>64</v>
      </c>
      <c r="AT26" s="282">
        <v>64</v>
      </c>
      <c r="AU26" s="276">
        <v>0</v>
      </c>
      <c r="AV26" s="280">
        <v>0</v>
      </c>
      <c r="AW26" s="277">
        <v>0</v>
      </c>
      <c r="AX26" s="279">
        <v>0</v>
      </c>
      <c r="AY26" s="280">
        <v>100</v>
      </c>
      <c r="AZ26" s="280">
        <v>57</v>
      </c>
      <c r="BA26" s="280">
        <v>51</v>
      </c>
      <c r="BB26" s="280">
        <v>0</v>
      </c>
      <c r="BC26" s="280">
        <v>3</v>
      </c>
      <c r="BD26" s="281">
        <v>211</v>
      </c>
      <c r="BE26" s="282">
        <v>211</v>
      </c>
      <c r="BF26" s="276">
        <v>0</v>
      </c>
      <c r="BG26" s="280">
        <v>0</v>
      </c>
      <c r="BH26" s="277">
        <v>0</v>
      </c>
      <c r="BI26" s="279">
        <v>0</v>
      </c>
      <c r="BJ26" s="280">
        <v>7</v>
      </c>
      <c r="BK26" s="280">
        <v>34</v>
      </c>
      <c r="BL26" s="280">
        <v>28</v>
      </c>
      <c r="BM26" s="280">
        <v>0</v>
      </c>
      <c r="BN26" s="280">
        <v>0</v>
      </c>
      <c r="BO26" s="277">
        <v>69</v>
      </c>
      <c r="BP26" s="282">
        <v>69</v>
      </c>
      <c r="BQ26" s="276">
        <v>0</v>
      </c>
      <c r="BR26" s="280">
        <v>0</v>
      </c>
      <c r="BS26" s="277">
        <v>0</v>
      </c>
      <c r="BT26" s="279">
        <v>0</v>
      </c>
      <c r="BU26" s="280">
        <v>8</v>
      </c>
      <c r="BV26" s="280">
        <v>0</v>
      </c>
      <c r="BW26" s="280">
        <v>3</v>
      </c>
      <c r="BX26" s="280">
        <v>0</v>
      </c>
      <c r="BY26" s="280">
        <v>3</v>
      </c>
      <c r="BZ26" s="277">
        <v>14</v>
      </c>
      <c r="CA26" s="282">
        <v>14</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85</v>
      </c>
      <c r="H27" s="280">
        <v>50</v>
      </c>
      <c r="I27" s="280">
        <v>224</v>
      </c>
      <c r="J27" s="280">
        <v>0</v>
      </c>
      <c r="K27" s="280">
        <v>4</v>
      </c>
      <c r="L27" s="281">
        <v>363</v>
      </c>
      <c r="M27" s="282">
        <v>363</v>
      </c>
      <c r="N27" s="276">
        <v>0</v>
      </c>
      <c r="O27" s="280">
        <v>0</v>
      </c>
      <c r="P27" s="277">
        <v>0</v>
      </c>
      <c r="Q27" s="279">
        <v>0</v>
      </c>
      <c r="R27" s="280">
        <v>0</v>
      </c>
      <c r="S27" s="280">
        <v>0</v>
      </c>
      <c r="T27" s="280">
        <v>7</v>
      </c>
      <c r="U27" s="280">
        <v>0</v>
      </c>
      <c r="V27" s="280">
        <v>0</v>
      </c>
      <c r="W27" s="277">
        <v>7</v>
      </c>
      <c r="X27" s="282">
        <v>7</v>
      </c>
      <c r="Y27" s="276">
        <v>0</v>
      </c>
      <c r="Z27" s="280">
        <v>1</v>
      </c>
      <c r="AA27" s="277">
        <v>1</v>
      </c>
      <c r="AB27" s="279">
        <v>0</v>
      </c>
      <c r="AC27" s="280">
        <v>16</v>
      </c>
      <c r="AD27" s="280">
        <v>29</v>
      </c>
      <c r="AE27" s="280">
        <v>26</v>
      </c>
      <c r="AF27" s="280">
        <v>14</v>
      </c>
      <c r="AG27" s="280">
        <v>0</v>
      </c>
      <c r="AH27" s="277">
        <v>85</v>
      </c>
      <c r="AI27" s="282">
        <v>86</v>
      </c>
      <c r="AJ27" s="276">
        <v>0</v>
      </c>
      <c r="AK27" s="280">
        <v>20</v>
      </c>
      <c r="AL27" s="277">
        <v>20</v>
      </c>
      <c r="AM27" s="279">
        <v>0</v>
      </c>
      <c r="AN27" s="280">
        <v>0</v>
      </c>
      <c r="AO27" s="280">
        <v>0</v>
      </c>
      <c r="AP27" s="280">
        <v>14</v>
      </c>
      <c r="AQ27" s="280">
        <v>0</v>
      </c>
      <c r="AR27" s="280">
        <v>0</v>
      </c>
      <c r="AS27" s="277">
        <v>14</v>
      </c>
      <c r="AT27" s="282">
        <v>34</v>
      </c>
      <c r="AU27" s="276">
        <v>0</v>
      </c>
      <c r="AV27" s="280">
        <v>0</v>
      </c>
      <c r="AW27" s="277">
        <v>0</v>
      </c>
      <c r="AX27" s="279">
        <v>0</v>
      </c>
      <c r="AY27" s="280">
        <v>68</v>
      </c>
      <c r="AZ27" s="280">
        <v>17</v>
      </c>
      <c r="BA27" s="280">
        <v>12</v>
      </c>
      <c r="BB27" s="280">
        <v>34</v>
      </c>
      <c r="BC27" s="280">
        <v>0</v>
      </c>
      <c r="BD27" s="281">
        <v>131</v>
      </c>
      <c r="BE27" s="282">
        <v>131</v>
      </c>
      <c r="BF27" s="276">
        <v>0</v>
      </c>
      <c r="BG27" s="280">
        <v>0</v>
      </c>
      <c r="BH27" s="277">
        <v>0</v>
      </c>
      <c r="BI27" s="279">
        <v>0</v>
      </c>
      <c r="BJ27" s="280">
        <v>11</v>
      </c>
      <c r="BK27" s="280">
        <v>35</v>
      </c>
      <c r="BL27" s="280">
        <v>27</v>
      </c>
      <c r="BM27" s="280">
        <v>5</v>
      </c>
      <c r="BN27" s="280">
        <v>2</v>
      </c>
      <c r="BO27" s="277">
        <v>80</v>
      </c>
      <c r="BP27" s="282">
        <v>80</v>
      </c>
      <c r="BQ27" s="276">
        <v>0</v>
      </c>
      <c r="BR27" s="280">
        <v>0</v>
      </c>
      <c r="BS27" s="277">
        <v>0</v>
      </c>
      <c r="BT27" s="279">
        <v>0</v>
      </c>
      <c r="BU27" s="280">
        <v>0</v>
      </c>
      <c r="BV27" s="280">
        <v>0</v>
      </c>
      <c r="BW27" s="280">
        <v>0</v>
      </c>
      <c r="BX27" s="280">
        <v>19</v>
      </c>
      <c r="BY27" s="280">
        <v>0</v>
      </c>
      <c r="BZ27" s="277">
        <v>19</v>
      </c>
      <c r="CA27" s="282">
        <v>19</v>
      </c>
      <c r="CB27" s="276">
        <v>0</v>
      </c>
      <c r="CC27" s="280">
        <v>0</v>
      </c>
      <c r="CD27" s="277">
        <v>0</v>
      </c>
      <c r="CE27" s="279">
        <v>0</v>
      </c>
      <c r="CF27" s="280">
        <v>5</v>
      </c>
      <c r="CG27" s="280">
        <v>0</v>
      </c>
      <c r="CH27" s="280">
        <v>3</v>
      </c>
      <c r="CI27" s="280">
        <v>0</v>
      </c>
      <c r="CJ27" s="280">
        <v>21</v>
      </c>
      <c r="CK27" s="277">
        <v>29</v>
      </c>
      <c r="CL27" s="282">
        <v>29</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101</v>
      </c>
      <c r="H28" s="280">
        <v>52</v>
      </c>
      <c r="I28" s="280">
        <v>248</v>
      </c>
      <c r="J28" s="280">
        <v>13</v>
      </c>
      <c r="K28" s="280">
        <v>0</v>
      </c>
      <c r="L28" s="281">
        <v>414</v>
      </c>
      <c r="M28" s="282">
        <v>414</v>
      </c>
      <c r="N28" s="276">
        <v>0</v>
      </c>
      <c r="O28" s="280">
        <v>0</v>
      </c>
      <c r="P28" s="277">
        <v>0</v>
      </c>
      <c r="Q28" s="279">
        <v>0</v>
      </c>
      <c r="R28" s="280">
        <v>0</v>
      </c>
      <c r="S28" s="280">
        <v>0</v>
      </c>
      <c r="T28" s="280">
        <v>1</v>
      </c>
      <c r="U28" s="280">
        <v>8</v>
      </c>
      <c r="V28" s="280">
        <v>0</v>
      </c>
      <c r="W28" s="277">
        <v>9</v>
      </c>
      <c r="X28" s="282">
        <v>9</v>
      </c>
      <c r="Y28" s="276">
        <v>0</v>
      </c>
      <c r="Z28" s="280">
        <v>0</v>
      </c>
      <c r="AA28" s="277">
        <v>0</v>
      </c>
      <c r="AB28" s="279">
        <v>0</v>
      </c>
      <c r="AC28" s="280">
        <v>14</v>
      </c>
      <c r="AD28" s="280">
        <v>18</v>
      </c>
      <c r="AE28" s="280">
        <v>20</v>
      </c>
      <c r="AF28" s="280">
        <v>8</v>
      </c>
      <c r="AG28" s="280">
        <v>3</v>
      </c>
      <c r="AH28" s="277">
        <v>63</v>
      </c>
      <c r="AI28" s="282">
        <v>63</v>
      </c>
      <c r="AJ28" s="276">
        <v>0</v>
      </c>
      <c r="AK28" s="280">
        <v>0</v>
      </c>
      <c r="AL28" s="277">
        <v>0</v>
      </c>
      <c r="AM28" s="279">
        <v>0</v>
      </c>
      <c r="AN28" s="280">
        <v>0</v>
      </c>
      <c r="AO28" s="280">
        <v>0</v>
      </c>
      <c r="AP28" s="280">
        <v>16</v>
      </c>
      <c r="AQ28" s="280">
        <v>0</v>
      </c>
      <c r="AR28" s="280">
        <v>0</v>
      </c>
      <c r="AS28" s="277">
        <v>16</v>
      </c>
      <c r="AT28" s="282">
        <v>16</v>
      </c>
      <c r="AU28" s="276">
        <v>0</v>
      </c>
      <c r="AV28" s="280">
        <v>0</v>
      </c>
      <c r="AW28" s="277">
        <v>0</v>
      </c>
      <c r="AX28" s="279">
        <v>0</v>
      </c>
      <c r="AY28" s="280">
        <v>54</v>
      </c>
      <c r="AZ28" s="280">
        <v>56</v>
      </c>
      <c r="BA28" s="280">
        <v>56</v>
      </c>
      <c r="BB28" s="280">
        <v>0</v>
      </c>
      <c r="BC28" s="280">
        <v>28</v>
      </c>
      <c r="BD28" s="281">
        <v>194</v>
      </c>
      <c r="BE28" s="282">
        <v>194</v>
      </c>
      <c r="BF28" s="276">
        <v>0</v>
      </c>
      <c r="BG28" s="280">
        <v>0</v>
      </c>
      <c r="BH28" s="277">
        <v>0</v>
      </c>
      <c r="BI28" s="279">
        <v>0</v>
      </c>
      <c r="BJ28" s="280">
        <v>8</v>
      </c>
      <c r="BK28" s="280">
        <v>26</v>
      </c>
      <c r="BL28" s="280">
        <v>20</v>
      </c>
      <c r="BM28" s="280">
        <v>2</v>
      </c>
      <c r="BN28" s="280">
        <v>0</v>
      </c>
      <c r="BO28" s="277">
        <v>56</v>
      </c>
      <c r="BP28" s="282">
        <v>56</v>
      </c>
      <c r="BQ28" s="276">
        <v>0</v>
      </c>
      <c r="BR28" s="280">
        <v>0</v>
      </c>
      <c r="BS28" s="277">
        <v>0</v>
      </c>
      <c r="BT28" s="279">
        <v>0</v>
      </c>
      <c r="BU28" s="280">
        <v>0</v>
      </c>
      <c r="BV28" s="280">
        <v>33</v>
      </c>
      <c r="BW28" s="280">
        <v>32</v>
      </c>
      <c r="BX28" s="280">
        <v>20</v>
      </c>
      <c r="BY28" s="280">
        <v>8</v>
      </c>
      <c r="BZ28" s="277">
        <v>93</v>
      </c>
      <c r="CA28" s="282">
        <v>93</v>
      </c>
      <c r="CB28" s="276">
        <v>0</v>
      </c>
      <c r="CC28" s="280">
        <v>0</v>
      </c>
      <c r="CD28" s="277">
        <v>0</v>
      </c>
      <c r="CE28" s="279">
        <v>0</v>
      </c>
      <c r="CF28" s="280">
        <v>0</v>
      </c>
      <c r="CG28" s="280">
        <v>3</v>
      </c>
      <c r="CH28" s="280">
        <v>8</v>
      </c>
      <c r="CI28" s="280">
        <v>0</v>
      </c>
      <c r="CJ28" s="280">
        <v>0</v>
      </c>
      <c r="CK28" s="277">
        <v>11</v>
      </c>
      <c r="CL28" s="282">
        <v>11</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11</v>
      </c>
      <c r="H29" s="280">
        <v>55</v>
      </c>
      <c r="I29" s="280">
        <v>129</v>
      </c>
      <c r="J29" s="280">
        <v>182</v>
      </c>
      <c r="K29" s="280">
        <v>120</v>
      </c>
      <c r="L29" s="281">
        <v>497</v>
      </c>
      <c r="M29" s="282">
        <v>497</v>
      </c>
      <c r="N29" s="276">
        <v>0</v>
      </c>
      <c r="O29" s="280">
        <v>0</v>
      </c>
      <c r="P29" s="277">
        <v>0</v>
      </c>
      <c r="Q29" s="279">
        <v>0</v>
      </c>
      <c r="R29" s="280">
        <v>0</v>
      </c>
      <c r="S29" s="280">
        <v>0</v>
      </c>
      <c r="T29" s="280">
        <v>0</v>
      </c>
      <c r="U29" s="280">
        <v>0</v>
      </c>
      <c r="V29" s="280">
        <v>7</v>
      </c>
      <c r="W29" s="277">
        <v>7</v>
      </c>
      <c r="X29" s="282">
        <v>7</v>
      </c>
      <c r="Y29" s="276">
        <v>15</v>
      </c>
      <c r="Z29" s="280">
        <v>6</v>
      </c>
      <c r="AA29" s="277">
        <v>21</v>
      </c>
      <c r="AB29" s="279">
        <v>0</v>
      </c>
      <c r="AC29" s="280">
        <v>24</v>
      </c>
      <c r="AD29" s="280">
        <v>53</v>
      </c>
      <c r="AE29" s="280">
        <v>23</v>
      </c>
      <c r="AF29" s="280">
        <v>11</v>
      </c>
      <c r="AG29" s="280">
        <v>48</v>
      </c>
      <c r="AH29" s="277">
        <v>159</v>
      </c>
      <c r="AI29" s="282">
        <v>180</v>
      </c>
      <c r="AJ29" s="276">
        <v>0</v>
      </c>
      <c r="AK29" s="280">
        <v>0</v>
      </c>
      <c r="AL29" s="277">
        <v>0</v>
      </c>
      <c r="AM29" s="279">
        <v>0</v>
      </c>
      <c r="AN29" s="280">
        <v>0</v>
      </c>
      <c r="AO29" s="280">
        <v>9</v>
      </c>
      <c r="AP29" s="280">
        <v>0</v>
      </c>
      <c r="AQ29" s="280">
        <v>0</v>
      </c>
      <c r="AR29" s="280">
        <v>0</v>
      </c>
      <c r="AS29" s="277">
        <v>9</v>
      </c>
      <c r="AT29" s="282">
        <v>9</v>
      </c>
      <c r="AU29" s="276">
        <v>0</v>
      </c>
      <c r="AV29" s="280">
        <v>0</v>
      </c>
      <c r="AW29" s="277">
        <v>0</v>
      </c>
      <c r="AX29" s="279">
        <v>0</v>
      </c>
      <c r="AY29" s="280">
        <v>76</v>
      </c>
      <c r="AZ29" s="280">
        <v>53</v>
      </c>
      <c r="BA29" s="280">
        <v>53</v>
      </c>
      <c r="BB29" s="280">
        <v>35</v>
      </c>
      <c r="BC29" s="280">
        <v>0</v>
      </c>
      <c r="BD29" s="281">
        <v>217</v>
      </c>
      <c r="BE29" s="282">
        <v>217</v>
      </c>
      <c r="BF29" s="276">
        <v>0</v>
      </c>
      <c r="BG29" s="280">
        <v>0</v>
      </c>
      <c r="BH29" s="277">
        <v>0</v>
      </c>
      <c r="BI29" s="279">
        <v>0</v>
      </c>
      <c r="BJ29" s="280">
        <v>8</v>
      </c>
      <c r="BK29" s="280">
        <v>25</v>
      </c>
      <c r="BL29" s="280">
        <v>18</v>
      </c>
      <c r="BM29" s="280">
        <v>0</v>
      </c>
      <c r="BN29" s="280">
        <v>0</v>
      </c>
      <c r="BO29" s="277">
        <v>51</v>
      </c>
      <c r="BP29" s="282">
        <v>51</v>
      </c>
      <c r="BQ29" s="276">
        <v>0</v>
      </c>
      <c r="BR29" s="280">
        <v>0</v>
      </c>
      <c r="BS29" s="277">
        <v>0</v>
      </c>
      <c r="BT29" s="279">
        <v>0</v>
      </c>
      <c r="BU29" s="280">
        <v>4</v>
      </c>
      <c r="BV29" s="280">
        <v>30</v>
      </c>
      <c r="BW29" s="280">
        <v>4</v>
      </c>
      <c r="BX29" s="280">
        <v>0</v>
      </c>
      <c r="BY29" s="280">
        <v>3</v>
      </c>
      <c r="BZ29" s="277">
        <v>41</v>
      </c>
      <c r="CA29" s="282">
        <v>41</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0</v>
      </c>
      <c r="H30" s="280">
        <v>0</v>
      </c>
      <c r="I30" s="280">
        <v>0</v>
      </c>
      <c r="J30" s="280">
        <v>43</v>
      </c>
      <c r="K30" s="280">
        <v>0</v>
      </c>
      <c r="L30" s="281">
        <v>43</v>
      </c>
      <c r="M30" s="282">
        <v>4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0</v>
      </c>
      <c r="AF30" s="280">
        <v>30</v>
      </c>
      <c r="AG30" s="280">
        <v>0</v>
      </c>
      <c r="AH30" s="277">
        <v>31</v>
      </c>
      <c r="AI30" s="282">
        <v>31</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8</v>
      </c>
      <c r="AZ30" s="280">
        <v>4</v>
      </c>
      <c r="BA30" s="280">
        <v>0</v>
      </c>
      <c r="BB30" s="280">
        <v>0</v>
      </c>
      <c r="BC30" s="280">
        <v>0</v>
      </c>
      <c r="BD30" s="281">
        <v>22</v>
      </c>
      <c r="BE30" s="282">
        <v>22</v>
      </c>
      <c r="BF30" s="276">
        <v>0</v>
      </c>
      <c r="BG30" s="280">
        <v>0</v>
      </c>
      <c r="BH30" s="277">
        <v>0</v>
      </c>
      <c r="BI30" s="279">
        <v>0</v>
      </c>
      <c r="BJ30" s="280">
        <v>0</v>
      </c>
      <c r="BK30" s="280">
        <v>0</v>
      </c>
      <c r="BL30" s="280">
        <v>8</v>
      </c>
      <c r="BM30" s="280">
        <v>0</v>
      </c>
      <c r="BN30" s="280">
        <v>0</v>
      </c>
      <c r="BO30" s="277">
        <v>8</v>
      </c>
      <c r="BP30" s="282">
        <v>8</v>
      </c>
      <c r="BQ30" s="276">
        <v>0</v>
      </c>
      <c r="BR30" s="280">
        <v>0</v>
      </c>
      <c r="BS30" s="277">
        <v>0</v>
      </c>
      <c r="BT30" s="279">
        <v>0</v>
      </c>
      <c r="BU30" s="280">
        <v>0</v>
      </c>
      <c r="BV30" s="280">
        <v>0</v>
      </c>
      <c r="BW30" s="280">
        <v>3</v>
      </c>
      <c r="BX30" s="280">
        <v>0</v>
      </c>
      <c r="BY30" s="280">
        <v>17</v>
      </c>
      <c r="BZ30" s="277">
        <v>20</v>
      </c>
      <c r="CA30" s="282">
        <v>2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4</v>
      </c>
      <c r="W31" s="277">
        <v>4</v>
      </c>
      <c r="X31" s="282">
        <v>4</v>
      </c>
      <c r="Y31" s="276">
        <v>0</v>
      </c>
      <c r="Z31" s="280">
        <v>2</v>
      </c>
      <c r="AA31" s="277">
        <v>2</v>
      </c>
      <c r="AB31" s="279">
        <v>0</v>
      </c>
      <c r="AC31" s="280">
        <v>0</v>
      </c>
      <c r="AD31" s="280">
        <v>4</v>
      </c>
      <c r="AE31" s="280">
        <v>0</v>
      </c>
      <c r="AF31" s="280">
        <v>0</v>
      </c>
      <c r="AG31" s="280">
        <v>0</v>
      </c>
      <c r="AH31" s="277">
        <v>4</v>
      </c>
      <c r="AI31" s="282">
        <v>6</v>
      </c>
      <c r="AJ31" s="276">
        <v>0</v>
      </c>
      <c r="AK31" s="280">
        <v>0</v>
      </c>
      <c r="AL31" s="277">
        <v>0</v>
      </c>
      <c r="AM31" s="279">
        <v>0</v>
      </c>
      <c r="AN31" s="280">
        <v>0</v>
      </c>
      <c r="AO31" s="280">
        <v>12</v>
      </c>
      <c r="AP31" s="280">
        <v>0</v>
      </c>
      <c r="AQ31" s="280">
        <v>0</v>
      </c>
      <c r="AR31" s="280">
        <v>0</v>
      </c>
      <c r="AS31" s="277">
        <v>12</v>
      </c>
      <c r="AT31" s="282">
        <v>12</v>
      </c>
      <c r="AU31" s="276">
        <v>0</v>
      </c>
      <c r="AV31" s="280">
        <v>0</v>
      </c>
      <c r="AW31" s="277">
        <v>0</v>
      </c>
      <c r="AX31" s="279">
        <v>0</v>
      </c>
      <c r="AY31" s="280">
        <v>35</v>
      </c>
      <c r="AZ31" s="280">
        <v>53</v>
      </c>
      <c r="BA31" s="280">
        <v>0</v>
      </c>
      <c r="BB31" s="280">
        <v>8</v>
      </c>
      <c r="BC31" s="280">
        <v>0</v>
      </c>
      <c r="BD31" s="281">
        <v>96</v>
      </c>
      <c r="BE31" s="282">
        <v>96</v>
      </c>
      <c r="BF31" s="276">
        <v>0</v>
      </c>
      <c r="BG31" s="280">
        <v>0</v>
      </c>
      <c r="BH31" s="277">
        <v>0</v>
      </c>
      <c r="BI31" s="279">
        <v>0</v>
      </c>
      <c r="BJ31" s="280">
        <v>0</v>
      </c>
      <c r="BK31" s="280">
        <v>0</v>
      </c>
      <c r="BL31" s="280">
        <v>0</v>
      </c>
      <c r="BM31" s="280">
        <v>0</v>
      </c>
      <c r="BN31" s="280">
        <v>0</v>
      </c>
      <c r="BO31" s="277">
        <v>0</v>
      </c>
      <c r="BP31" s="282">
        <v>0</v>
      </c>
      <c r="BQ31" s="276">
        <v>0</v>
      </c>
      <c r="BR31" s="280">
        <v>0</v>
      </c>
      <c r="BS31" s="277">
        <v>0</v>
      </c>
      <c r="BT31" s="279">
        <v>0</v>
      </c>
      <c r="BU31" s="280">
        <v>0</v>
      </c>
      <c r="BV31" s="280">
        <v>12</v>
      </c>
      <c r="BW31" s="280">
        <v>0</v>
      </c>
      <c r="BX31" s="280">
        <v>0</v>
      </c>
      <c r="BY31" s="280">
        <v>12</v>
      </c>
      <c r="BZ31" s="277">
        <v>24</v>
      </c>
      <c r="CA31" s="282">
        <v>2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8</v>
      </c>
      <c r="H32" s="280">
        <v>8</v>
      </c>
      <c r="I32" s="280">
        <v>8</v>
      </c>
      <c r="J32" s="280">
        <v>14</v>
      </c>
      <c r="K32" s="280">
        <v>0</v>
      </c>
      <c r="L32" s="281">
        <v>38</v>
      </c>
      <c r="M32" s="282">
        <v>38</v>
      </c>
      <c r="N32" s="276">
        <v>0</v>
      </c>
      <c r="O32" s="280">
        <v>0</v>
      </c>
      <c r="P32" s="277">
        <v>0</v>
      </c>
      <c r="Q32" s="279">
        <v>0</v>
      </c>
      <c r="R32" s="280">
        <v>0</v>
      </c>
      <c r="S32" s="280">
        <v>0</v>
      </c>
      <c r="T32" s="280">
        <v>0</v>
      </c>
      <c r="U32" s="280">
        <v>0</v>
      </c>
      <c r="V32" s="280">
        <v>0</v>
      </c>
      <c r="W32" s="277">
        <v>0</v>
      </c>
      <c r="X32" s="282">
        <v>0</v>
      </c>
      <c r="Y32" s="276">
        <v>0</v>
      </c>
      <c r="Z32" s="280">
        <v>10</v>
      </c>
      <c r="AA32" s="277">
        <v>10</v>
      </c>
      <c r="AB32" s="279">
        <v>0</v>
      </c>
      <c r="AC32" s="280">
        <v>0</v>
      </c>
      <c r="AD32" s="280">
        <v>0</v>
      </c>
      <c r="AE32" s="280">
        <v>8</v>
      </c>
      <c r="AF32" s="280">
        <v>4</v>
      </c>
      <c r="AG32" s="280">
        <v>0</v>
      </c>
      <c r="AH32" s="277">
        <v>12</v>
      </c>
      <c r="AI32" s="282">
        <v>22</v>
      </c>
      <c r="AJ32" s="276">
        <v>24</v>
      </c>
      <c r="AK32" s="280">
        <v>0</v>
      </c>
      <c r="AL32" s="277">
        <v>24</v>
      </c>
      <c r="AM32" s="279">
        <v>0</v>
      </c>
      <c r="AN32" s="280">
        <v>0</v>
      </c>
      <c r="AO32" s="280">
        <v>0</v>
      </c>
      <c r="AP32" s="280">
        <v>0</v>
      </c>
      <c r="AQ32" s="280">
        <v>0</v>
      </c>
      <c r="AR32" s="280">
        <v>0</v>
      </c>
      <c r="AS32" s="277">
        <v>0</v>
      </c>
      <c r="AT32" s="282">
        <v>24</v>
      </c>
      <c r="AU32" s="276">
        <v>0</v>
      </c>
      <c r="AV32" s="280">
        <v>0</v>
      </c>
      <c r="AW32" s="277">
        <v>0</v>
      </c>
      <c r="AX32" s="279">
        <v>0</v>
      </c>
      <c r="AY32" s="280">
        <v>4</v>
      </c>
      <c r="AZ32" s="280">
        <v>0</v>
      </c>
      <c r="BA32" s="280">
        <v>0</v>
      </c>
      <c r="BB32" s="280">
        <v>21</v>
      </c>
      <c r="BC32" s="280">
        <v>0</v>
      </c>
      <c r="BD32" s="281">
        <v>25</v>
      </c>
      <c r="BE32" s="282">
        <v>25</v>
      </c>
      <c r="BF32" s="276">
        <v>0</v>
      </c>
      <c r="BG32" s="280">
        <v>0</v>
      </c>
      <c r="BH32" s="277">
        <v>0</v>
      </c>
      <c r="BI32" s="279">
        <v>0</v>
      </c>
      <c r="BJ32" s="280">
        <v>0</v>
      </c>
      <c r="BK32" s="280">
        <v>0</v>
      </c>
      <c r="BL32" s="280">
        <v>21</v>
      </c>
      <c r="BM32" s="280">
        <v>0</v>
      </c>
      <c r="BN32" s="280">
        <v>0</v>
      </c>
      <c r="BO32" s="277">
        <v>21</v>
      </c>
      <c r="BP32" s="282">
        <v>21</v>
      </c>
      <c r="BQ32" s="276">
        <v>0</v>
      </c>
      <c r="BR32" s="280">
        <v>0</v>
      </c>
      <c r="BS32" s="277">
        <v>0</v>
      </c>
      <c r="BT32" s="279">
        <v>0</v>
      </c>
      <c r="BU32" s="280">
        <v>0</v>
      </c>
      <c r="BV32" s="280">
        <v>0</v>
      </c>
      <c r="BW32" s="280">
        <v>9</v>
      </c>
      <c r="BX32" s="280">
        <v>4</v>
      </c>
      <c r="BY32" s="280">
        <v>0</v>
      </c>
      <c r="BZ32" s="277">
        <v>13</v>
      </c>
      <c r="CA32" s="282">
        <v>13</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4</v>
      </c>
      <c r="H33" s="280">
        <v>0</v>
      </c>
      <c r="I33" s="280">
        <v>16</v>
      </c>
      <c r="J33" s="280">
        <v>0</v>
      </c>
      <c r="K33" s="280">
        <v>0</v>
      </c>
      <c r="L33" s="281">
        <v>20</v>
      </c>
      <c r="M33" s="282">
        <v>20</v>
      </c>
      <c r="N33" s="276">
        <v>0</v>
      </c>
      <c r="O33" s="280">
        <v>0</v>
      </c>
      <c r="P33" s="277">
        <v>0</v>
      </c>
      <c r="Q33" s="279">
        <v>0</v>
      </c>
      <c r="R33" s="280">
        <v>0</v>
      </c>
      <c r="S33" s="280">
        <v>4</v>
      </c>
      <c r="T33" s="280">
        <v>8</v>
      </c>
      <c r="U33" s="280">
        <v>0</v>
      </c>
      <c r="V33" s="280">
        <v>0</v>
      </c>
      <c r="W33" s="277">
        <v>12</v>
      </c>
      <c r="X33" s="282">
        <v>12</v>
      </c>
      <c r="Y33" s="276">
        <v>2</v>
      </c>
      <c r="Z33" s="280">
        <v>0</v>
      </c>
      <c r="AA33" s="277">
        <v>2</v>
      </c>
      <c r="AB33" s="279">
        <v>0</v>
      </c>
      <c r="AC33" s="280">
        <v>0</v>
      </c>
      <c r="AD33" s="280">
        <v>0</v>
      </c>
      <c r="AE33" s="280">
        <v>6</v>
      </c>
      <c r="AF33" s="280">
        <v>9</v>
      </c>
      <c r="AG33" s="280">
        <v>0</v>
      </c>
      <c r="AH33" s="277">
        <v>15</v>
      </c>
      <c r="AI33" s="282">
        <v>17</v>
      </c>
      <c r="AJ33" s="276">
        <v>0</v>
      </c>
      <c r="AK33" s="280">
        <v>0</v>
      </c>
      <c r="AL33" s="277">
        <v>0</v>
      </c>
      <c r="AM33" s="279">
        <v>0</v>
      </c>
      <c r="AN33" s="280">
        <v>0</v>
      </c>
      <c r="AO33" s="280">
        <v>38</v>
      </c>
      <c r="AP33" s="280">
        <v>0</v>
      </c>
      <c r="AQ33" s="280">
        <v>0</v>
      </c>
      <c r="AR33" s="280">
        <v>0</v>
      </c>
      <c r="AS33" s="277">
        <v>38</v>
      </c>
      <c r="AT33" s="282">
        <v>38</v>
      </c>
      <c r="AU33" s="276">
        <v>0</v>
      </c>
      <c r="AV33" s="280">
        <v>0</v>
      </c>
      <c r="AW33" s="277">
        <v>0</v>
      </c>
      <c r="AX33" s="279">
        <v>0</v>
      </c>
      <c r="AY33" s="280">
        <v>17</v>
      </c>
      <c r="AZ33" s="280">
        <v>15</v>
      </c>
      <c r="BA33" s="280">
        <v>4</v>
      </c>
      <c r="BB33" s="280">
        <v>4</v>
      </c>
      <c r="BC33" s="280">
        <v>0</v>
      </c>
      <c r="BD33" s="281">
        <v>40</v>
      </c>
      <c r="BE33" s="282">
        <v>40</v>
      </c>
      <c r="BF33" s="276">
        <v>0</v>
      </c>
      <c r="BG33" s="280">
        <v>0</v>
      </c>
      <c r="BH33" s="277">
        <v>0</v>
      </c>
      <c r="BI33" s="279">
        <v>0</v>
      </c>
      <c r="BJ33" s="280">
        <v>8</v>
      </c>
      <c r="BK33" s="280">
        <v>13</v>
      </c>
      <c r="BL33" s="280">
        <v>0</v>
      </c>
      <c r="BM33" s="280">
        <v>5</v>
      </c>
      <c r="BN33" s="280">
        <v>0</v>
      </c>
      <c r="BO33" s="277">
        <v>26</v>
      </c>
      <c r="BP33" s="282">
        <v>26</v>
      </c>
      <c r="BQ33" s="276">
        <v>0</v>
      </c>
      <c r="BR33" s="280">
        <v>0</v>
      </c>
      <c r="BS33" s="277">
        <v>0</v>
      </c>
      <c r="BT33" s="279">
        <v>0</v>
      </c>
      <c r="BU33" s="280">
        <v>0</v>
      </c>
      <c r="BV33" s="280">
        <v>15</v>
      </c>
      <c r="BW33" s="280">
        <v>1</v>
      </c>
      <c r="BX33" s="280">
        <v>0</v>
      </c>
      <c r="BY33" s="280">
        <v>0</v>
      </c>
      <c r="BZ33" s="277">
        <v>16</v>
      </c>
      <c r="CA33" s="282">
        <v>16</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9</v>
      </c>
      <c r="H34" s="280">
        <v>36</v>
      </c>
      <c r="I34" s="280">
        <v>41</v>
      </c>
      <c r="J34" s="280">
        <v>175</v>
      </c>
      <c r="K34" s="280">
        <v>91</v>
      </c>
      <c r="L34" s="281">
        <v>352</v>
      </c>
      <c r="M34" s="282">
        <v>352</v>
      </c>
      <c r="N34" s="276">
        <v>0</v>
      </c>
      <c r="O34" s="280">
        <v>0</v>
      </c>
      <c r="P34" s="277">
        <v>0</v>
      </c>
      <c r="Q34" s="279">
        <v>0</v>
      </c>
      <c r="R34" s="280">
        <v>0</v>
      </c>
      <c r="S34" s="280">
        <v>0</v>
      </c>
      <c r="T34" s="280">
        <v>0</v>
      </c>
      <c r="U34" s="280">
        <v>0</v>
      </c>
      <c r="V34" s="280">
        <v>4</v>
      </c>
      <c r="W34" s="277">
        <v>4</v>
      </c>
      <c r="X34" s="282">
        <v>4</v>
      </c>
      <c r="Y34" s="276">
        <v>0</v>
      </c>
      <c r="Z34" s="280">
        <v>2</v>
      </c>
      <c r="AA34" s="277">
        <v>2</v>
      </c>
      <c r="AB34" s="279">
        <v>0</v>
      </c>
      <c r="AC34" s="280">
        <v>4</v>
      </c>
      <c r="AD34" s="280">
        <v>16</v>
      </c>
      <c r="AE34" s="280">
        <v>12</v>
      </c>
      <c r="AF34" s="280">
        <v>0</v>
      </c>
      <c r="AG34" s="280">
        <v>0</v>
      </c>
      <c r="AH34" s="277">
        <v>32</v>
      </c>
      <c r="AI34" s="282">
        <v>34</v>
      </c>
      <c r="AJ34" s="276">
        <v>0</v>
      </c>
      <c r="AK34" s="280">
        <v>0</v>
      </c>
      <c r="AL34" s="277">
        <v>0</v>
      </c>
      <c r="AM34" s="279">
        <v>0</v>
      </c>
      <c r="AN34" s="280">
        <v>0</v>
      </c>
      <c r="AO34" s="280">
        <v>9</v>
      </c>
      <c r="AP34" s="280">
        <v>0</v>
      </c>
      <c r="AQ34" s="280">
        <v>0</v>
      </c>
      <c r="AR34" s="280">
        <v>0</v>
      </c>
      <c r="AS34" s="277">
        <v>9</v>
      </c>
      <c r="AT34" s="282">
        <v>9</v>
      </c>
      <c r="AU34" s="276">
        <v>0</v>
      </c>
      <c r="AV34" s="280">
        <v>0</v>
      </c>
      <c r="AW34" s="277">
        <v>0</v>
      </c>
      <c r="AX34" s="279">
        <v>0</v>
      </c>
      <c r="AY34" s="280">
        <v>23</v>
      </c>
      <c r="AZ34" s="280">
        <v>33</v>
      </c>
      <c r="BA34" s="280">
        <v>35</v>
      </c>
      <c r="BB34" s="280">
        <v>0</v>
      </c>
      <c r="BC34" s="280">
        <v>12</v>
      </c>
      <c r="BD34" s="281">
        <v>103</v>
      </c>
      <c r="BE34" s="282">
        <v>103</v>
      </c>
      <c r="BF34" s="276">
        <v>0</v>
      </c>
      <c r="BG34" s="280">
        <v>0</v>
      </c>
      <c r="BH34" s="277">
        <v>0</v>
      </c>
      <c r="BI34" s="279">
        <v>0</v>
      </c>
      <c r="BJ34" s="280">
        <v>19</v>
      </c>
      <c r="BK34" s="280">
        <v>6</v>
      </c>
      <c r="BL34" s="280">
        <v>2</v>
      </c>
      <c r="BM34" s="280">
        <v>0</v>
      </c>
      <c r="BN34" s="280">
        <v>5</v>
      </c>
      <c r="BO34" s="277">
        <v>32</v>
      </c>
      <c r="BP34" s="282">
        <v>32</v>
      </c>
      <c r="BQ34" s="276">
        <v>0</v>
      </c>
      <c r="BR34" s="280">
        <v>0</v>
      </c>
      <c r="BS34" s="277">
        <v>0</v>
      </c>
      <c r="BT34" s="279">
        <v>0</v>
      </c>
      <c r="BU34" s="280">
        <v>0</v>
      </c>
      <c r="BV34" s="280">
        <v>0</v>
      </c>
      <c r="BW34" s="280">
        <v>0</v>
      </c>
      <c r="BX34" s="280">
        <v>0</v>
      </c>
      <c r="BY34" s="280">
        <v>7</v>
      </c>
      <c r="BZ34" s="277">
        <v>7</v>
      </c>
      <c r="CA34" s="282">
        <v>7</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9</v>
      </c>
      <c r="H35" s="280">
        <v>0</v>
      </c>
      <c r="I35" s="280">
        <v>0</v>
      </c>
      <c r="J35" s="280">
        <v>0</v>
      </c>
      <c r="K35" s="280">
        <v>10</v>
      </c>
      <c r="L35" s="281">
        <v>19</v>
      </c>
      <c r="M35" s="282">
        <v>19</v>
      </c>
      <c r="N35" s="276">
        <v>0</v>
      </c>
      <c r="O35" s="280">
        <v>0</v>
      </c>
      <c r="P35" s="277">
        <v>0</v>
      </c>
      <c r="Q35" s="279">
        <v>0</v>
      </c>
      <c r="R35" s="280">
        <v>0</v>
      </c>
      <c r="S35" s="280">
        <v>0</v>
      </c>
      <c r="T35" s="280">
        <v>0</v>
      </c>
      <c r="U35" s="280">
        <v>3</v>
      </c>
      <c r="V35" s="280">
        <v>0</v>
      </c>
      <c r="W35" s="277">
        <v>3</v>
      </c>
      <c r="X35" s="282">
        <v>3</v>
      </c>
      <c r="Y35" s="276">
        <v>0</v>
      </c>
      <c r="Z35" s="280">
        <v>0</v>
      </c>
      <c r="AA35" s="277">
        <v>0</v>
      </c>
      <c r="AB35" s="279">
        <v>0</v>
      </c>
      <c r="AC35" s="280">
        <v>4</v>
      </c>
      <c r="AD35" s="280">
        <v>4</v>
      </c>
      <c r="AE35" s="280">
        <v>0</v>
      </c>
      <c r="AF35" s="280">
        <v>0</v>
      </c>
      <c r="AG35" s="280">
        <v>4</v>
      </c>
      <c r="AH35" s="277">
        <v>12</v>
      </c>
      <c r="AI35" s="282">
        <v>12</v>
      </c>
      <c r="AJ35" s="276">
        <v>27</v>
      </c>
      <c r="AK35" s="280">
        <v>9</v>
      </c>
      <c r="AL35" s="277">
        <v>36</v>
      </c>
      <c r="AM35" s="279">
        <v>0</v>
      </c>
      <c r="AN35" s="280">
        <v>12</v>
      </c>
      <c r="AO35" s="280">
        <v>0</v>
      </c>
      <c r="AP35" s="280">
        <v>9</v>
      </c>
      <c r="AQ35" s="280">
        <v>15</v>
      </c>
      <c r="AR35" s="280">
        <v>12</v>
      </c>
      <c r="AS35" s="277">
        <v>48</v>
      </c>
      <c r="AT35" s="282">
        <v>84</v>
      </c>
      <c r="AU35" s="276">
        <v>0</v>
      </c>
      <c r="AV35" s="280">
        <v>0</v>
      </c>
      <c r="AW35" s="277">
        <v>0</v>
      </c>
      <c r="AX35" s="279">
        <v>0</v>
      </c>
      <c r="AY35" s="280">
        <v>3</v>
      </c>
      <c r="AZ35" s="280">
        <v>0</v>
      </c>
      <c r="BA35" s="280">
        <v>0</v>
      </c>
      <c r="BB35" s="280">
        <v>0</v>
      </c>
      <c r="BC35" s="280">
        <v>0</v>
      </c>
      <c r="BD35" s="281">
        <v>3</v>
      </c>
      <c r="BE35" s="282">
        <v>3</v>
      </c>
      <c r="BF35" s="276">
        <v>0</v>
      </c>
      <c r="BG35" s="280">
        <v>0</v>
      </c>
      <c r="BH35" s="277">
        <v>0</v>
      </c>
      <c r="BI35" s="279">
        <v>0</v>
      </c>
      <c r="BJ35" s="280">
        <v>5</v>
      </c>
      <c r="BK35" s="280">
        <v>8</v>
      </c>
      <c r="BL35" s="280">
        <v>0</v>
      </c>
      <c r="BM35" s="280">
        <v>0</v>
      </c>
      <c r="BN35" s="280">
        <v>0</v>
      </c>
      <c r="BO35" s="277">
        <v>13</v>
      </c>
      <c r="BP35" s="282">
        <v>13</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10</v>
      </c>
      <c r="AP36" s="280">
        <v>2</v>
      </c>
      <c r="AQ36" s="280">
        <v>0</v>
      </c>
      <c r="AR36" s="280">
        <v>0</v>
      </c>
      <c r="AS36" s="277">
        <v>12</v>
      </c>
      <c r="AT36" s="282">
        <v>12</v>
      </c>
      <c r="AU36" s="276">
        <v>0</v>
      </c>
      <c r="AV36" s="280">
        <v>0</v>
      </c>
      <c r="AW36" s="277">
        <v>0</v>
      </c>
      <c r="AX36" s="279">
        <v>0</v>
      </c>
      <c r="AY36" s="280">
        <v>0</v>
      </c>
      <c r="AZ36" s="280">
        <v>0</v>
      </c>
      <c r="BA36" s="280">
        <v>0</v>
      </c>
      <c r="BB36" s="280">
        <v>4</v>
      </c>
      <c r="BC36" s="280">
        <v>0</v>
      </c>
      <c r="BD36" s="281">
        <v>4</v>
      </c>
      <c r="BE36" s="282">
        <v>4</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25</v>
      </c>
      <c r="H37" s="280">
        <v>12</v>
      </c>
      <c r="I37" s="280">
        <v>0</v>
      </c>
      <c r="J37" s="280">
        <v>79</v>
      </c>
      <c r="K37" s="280">
        <v>82</v>
      </c>
      <c r="L37" s="281">
        <v>298</v>
      </c>
      <c r="M37" s="282">
        <v>298</v>
      </c>
      <c r="N37" s="276">
        <v>0</v>
      </c>
      <c r="O37" s="280">
        <v>0</v>
      </c>
      <c r="P37" s="277">
        <v>0</v>
      </c>
      <c r="Q37" s="279">
        <v>0</v>
      </c>
      <c r="R37" s="280">
        <v>0</v>
      </c>
      <c r="S37" s="280">
        <v>0</v>
      </c>
      <c r="T37" s="280">
        <v>0</v>
      </c>
      <c r="U37" s="280">
        <v>1</v>
      </c>
      <c r="V37" s="280">
        <v>12</v>
      </c>
      <c r="W37" s="277">
        <v>13</v>
      </c>
      <c r="X37" s="282">
        <v>13</v>
      </c>
      <c r="Y37" s="276">
        <v>0</v>
      </c>
      <c r="Z37" s="280">
        <v>9</v>
      </c>
      <c r="AA37" s="277">
        <v>9</v>
      </c>
      <c r="AB37" s="279">
        <v>0</v>
      </c>
      <c r="AC37" s="280">
        <v>4</v>
      </c>
      <c r="AD37" s="280">
        <v>7</v>
      </c>
      <c r="AE37" s="280">
        <v>0</v>
      </c>
      <c r="AF37" s="280">
        <v>12</v>
      </c>
      <c r="AG37" s="280">
        <v>33</v>
      </c>
      <c r="AH37" s="277">
        <v>56</v>
      </c>
      <c r="AI37" s="282">
        <v>65</v>
      </c>
      <c r="AJ37" s="276">
        <v>4</v>
      </c>
      <c r="AK37" s="280">
        <v>0</v>
      </c>
      <c r="AL37" s="277">
        <v>4</v>
      </c>
      <c r="AM37" s="279">
        <v>0</v>
      </c>
      <c r="AN37" s="280">
        <v>12</v>
      </c>
      <c r="AO37" s="280">
        <v>12</v>
      </c>
      <c r="AP37" s="280">
        <v>19</v>
      </c>
      <c r="AQ37" s="280">
        <v>36</v>
      </c>
      <c r="AR37" s="280">
        <v>0</v>
      </c>
      <c r="AS37" s="277">
        <v>79</v>
      </c>
      <c r="AT37" s="282">
        <v>83</v>
      </c>
      <c r="AU37" s="276">
        <v>0</v>
      </c>
      <c r="AV37" s="280">
        <v>0</v>
      </c>
      <c r="AW37" s="277">
        <v>0</v>
      </c>
      <c r="AX37" s="279">
        <v>0</v>
      </c>
      <c r="AY37" s="280">
        <v>84</v>
      </c>
      <c r="AZ37" s="280">
        <v>38</v>
      </c>
      <c r="BA37" s="280">
        <v>10</v>
      </c>
      <c r="BB37" s="280">
        <v>0</v>
      </c>
      <c r="BC37" s="280">
        <v>0</v>
      </c>
      <c r="BD37" s="281">
        <v>132</v>
      </c>
      <c r="BE37" s="282">
        <v>132</v>
      </c>
      <c r="BF37" s="276">
        <v>0</v>
      </c>
      <c r="BG37" s="280">
        <v>0</v>
      </c>
      <c r="BH37" s="277">
        <v>0</v>
      </c>
      <c r="BI37" s="279">
        <v>0</v>
      </c>
      <c r="BJ37" s="280">
        <v>12</v>
      </c>
      <c r="BK37" s="280">
        <v>0</v>
      </c>
      <c r="BL37" s="280">
        <v>5</v>
      </c>
      <c r="BM37" s="280">
        <v>0</v>
      </c>
      <c r="BN37" s="280">
        <v>0</v>
      </c>
      <c r="BO37" s="277">
        <v>17</v>
      </c>
      <c r="BP37" s="282">
        <v>17</v>
      </c>
      <c r="BQ37" s="276">
        <v>0</v>
      </c>
      <c r="BR37" s="280">
        <v>0</v>
      </c>
      <c r="BS37" s="277">
        <v>0</v>
      </c>
      <c r="BT37" s="279">
        <v>0</v>
      </c>
      <c r="BU37" s="280">
        <v>0</v>
      </c>
      <c r="BV37" s="280">
        <v>7</v>
      </c>
      <c r="BW37" s="280">
        <v>0</v>
      </c>
      <c r="BX37" s="280">
        <v>0</v>
      </c>
      <c r="BY37" s="280">
        <v>0</v>
      </c>
      <c r="BZ37" s="277">
        <v>7</v>
      </c>
      <c r="CA37" s="282">
        <v>7</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51</v>
      </c>
      <c r="H38" s="280">
        <v>66</v>
      </c>
      <c r="I38" s="280">
        <v>11</v>
      </c>
      <c r="J38" s="280">
        <v>2</v>
      </c>
      <c r="K38" s="280">
        <v>176</v>
      </c>
      <c r="L38" s="281">
        <v>306</v>
      </c>
      <c r="M38" s="282">
        <v>306</v>
      </c>
      <c r="N38" s="276">
        <v>0</v>
      </c>
      <c r="O38" s="280">
        <v>0</v>
      </c>
      <c r="P38" s="277">
        <v>0</v>
      </c>
      <c r="Q38" s="279">
        <v>0</v>
      </c>
      <c r="R38" s="280">
        <v>2</v>
      </c>
      <c r="S38" s="280">
        <v>0</v>
      </c>
      <c r="T38" s="280">
        <v>0</v>
      </c>
      <c r="U38" s="280">
        <v>0</v>
      </c>
      <c r="V38" s="280">
        <v>0</v>
      </c>
      <c r="W38" s="277">
        <v>2</v>
      </c>
      <c r="X38" s="282">
        <v>2</v>
      </c>
      <c r="Y38" s="276">
        <v>0</v>
      </c>
      <c r="Z38" s="280">
        <v>8</v>
      </c>
      <c r="AA38" s="277">
        <v>8</v>
      </c>
      <c r="AB38" s="279">
        <v>0</v>
      </c>
      <c r="AC38" s="280">
        <v>21</v>
      </c>
      <c r="AD38" s="280">
        <v>0</v>
      </c>
      <c r="AE38" s="280">
        <v>4</v>
      </c>
      <c r="AF38" s="280">
        <v>0</v>
      </c>
      <c r="AG38" s="280">
        <v>49</v>
      </c>
      <c r="AH38" s="277">
        <v>74</v>
      </c>
      <c r="AI38" s="282">
        <v>82</v>
      </c>
      <c r="AJ38" s="276">
        <v>0</v>
      </c>
      <c r="AK38" s="280">
        <v>16</v>
      </c>
      <c r="AL38" s="277">
        <v>16</v>
      </c>
      <c r="AM38" s="279">
        <v>0</v>
      </c>
      <c r="AN38" s="280">
        <v>0</v>
      </c>
      <c r="AO38" s="280">
        <v>6</v>
      </c>
      <c r="AP38" s="280">
        <v>0</v>
      </c>
      <c r="AQ38" s="280">
        <v>0</v>
      </c>
      <c r="AR38" s="280">
        <v>0</v>
      </c>
      <c r="AS38" s="277">
        <v>6</v>
      </c>
      <c r="AT38" s="282">
        <v>22</v>
      </c>
      <c r="AU38" s="276">
        <v>0</v>
      </c>
      <c r="AV38" s="280">
        <v>0</v>
      </c>
      <c r="AW38" s="277">
        <v>0</v>
      </c>
      <c r="AX38" s="279">
        <v>0</v>
      </c>
      <c r="AY38" s="280">
        <v>14</v>
      </c>
      <c r="AZ38" s="280">
        <v>12</v>
      </c>
      <c r="BA38" s="280">
        <v>12</v>
      </c>
      <c r="BB38" s="280">
        <v>0</v>
      </c>
      <c r="BC38" s="280">
        <v>0</v>
      </c>
      <c r="BD38" s="281">
        <v>38</v>
      </c>
      <c r="BE38" s="282">
        <v>38</v>
      </c>
      <c r="BF38" s="276">
        <v>0</v>
      </c>
      <c r="BG38" s="280">
        <v>0</v>
      </c>
      <c r="BH38" s="277">
        <v>0</v>
      </c>
      <c r="BI38" s="279">
        <v>0</v>
      </c>
      <c r="BJ38" s="280">
        <v>0</v>
      </c>
      <c r="BK38" s="280">
        <v>7</v>
      </c>
      <c r="BL38" s="280">
        <v>2</v>
      </c>
      <c r="BM38" s="280">
        <v>3</v>
      </c>
      <c r="BN38" s="280">
        <v>0</v>
      </c>
      <c r="BO38" s="277">
        <v>12</v>
      </c>
      <c r="BP38" s="282">
        <v>12</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11</v>
      </c>
      <c r="BA39" s="287">
        <v>0</v>
      </c>
      <c r="BB39" s="287">
        <v>0</v>
      </c>
      <c r="BC39" s="287">
        <v>0</v>
      </c>
      <c r="BD39" s="288">
        <v>11</v>
      </c>
      <c r="BE39" s="289">
        <v>11</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26">
        <f>第１表!F2</f>
        <v>5</v>
      </c>
      <c r="K1" s="526"/>
      <c r="L1" s="248">
        <f>第１表!G2</f>
        <v>3</v>
      </c>
      <c r="M1" s="530">
        <f>IF(L1&lt;3,L1+12-2,L1-2)</f>
        <v>1</v>
      </c>
      <c r="N1" s="530"/>
    </row>
    <row r="2" spans="2:112" ht="24" customHeight="1" thickBot="1" x14ac:dyDescent="0.25">
      <c r="B2" s="290" t="s">
        <v>154</v>
      </c>
    </row>
    <row r="3" spans="2:112" ht="21" customHeight="1" thickBot="1" x14ac:dyDescent="0.25">
      <c r="B3" s="550"/>
      <c r="C3" s="553" t="s">
        <v>112</v>
      </c>
      <c r="D3" s="553"/>
      <c r="E3" s="553"/>
      <c r="F3" s="553"/>
      <c r="G3" s="553"/>
      <c r="H3" s="553"/>
      <c r="I3" s="553"/>
      <c r="J3" s="553"/>
      <c r="K3" s="553"/>
      <c r="L3" s="553"/>
      <c r="M3" s="554"/>
      <c r="N3" s="548" t="s">
        <v>111</v>
      </c>
      <c r="O3" s="548"/>
      <c r="P3" s="548"/>
      <c r="Q3" s="548"/>
      <c r="R3" s="548"/>
      <c r="S3" s="548"/>
      <c r="T3" s="548"/>
      <c r="U3" s="548"/>
      <c r="V3" s="548"/>
      <c r="W3" s="548"/>
      <c r="X3" s="549"/>
      <c r="Y3" s="547" t="s">
        <v>110</v>
      </c>
      <c r="Z3" s="548"/>
      <c r="AA3" s="548"/>
      <c r="AB3" s="548"/>
      <c r="AC3" s="548"/>
      <c r="AD3" s="548"/>
      <c r="AE3" s="548"/>
      <c r="AF3" s="548"/>
      <c r="AG3" s="548"/>
      <c r="AH3" s="548"/>
      <c r="AI3" s="549"/>
      <c r="AJ3" s="547" t="s">
        <v>109</v>
      </c>
      <c r="AK3" s="548"/>
      <c r="AL3" s="548"/>
      <c r="AM3" s="548"/>
      <c r="AN3" s="548"/>
      <c r="AO3" s="548"/>
      <c r="AP3" s="548"/>
      <c r="AQ3" s="548"/>
      <c r="AR3" s="548"/>
      <c r="AS3" s="548"/>
      <c r="AT3" s="549"/>
      <c r="AU3" s="547" t="s">
        <v>108</v>
      </c>
      <c r="AV3" s="548"/>
      <c r="AW3" s="548"/>
      <c r="AX3" s="548"/>
      <c r="AY3" s="548"/>
      <c r="AZ3" s="548"/>
      <c r="BA3" s="548"/>
      <c r="BB3" s="548"/>
      <c r="BC3" s="548"/>
      <c r="BD3" s="548"/>
      <c r="BE3" s="549"/>
      <c r="BF3" s="547" t="s">
        <v>107</v>
      </c>
      <c r="BG3" s="548"/>
      <c r="BH3" s="548"/>
      <c r="BI3" s="548"/>
      <c r="BJ3" s="548"/>
      <c r="BK3" s="548"/>
      <c r="BL3" s="548"/>
      <c r="BM3" s="548"/>
      <c r="BN3" s="548"/>
      <c r="BO3" s="548"/>
      <c r="BP3" s="549"/>
      <c r="BQ3" s="547" t="s">
        <v>106</v>
      </c>
      <c r="BR3" s="548"/>
      <c r="BS3" s="548"/>
      <c r="BT3" s="548"/>
      <c r="BU3" s="548"/>
      <c r="BV3" s="548"/>
      <c r="BW3" s="548"/>
      <c r="BX3" s="548"/>
      <c r="BY3" s="548"/>
      <c r="BZ3" s="548"/>
      <c r="CA3" s="549"/>
      <c r="CB3" s="547" t="s">
        <v>128</v>
      </c>
      <c r="CC3" s="548"/>
      <c r="CD3" s="548"/>
      <c r="CE3" s="548"/>
      <c r="CF3" s="548"/>
      <c r="CG3" s="548"/>
      <c r="CH3" s="548"/>
      <c r="CI3" s="548"/>
      <c r="CJ3" s="548"/>
      <c r="CK3" s="548"/>
      <c r="CL3" s="549"/>
      <c r="CM3" s="547" t="s">
        <v>161</v>
      </c>
      <c r="CN3" s="548"/>
      <c r="CO3" s="548"/>
      <c r="CP3" s="548"/>
      <c r="CQ3" s="548"/>
      <c r="CR3" s="548"/>
      <c r="CS3" s="548"/>
      <c r="CT3" s="548"/>
      <c r="CU3" s="548"/>
      <c r="CV3" s="548"/>
      <c r="CW3" s="549"/>
      <c r="CX3" s="547" t="s">
        <v>157</v>
      </c>
      <c r="CY3" s="548"/>
      <c r="CZ3" s="548"/>
      <c r="DA3" s="548"/>
      <c r="DB3" s="548"/>
      <c r="DC3" s="548"/>
      <c r="DD3" s="548"/>
      <c r="DE3" s="548"/>
      <c r="DF3" s="548"/>
      <c r="DG3" s="548"/>
      <c r="DH3" s="549"/>
    </row>
    <row r="4" spans="2:112" ht="21" customHeight="1" x14ac:dyDescent="0.2">
      <c r="B4" s="551"/>
      <c r="C4" s="555" t="s">
        <v>61</v>
      </c>
      <c r="D4" s="538"/>
      <c r="E4" s="539"/>
      <c r="F4" s="537" t="s">
        <v>62</v>
      </c>
      <c r="G4" s="538"/>
      <c r="H4" s="538"/>
      <c r="I4" s="538"/>
      <c r="J4" s="538"/>
      <c r="K4" s="538"/>
      <c r="L4" s="546"/>
      <c r="M4" s="540" t="s">
        <v>52</v>
      </c>
      <c r="N4" s="555" t="s">
        <v>61</v>
      </c>
      <c r="O4" s="538"/>
      <c r="P4" s="539"/>
      <c r="Q4" s="537" t="s">
        <v>62</v>
      </c>
      <c r="R4" s="538"/>
      <c r="S4" s="538"/>
      <c r="T4" s="538"/>
      <c r="U4" s="538"/>
      <c r="V4" s="538"/>
      <c r="W4" s="539"/>
      <c r="X4" s="540" t="s">
        <v>52</v>
      </c>
      <c r="Y4" s="542" t="s">
        <v>61</v>
      </c>
      <c r="Z4" s="538"/>
      <c r="AA4" s="546"/>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42" t="s">
        <v>61</v>
      </c>
      <c r="AV4" s="538"/>
      <c r="AW4" s="546"/>
      <c r="AX4" s="537" t="s">
        <v>62</v>
      </c>
      <c r="AY4" s="538"/>
      <c r="AZ4" s="538"/>
      <c r="BA4" s="538"/>
      <c r="BB4" s="538"/>
      <c r="BC4" s="538"/>
      <c r="BD4" s="546"/>
      <c r="BE4" s="540" t="s">
        <v>52</v>
      </c>
      <c r="BF4" s="542" t="s">
        <v>61</v>
      </c>
      <c r="BG4" s="538"/>
      <c r="BH4" s="539"/>
      <c r="BI4" s="537" t="s">
        <v>62</v>
      </c>
      <c r="BJ4" s="538"/>
      <c r="BK4" s="538"/>
      <c r="BL4" s="538"/>
      <c r="BM4" s="538"/>
      <c r="BN4" s="538"/>
      <c r="BO4" s="539"/>
      <c r="BP4" s="540" t="s">
        <v>52</v>
      </c>
      <c r="BQ4" s="542" t="s">
        <v>61</v>
      </c>
      <c r="BR4" s="538"/>
      <c r="BS4" s="539"/>
      <c r="BT4" s="537" t="s">
        <v>62</v>
      </c>
      <c r="BU4" s="538"/>
      <c r="BV4" s="538"/>
      <c r="BW4" s="538"/>
      <c r="BX4" s="538"/>
      <c r="BY4" s="538"/>
      <c r="BZ4" s="539"/>
      <c r="CA4" s="540" t="s">
        <v>52</v>
      </c>
      <c r="CB4" s="542" t="s">
        <v>61</v>
      </c>
      <c r="CC4" s="538"/>
      <c r="CD4" s="539"/>
      <c r="CE4" s="537" t="s">
        <v>62</v>
      </c>
      <c r="CF4" s="538"/>
      <c r="CG4" s="538"/>
      <c r="CH4" s="538"/>
      <c r="CI4" s="538"/>
      <c r="CJ4" s="538"/>
      <c r="CK4" s="539"/>
      <c r="CL4" s="540" t="s">
        <v>52</v>
      </c>
      <c r="CM4" s="542" t="s">
        <v>61</v>
      </c>
      <c r="CN4" s="538"/>
      <c r="CO4" s="539"/>
      <c r="CP4" s="537" t="s">
        <v>62</v>
      </c>
      <c r="CQ4" s="538"/>
      <c r="CR4" s="538"/>
      <c r="CS4" s="538"/>
      <c r="CT4" s="538"/>
      <c r="CU4" s="538"/>
      <c r="CV4" s="539"/>
      <c r="CW4" s="540" t="s">
        <v>52</v>
      </c>
      <c r="CX4" s="542" t="s">
        <v>61</v>
      </c>
      <c r="CY4" s="538"/>
      <c r="CZ4" s="539"/>
      <c r="DA4" s="537" t="s">
        <v>62</v>
      </c>
      <c r="DB4" s="538"/>
      <c r="DC4" s="538"/>
      <c r="DD4" s="538"/>
      <c r="DE4" s="538"/>
      <c r="DF4" s="538"/>
      <c r="DG4" s="539"/>
      <c r="DH4" s="540" t="s">
        <v>52</v>
      </c>
    </row>
    <row r="5" spans="2:112" ht="30" customHeight="1" thickBot="1" x14ac:dyDescent="0.25">
      <c r="B5" s="552"/>
      <c r="C5" s="264" t="s">
        <v>43</v>
      </c>
      <c r="D5" s="265" t="s">
        <v>44</v>
      </c>
      <c r="E5" s="266" t="s">
        <v>45</v>
      </c>
      <c r="F5" s="267" t="s">
        <v>83</v>
      </c>
      <c r="G5" s="259" t="s">
        <v>47</v>
      </c>
      <c r="H5" s="259" t="s">
        <v>48</v>
      </c>
      <c r="I5" s="259" t="s">
        <v>49</v>
      </c>
      <c r="J5" s="259" t="s">
        <v>50</v>
      </c>
      <c r="K5" s="259" t="s">
        <v>51</v>
      </c>
      <c r="L5" s="268" t="s">
        <v>45</v>
      </c>
      <c r="M5" s="541"/>
      <c r="N5" s="264" t="s">
        <v>43</v>
      </c>
      <c r="O5" s="259" t="s">
        <v>44</v>
      </c>
      <c r="P5" s="265" t="s">
        <v>45</v>
      </c>
      <c r="Q5" s="267" t="s">
        <v>83</v>
      </c>
      <c r="R5" s="259" t="s">
        <v>47</v>
      </c>
      <c r="S5" s="259" t="s">
        <v>48</v>
      </c>
      <c r="T5" s="259" t="s">
        <v>49</v>
      </c>
      <c r="U5" s="259" t="s">
        <v>50</v>
      </c>
      <c r="V5" s="259" t="s">
        <v>51</v>
      </c>
      <c r="W5" s="265" t="s">
        <v>45</v>
      </c>
      <c r="X5" s="541"/>
      <c r="Y5" s="350" t="s">
        <v>43</v>
      </c>
      <c r="Z5" s="259" t="s">
        <v>44</v>
      </c>
      <c r="AA5" s="268" t="s">
        <v>45</v>
      </c>
      <c r="AB5" s="267" t="s">
        <v>83</v>
      </c>
      <c r="AC5" s="259" t="s">
        <v>47</v>
      </c>
      <c r="AD5" s="259" t="s">
        <v>48</v>
      </c>
      <c r="AE5" s="259" t="s">
        <v>49</v>
      </c>
      <c r="AF5" s="259" t="s">
        <v>50</v>
      </c>
      <c r="AG5" s="259" t="s">
        <v>51</v>
      </c>
      <c r="AH5" s="265" t="s">
        <v>45</v>
      </c>
      <c r="AI5" s="541"/>
      <c r="AJ5" s="350" t="s">
        <v>43</v>
      </c>
      <c r="AK5" s="259" t="s">
        <v>44</v>
      </c>
      <c r="AL5" s="265" t="s">
        <v>45</v>
      </c>
      <c r="AM5" s="267" t="s">
        <v>83</v>
      </c>
      <c r="AN5" s="259" t="s">
        <v>47</v>
      </c>
      <c r="AO5" s="259" t="s">
        <v>48</v>
      </c>
      <c r="AP5" s="259" t="s">
        <v>49</v>
      </c>
      <c r="AQ5" s="259" t="s">
        <v>50</v>
      </c>
      <c r="AR5" s="259" t="s">
        <v>51</v>
      </c>
      <c r="AS5" s="265" t="s">
        <v>45</v>
      </c>
      <c r="AT5" s="541"/>
      <c r="AU5" s="350" t="s">
        <v>43</v>
      </c>
      <c r="AV5" s="259" t="s">
        <v>44</v>
      </c>
      <c r="AW5" s="268" t="s">
        <v>45</v>
      </c>
      <c r="AX5" s="267" t="s">
        <v>83</v>
      </c>
      <c r="AY5" s="259" t="s">
        <v>47</v>
      </c>
      <c r="AZ5" s="259" t="s">
        <v>48</v>
      </c>
      <c r="BA5" s="259" t="s">
        <v>49</v>
      </c>
      <c r="BB5" s="259" t="s">
        <v>50</v>
      </c>
      <c r="BC5" s="259" t="s">
        <v>51</v>
      </c>
      <c r="BD5" s="268" t="s">
        <v>45</v>
      </c>
      <c r="BE5" s="541"/>
      <c r="BF5" s="350" t="s">
        <v>43</v>
      </c>
      <c r="BG5" s="259" t="s">
        <v>44</v>
      </c>
      <c r="BH5" s="265" t="s">
        <v>45</v>
      </c>
      <c r="BI5" s="267" t="s">
        <v>83</v>
      </c>
      <c r="BJ5" s="259" t="s">
        <v>47</v>
      </c>
      <c r="BK5" s="259" t="s">
        <v>48</v>
      </c>
      <c r="BL5" s="259" t="s">
        <v>49</v>
      </c>
      <c r="BM5" s="259" t="s">
        <v>50</v>
      </c>
      <c r="BN5" s="259" t="s">
        <v>51</v>
      </c>
      <c r="BO5" s="265" t="s">
        <v>45</v>
      </c>
      <c r="BP5" s="541"/>
      <c r="BQ5" s="350" t="s">
        <v>43</v>
      </c>
      <c r="BR5" s="259" t="s">
        <v>44</v>
      </c>
      <c r="BS5" s="265" t="s">
        <v>45</v>
      </c>
      <c r="BT5" s="267" t="s">
        <v>83</v>
      </c>
      <c r="BU5" s="259" t="s">
        <v>47</v>
      </c>
      <c r="BV5" s="259" t="s">
        <v>48</v>
      </c>
      <c r="BW5" s="259" t="s">
        <v>49</v>
      </c>
      <c r="BX5" s="259" t="s">
        <v>50</v>
      </c>
      <c r="BY5" s="259" t="s">
        <v>51</v>
      </c>
      <c r="BZ5" s="265" t="s">
        <v>45</v>
      </c>
      <c r="CA5" s="541"/>
      <c r="CB5" s="350" t="s">
        <v>43</v>
      </c>
      <c r="CC5" s="259" t="s">
        <v>44</v>
      </c>
      <c r="CD5" s="265" t="s">
        <v>45</v>
      </c>
      <c r="CE5" s="267" t="s">
        <v>83</v>
      </c>
      <c r="CF5" s="259" t="s">
        <v>47</v>
      </c>
      <c r="CG5" s="259" t="s">
        <v>48</v>
      </c>
      <c r="CH5" s="259" t="s">
        <v>49</v>
      </c>
      <c r="CI5" s="259" t="s">
        <v>50</v>
      </c>
      <c r="CJ5" s="259" t="s">
        <v>51</v>
      </c>
      <c r="CK5" s="265" t="s">
        <v>45</v>
      </c>
      <c r="CL5" s="541"/>
      <c r="CM5" s="365" t="s">
        <v>43</v>
      </c>
      <c r="CN5" s="259" t="s">
        <v>44</v>
      </c>
      <c r="CO5" s="265" t="s">
        <v>45</v>
      </c>
      <c r="CP5" s="267" t="s">
        <v>83</v>
      </c>
      <c r="CQ5" s="259" t="s">
        <v>47</v>
      </c>
      <c r="CR5" s="259" t="s">
        <v>48</v>
      </c>
      <c r="CS5" s="259" t="s">
        <v>49</v>
      </c>
      <c r="CT5" s="259" t="s">
        <v>50</v>
      </c>
      <c r="CU5" s="259" t="s">
        <v>51</v>
      </c>
      <c r="CV5" s="265" t="s">
        <v>45</v>
      </c>
      <c r="CW5" s="541"/>
      <c r="CX5" s="365" t="s">
        <v>43</v>
      </c>
      <c r="CY5" s="259" t="s">
        <v>44</v>
      </c>
      <c r="CZ5" s="265" t="s">
        <v>45</v>
      </c>
      <c r="DA5" s="267" t="s">
        <v>83</v>
      </c>
      <c r="DB5" s="259" t="s">
        <v>47</v>
      </c>
      <c r="DC5" s="259" t="s">
        <v>48</v>
      </c>
      <c r="DD5" s="259" t="s">
        <v>49</v>
      </c>
      <c r="DE5" s="259" t="s">
        <v>50</v>
      </c>
      <c r="DF5" s="259" t="s">
        <v>51</v>
      </c>
      <c r="DG5" s="265" t="s">
        <v>45</v>
      </c>
      <c r="DH5" s="541"/>
    </row>
    <row r="6" spans="2:112" ht="21" customHeight="1" x14ac:dyDescent="0.2">
      <c r="B6" s="260" t="s">
        <v>4</v>
      </c>
      <c r="C6" s="269">
        <v>0</v>
      </c>
      <c r="D6" s="270">
        <v>0</v>
      </c>
      <c r="E6" s="271">
        <v>0</v>
      </c>
      <c r="F6" s="272">
        <v>0</v>
      </c>
      <c r="G6" s="273">
        <v>11501</v>
      </c>
      <c r="H6" s="273">
        <v>16699</v>
      </c>
      <c r="I6" s="273">
        <v>19315</v>
      </c>
      <c r="J6" s="273">
        <v>25143</v>
      </c>
      <c r="K6" s="273">
        <v>21883</v>
      </c>
      <c r="L6" s="274">
        <v>94541</v>
      </c>
      <c r="M6" s="275">
        <v>94541</v>
      </c>
      <c r="N6" s="269">
        <v>4</v>
      </c>
      <c r="O6" s="273">
        <v>5</v>
      </c>
      <c r="P6" s="270">
        <v>9</v>
      </c>
      <c r="Q6" s="272">
        <v>0</v>
      </c>
      <c r="R6" s="273">
        <v>60</v>
      </c>
      <c r="S6" s="273">
        <v>125</v>
      </c>
      <c r="T6" s="273">
        <v>296</v>
      </c>
      <c r="U6" s="273">
        <v>705</v>
      </c>
      <c r="V6" s="273">
        <v>1138</v>
      </c>
      <c r="W6" s="270">
        <v>2324</v>
      </c>
      <c r="X6" s="275">
        <v>2333</v>
      </c>
      <c r="Y6" s="269">
        <v>1294</v>
      </c>
      <c r="Z6" s="273">
        <v>3002</v>
      </c>
      <c r="AA6" s="270">
        <v>4296</v>
      </c>
      <c r="AB6" s="272">
        <v>0</v>
      </c>
      <c r="AC6" s="273">
        <v>8257</v>
      </c>
      <c r="AD6" s="273">
        <v>12574</v>
      </c>
      <c r="AE6" s="273">
        <v>7601</v>
      </c>
      <c r="AF6" s="273">
        <v>6849</v>
      </c>
      <c r="AG6" s="273">
        <v>5274</v>
      </c>
      <c r="AH6" s="270">
        <v>40555</v>
      </c>
      <c r="AI6" s="275">
        <v>44851</v>
      </c>
      <c r="AJ6" s="269">
        <v>192</v>
      </c>
      <c r="AK6" s="273">
        <v>623</v>
      </c>
      <c r="AL6" s="270">
        <v>815</v>
      </c>
      <c r="AM6" s="272">
        <v>0</v>
      </c>
      <c r="AN6" s="273">
        <v>1181</v>
      </c>
      <c r="AO6" s="273">
        <v>1658</v>
      </c>
      <c r="AP6" s="273">
        <v>1117</v>
      </c>
      <c r="AQ6" s="273">
        <v>1131</v>
      </c>
      <c r="AR6" s="273">
        <v>619</v>
      </c>
      <c r="AS6" s="270">
        <v>5706</v>
      </c>
      <c r="AT6" s="275">
        <v>6521</v>
      </c>
      <c r="AU6" s="269">
        <v>0</v>
      </c>
      <c r="AV6" s="273">
        <v>0</v>
      </c>
      <c r="AW6" s="270">
        <v>0</v>
      </c>
      <c r="AX6" s="272">
        <v>0</v>
      </c>
      <c r="AY6" s="273">
        <v>9589</v>
      </c>
      <c r="AZ6" s="273">
        <v>8935</v>
      </c>
      <c r="BA6" s="273">
        <v>4871</v>
      </c>
      <c r="BB6" s="273">
        <v>2965</v>
      </c>
      <c r="BC6" s="273">
        <v>1279</v>
      </c>
      <c r="BD6" s="274">
        <v>27639</v>
      </c>
      <c r="BE6" s="275">
        <v>27639</v>
      </c>
      <c r="BF6" s="269">
        <v>0</v>
      </c>
      <c r="BG6" s="273">
        <v>0</v>
      </c>
      <c r="BH6" s="270">
        <v>0</v>
      </c>
      <c r="BI6" s="272">
        <v>0</v>
      </c>
      <c r="BJ6" s="273">
        <v>1886</v>
      </c>
      <c r="BK6" s="273">
        <v>2710</v>
      </c>
      <c r="BL6" s="273">
        <v>1908</v>
      </c>
      <c r="BM6" s="273">
        <v>1302</v>
      </c>
      <c r="BN6" s="273">
        <v>493</v>
      </c>
      <c r="BO6" s="270">
        <v>8299</v>
      </c>
      <c r="BP6" s="275">
        <v>8299</v>
      </c>
      <c r="BQ6" s="269">
        <v>18</v>
      </c>
      <c r="BR6" s="273">
        <v>58</v>
      </c>
      <c r="BS6" s="270">
        <v>76</v>
      </c>
      <c r="BT6" s="272">
        <v>0</v>
      </c>
      <c r="BU6" s="273">
        <v>1070</v>
      </c>
      <c r="BV6" s="273">
        <v>1692</v>
      </c>
      <c r="BW6" s="273">
        <v>2743</v>
      </c>
      <c r="BX6" s="273">
        <v>2143</v>
      </c>
      <c r="BY6" s="273">
        <v>1105</v>
      </c>
      <c r="BZ6" s="270">
        <v>8753</v>
      </c>
      <c r="CA6" s="275">
        <v>8829</v>
      </c>
      <c r="CB6" s="269">
        <v>0</v>
      </c>
      <c r="CC6" s="273">
        <v>17</v>
      </c>
      <c r="CD6" s="270">
        <v>17</v>
      </c>
      <c r="CE6" s="272">
        <v>0</v>
      </c>
      <c r="CF6" s="273">
        <v>94</v>
      </c>
      <c r="CG6" s="273">
        <v>226</v>
      </c>
      <c r="CH6" s="273">
        <v>288</v>
      </c>
      <c r="CI6" s="273">
        <v>280</v>
      </c>
      <c r="CJ6" s="273">
        <v>270</v>
      </c>
      <c r="CK6" s="270">
        <v>1158</v>
      </c>
      <c r="CL6" s="275">
        <v>1175</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0</v>
      </c>
      <c r="E7" s="278">
        <v>0</v>
      </c>
      <c r="F7" s="279">
        <v>0</v>
      </c>
      <c r="G7" s="280">
        <v>4053</v>
      </c>
      <c r="H7" s="280">
        <v>8452</v>
      </c>
      <c r="I7" s="280">
        <v>7038</v>
      </c>
      <c r="J7" s="280">
        <v>9613</v>
      </c>
      <c r="K7" s="280">
        <v>8241</v>
      </c>
      <c r="L7" s="281">
        <v>37397</v>
      </c>
      <c r="M7" s="282">
        <v>37397</v>
      </c>
      <c r="N7" s="276">
        <v>4</v>
      </c>
      <c r="O7" s="280">
        <v>5</v>
      </c>
      <c r="P7" s="277">
        <v>9</v>
      </c>
      <c r="Q7" s="279">
        <v>0</v>
      </c>
      <c r="R7" s="280">
        <v>6</v>
      </c>
      <c r="S7" s="280">
        <v>46</v>
      </c>
      <c r="T7" s="280">
        <v>153</v>
      </c>
      <c r="U7" s="280">
        <v>272</v>
      </c>
      <c r="V7" s="280">
        <v>501</v>
      </c>
      <c r="W7" s="277">
        <v>978</v>
      </c>
      <c r="X7" s="282">
        <v>987</v>
      </c>
      <c r="Y7" s="276">
        <v>700</v>
      </c>
      <c r="Z7" s="280">
        <v>1459</v>
      </c>
      <c r="AA7" s="277">
        <v>2159</v>
      </c>
      <c r="AB7" s="279">
        <v>0</v>
      </c>
      <c r="AC7" s="280">
        <v>3142</v>
      </c>
      <c r="AD7" s="280">
        <v>7288</v>
      </c>
      <c r="AE7" s="280">
        <v>3773</v>
      </c>
      <c r="AF7" s="280">
        <v>3155</v>
      </c>
      <c r="AG7" s="280">
        <v>2398</v>
      </c>
      <c r="AH7" s="277">
        <v>19756</v>
      </c>
      <c r="AI7" s="282">
        <v>21915</v>
      </c>
      <c r="AJ7" s="276">
        <v>78</v>
      </c>
      <c r="AK7" s="280">
        <v>447</v>
      </c>
      <c r="AL7" s="277">
        <v>525</v>
      </c>
      <c r="AM7" s="279">
        <v>0</v>
      </c>
      <c r="AN7" s="280">
        <v>295</v>
      </c>
      <c r="AO7" s="280">
        <v>802</v>
      </c>
      <c r="AP7" s="280">
        <v>494</v>
      </c>
      <c r="AQ7" s="280">
        <v>592</v>
      </c>
      <c r="AR7" s="280">
        <v>233</v>
      </c>
      <c r="AS7" s="277">
        <v>2416</v>
      </c>
      <c r="AT7" s="282">
        <v>2941</v>
      </c>
      <c r="AU7" s="276">
        <v>0</v>
      </c>
      <c r="AV7" s="280">
        <v>0</v>
      </c>
      <c r="AW7" s="277">
        <v>0</v>
      </c>
      <c r="AX7" s="279">
        <v>0</v>
      </c>
      <c r="AY7" s="280">
        <v>3131</v>
      </c>
      <c r="AZ7" s="280">
        <v>3631</v>
      </c>
      <c r="BA7" s="280">
        <v>1972</v>
      </c>
      <c r="BB7" s="280">
        <v>1163</v>
      </c>
      <c r="BC7" s="280">
        <v>485</v>
      </c>
      <c r="BD7" s="281">
        <v>10382</v>
      </c>
      <c r="BE7" s="282">
        <v>10382</v>
      </c>
      <c r="BF7" s="276">
        <v>0</v>
      </c>
      <c r="BG7" s="280">
        <v>0</v>
      </c>
      <c r="BH7" s="277">
        <v>0</v>
      </c>
      <c r="BI7" s="279">
        <v>0</v>
      </c>
      <c r="BJ7" s="280">
        <v>608</v>
      </c>
      <c r="BK7" s="280">
        <v>1359</v>
      </c>
      <c r="BL7" s="280">
        <v>838</v>
      </c>
      <c r="BM7" s="280">
        <v>573</v>
      </c>
      <c r="BN7" s="280">
        <v>263</v>
      </c>
      <c r="BO7" s="277">
        <v>3641</v>
      </c>
      <c r="BP7" s="282">
        <v>3641</v>
      </c>
      <c r="BQ7" s="276">
        <v>0</v>
      </c>
      <c r="BR7" s="280">
        <v>23</v>
      </c>
      <c r="BS7" s="277">
        <v>23</v>
      </c>
      <c r="BT7" s="279">
        <v>0</v>
      </c>
      <c r="BU7" s="280">
        <v>412</v>
      </c>
      <c r="BV7" s="280">
        <v>796</v>
      </c>
      <c r="BW7" s="280">
        <v>1195</v>
      </c>
      <c r="BX7" s="280">
        <v>851</v>
      </c>
      <c r="BY7" s="280">
        <v>553</v>
      </c>
      <c r="BZ7" s="277">
        <v>3807</v>
      </c>
      <c r="CA7" s="282">
        <v>3830</v>
      </c>
      <c r="CB7" s="276">
        <v>0</v>
      </c>
      <c r="CC7" s="280">
        <v>17</v>
      </c>
      <c r="CD7" s="277">
        <v>17</v>
      </c>
      <c r="CE7" s="279">
        <v>0</v>
      </c>
      <c r="CF7" s="280">
        <v>24</v>
      </c>
      <c r="CG7" s="280">
        <v>170</v>
      </c>
      <c r="CH7" s="280">
        <v>183</v>
      </c>
      <c r="CI7" s="280">
        <v>174</v>
      </c>
      <c r="CJ7" s="280">
        <v>128</v>
      </c>
      <c r="CK7" s="277">
        <v>679</v>
      </c>
      <c r="CL7" s="282">
        <v>696</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1991</v>
      </c>
      <c r="H8" s="280">
        <v>2330</v>
      </c>
      <c r="I8" s="280">
        <v>2487</v>
      </c>
      <c r="J8" s="280">
        <v>4864</v>
      </c>
      <c r="K8" s="280">
        <v>3798</v>
      </c>
      <c r="L8" s="281">
        <v>15470</v>
      </c>
      <c r="M8" s="282">
        <v>15470</v>
      </c>
      <c r="N8" s="276">
        <v>0</v>
      </c>
      <c r="O8" s="280">
        <v>0</v>
      </c>
      <c r="P8" s="277">
        <v>0</v>
      </c>
      <c r="Q8" s="279">
        <v>0</v>
      </c>
      <c r="R8" s="280">
        <v>8</v>
      </c>
      <c r="S8" s="280">
        <v>30</v>
      </c>
      <c r="T8" s="280">
        <v>44</v>
      </c>
      <c r="U8" s="280">
        <v>135</v>
      </c>
      <c r="V8" s="280">
        <v>138</v>
      </c>
      <c r="W8" s="277">
        <v>355</v>
      </c>
      <c r="X8" s="282">
        <v>355</v>
      </c>
      <c r="Y8" s="276">
        <v>210</v>
      </c>
      <c r="Z8" s="280">
        <v>648</v>
      </c>
      <c r="AA8" s="277">
        <v>858</v>
      </c>
      <c r="AB8" s="279">
        <v>0</v>
      </c>
      <c r="AC8" s="280">
        <v>2181</v>
      </c>
      <c r="AD8" s="280">
        <v>1820</v>
      </c>
      <c r="AE8" s="280">
        <v>1512</v>
      </c>
      <c r="AF8" s="280">
        <v>1399</v>
      </c>
      <c r="AG8" s="280">
        <v>873</v>
      </c>
      <c r="AH8" s="277">
        <v>7785</v>
      </c>
      <c r="AI8" s="282">
        <v>8643</v>
      </c>
      <c r="AJ8" s="276">
        <v>28</v>
      </c>
      <c r="AK8" s="280">
        <v>0</v>
      </c>
      <c r="AL8" s="277">
        <v>28</v>
      </c>
      <c r="AM8" s="279">
        <v>0</v>
      </c>
      <c r="AN8" s="280">
        <v>237</v>
      </c>
      <c r="AO8" s="280">
        <v>173</v>
      </c>
      <c r="AP8" s="280">
        <v>243</v>
      </c>
      <c r="AQ8" s="280">
        <v>97</v>
      </c>
      <c r="AR8" s="280">
        <v>120</v>
      </c>
      <c r="AS8" s="277">
        <v>870</v>
      </c>
      <c r="AT8" s="282">
        <v>898</v>
      </c>
      <c r="AU8" s="276">
        <v>0</v>
      </c>
      <c r="AV8" s="280">
        <v>0</v>
      </c>
      <c r="AW8" s="277">
        <v>0</v>
      </c>
      <c r="AX8" s="279">
        <v>0</v>
      </c>
      <c r="AY8" s="280">
        <v>2030</v>
      </c>
      <c r="AZ8" s="280">
        <v>1328</v>
      </c>
      <c r="BA8" s="280">
        <v>703</v>
      </c>
      <c r="BB8" s="280">
        <v>590</v>
      </c>
      <c r="BC8" s="280">
        <v>241</v>
      </c>
      <c r="BD8" s="281">
        <v>4892</v>
      </c>
      <c r="BE8" s="282">
        <v>4892</v>
      </c>
      <c r="BF8" s="276">
        <v>0</v>
      </c>
      <c r="BG8" s="280">
        <v>0</v>
      </c>
      <c r="BH8" s="277">
        <v>0</v>
      </c>
      <c r="BI8" s="279">
        <v>0</v>
      </c>
      <c r="BJ8" s="280">
        <v>290</v>
      </c>
      <c r="BK8" s="280">
        <v>348</v>
      </c>
      <c r="BL8" s="280">
        <v>274</v>
      </c>
      <c r="BM8" s="280">
        <v>237</v>
      </c>
      <c r="BN8" s="280">
        <v>58</v>
      </c>
      <c r="BO8" s="277">
        <v>1207</v>
      </c>
      <c r="BP8" s="282">
        <v>1207</v>
      </c>
      <c r="BQ8" s="276">
        <v>10</v>
      </c>
      <c r="BR8" s="280">
        <v>5</v>
      </c>
      <c r="BS8" s="277">
        <v>15</v>
      </c>
      <c r="BT8" s="279">
        <v>0</v>
      </c>
      <c r="BU8" s="280">
        <v>176</v>
      </c>
      <c r="BV8" s="280">
        <v>106</v>
      </c>
      <c r="BW8" s="280">
        <v>331</v>
      </c>
      <c r="BX8" s="280">
        <v>281</v>
      </c>
      <c r="BY8" s="280">
        <v>128</v>
      </c>
      <c r="BZ8" s="277">
        <v>1022</v>
      </c>
      <c r="CA8" s="282">
        <v>1037</v>
      </c>
      <c r="CB8" s="276">
        <v>0</v>
      </c>
      <c r="CC8" s="280">
        <v>0</v>
      </c>
      <c r="CD8" s="277">
        <v>0</v>
      </c>
      <c r="CE8" s="279">
        <v>0</v>
      </c>
      <c r="CF8" s="280">
        <v>6</v>
      </c>
      <c r="CG8" s="280">
        <v>11</v>
      </c>
      <c r="CH8" s="280">
        <v>30</v>
      </c>
      <c r="CI8" s="280">
        <v>28</v>
      </c>
      <c r="CJ8" s="280">
        <v>59</v>
      </c>
      <c r="CK8" s="277">
        <v>134</v>
      </c>
      <c r="CL8" s="282">
        <v>134</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581</v>
      </c>
      <c r="H9" s="280">
        <v>987</v>
      </c>
      <c r="I9" s="280">
        <v>1533</v>
      </c>
      <c r="J9" s="280">
        <v>1764</v>
      </c>
      <c r="K9" s="280">
        <v>1433</v>
      </c>
      <c r="L9" s="281">
        <v>6298</v>
      </c>
      <c r="M9" s="282">
        <v>6298</v>
      </c>
      <c r="N9" s="276">
        <v>0</v>
      </c>
      <c r="O9" s="280">
        <v>0</v>
      </c>
      <c r="P9" s="277">
        <v>0</v>
      </c>
      <c r="Q9" s="279">
        <v>0</v>
      </c>
      <c r="R9" s="280">
        <v>0</v>
      </c>
      <c r="S9" s="280">
        <v>-1</v>
      </c>
      <c r="T9" s="280">
        <v>16</v>
      </c>
      <c r="U9" s="280">
        <v>54</v>
      </c>
      <c r="V9" s="280">
        <v>87</v>
      </c>
      <c r="W9" s="277">
        <v>156</v>
      </c>
      <c r="X9" s="282">
        <v>156</v>
      </c>
      <c r="Y9" s="276">
        <v>8</v>
      </c>
      <c r="Z9" s="280">
        <v>207</v>
      </c>
      <c r="AA9" s="277">
        <v>215</v>
      </c>
      <c r="AB9" s="279">
        <v>0</v>
      </c>
      <c r="AC9" s="280">
        <v>209</v>
      </c>
      <c r="AD9" s="280">
        <v>807</v>
      </c>
      <c r="AE9" s="280">
        <v>497</v>
      </c>
      <c r="AF9" s="280">
        <v>443</v>
      </c>
      <c r="AG9" s="280">
        <v>307</v>
      </c>
      <c r="AH9" s="277">
        <v>2263</v>
      </c>
      <c r="AI9" s="282">
        <v>2478</v>
      </c>
      <c r="AJ9" s="276">
        <v>0</v>
      </c>
      <c r="AK9" s="280">
        <v>40</v>
      </c>
      <c r="AL9" s="277">
        <v>40</v>
      </c>
      <c r="AM9" s="279">
        <v>0</v>
      </c>
      <c r="AN9" s="280">
        <v>6</v>
      </c>
      <c r="AO9" s="280">
        <v>70</v>
      </c>
      <c r="AP9" s="280">
        <v>40</v>
      </c>
      <c r="AQ9" s="280">
        <v>15</v>
      </c>
      <c r="AR9" s="280">
        <v>6</v>
      </c>
      <c r="AS9" s="277">
        <v>137</v>
      </c>
      <c r="AT9" s="282">
        <v>177</v>
      </c>
      <c r="AU9" s="276">
        <v>0</v>
      </c>
      <c r="AV9" s="280">
        <v>0</v>
      </c>
      <c r="AW9" s="277">
        <v>0</v>
      </c>
      <c r="AX9" s="279">
        <v>0</v>
      </c>
      <c r="AY9" s="280">
        <v>668</v>
      </c>
      <c r="AZ9" s="280">
        <v>793</v>
      </c>
      <c r="BA9" s="280">
        <v>550</v>
      </c>
      <c r="BB9" s="280">
        <v>197</v>
      </c>
      <c r="BC9" s="280">
        <v>118</v>
      </c>
      <c r="BD9" s="281">
        <v>2326</v>
      </c>
      <c r="BE9" s="282">
        <v>2326</v>
      </c>
      <c r="BF9" s="276">
        <v>0</v>
      </c>
      <c r="BG9" s="280">
        <v>0</v>
      </c>
      <c r="BH9" s="277">
        <v>0</v>
      </c>
      <c r="BI9" s="279">
        <v>0</v>
      </c>
      <c r="BJ9" s="280">
        <v>61</v>
      </c>
      <c r="BK9" s="280">
        <v>132</v>
      </c>
      <c r="BL9" s="280">
        <v>93</v>
      </c>
      <c r="BM9" s="280">
        <v>65</v>
      </c>
      <c r="BN9" s="280">
        <v>8</v>
      </c>
      <c r="BO9" s="277">
        <v>359</v>
      </c>
      <c r="BP9" s="282">
        <v>359</v>
      </c>
      <c r="BQ9" s="276">
        <v>0</v>
      </c>
      <c r="BR9" s="280">
        <v>0</v>
      </c>
      <c r="BS9" s="277">
        <v>0</v>
      </c>
      <c r="BT9" s="279">
        <v>0</v>
      </c>
      <c r="BU9" s="280">
        <v>87</v>
      </c>
      <c r="BV9" s="280">
        <v>168</v>
      </c>
      <c r="BW9" s="280">
        <v>166</v>
      </c>
      <c r="BX9" s="280">
        <v>175</v>
      </c>
      <c r="BY9" s="280">
        <v>95</v>
      </c>
      <c r="BZ9" s="277">
        <v>691</v>
      </c>
      <c r="CA9" s="282">
        <v>691</v>
      </c>
      <c r="CB9" s="276">
        <v>0</v>
      </c>
      <c r="CC9" s="280">
        <v>0</v>
      </c>
      <c r="CD9" s="277">
        <v>0</v>
      </c>
      <c r="CE9" s="279">
        <v>0</v>
      </c>
      <c r="CF9" s="280">
        <v>0</v>
      </c>
      <c r="CG9" s="280">
        <v>14</v>
      </c>
      <c r="CH9" s="280">
        <v>11</v>
      </c>
      <c r="CI9" s="280">
        <v>4</v>
      </c>
      <c r="CJ9" s="280">
        <v>0</v>
      </c>
      <c r="CK9" s="277">
        <v>29</v>
      </c>
      <c r="CL9" s="282">
        <v>29</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820</v>
      </c>
      <c r="H10" s="280">
        <v>597</v>
      </c>
      <c r="I10" s="280">
        <v>911</v>
      </c>
      <c r="J10" s="280">
        <v>803</v>
      </c>
      <c r="K10" s="280">
        <v>1065</v>
      </c>
      <c r="L10" s="281">
        <v>4196</v>
      </c>
      <c r="M10" s="282">
        <v>4196</v>
      </c>
      <c r="N10" s="276">
        <v>0</v>
      </c>
      <c r="O10" s="280">
        <v>0</v>
      </c>
      <c r="P10" s="277">
        <v>0</v>
      </c>
      <c r="Q10" s="279">
        <v>0</v>
      </c>
      <c r="R10" s="280">
        <v>5</v>
      </c>
      <c r="S10" s="280">
        <v>19</v>
      </c>
      <c r="T10" s="280">
        <v>17</v>
      </c>
      <c r="U10" s="280">
        <v>4</v>
      </c>
      <c r="V10" s="280">
        <v>50</v>
      </c>
      <c r="W10" s="277">
        <v>95</v>
      </c>
      <c r="X10" s="282">
        <v>95</v>
      </c>
      <c r="Y10" s="276">
        <v>0</v>
      </c>
      <c r="Z10" s="280">
        <v>0</v>
      </c>
      <c r="AA10" s="277">
        <v>0</v>
      </c>
      <c r="AB10" s="279">
        <v>0</v>
      </c>
      <c r="AC10" s="280">
        <v>277</v>
      </c>
      <c r="AD10" s="280">
        <v>332</v>
      </c>
      <c r="AE10" s="280">
        <v>227</v>
      </c>
      <c r="AF10" s="280">
        <v>191</v>
      </c>
      <c r="AG10" s="280">
        <v>235</v>
      </c>
      <c r="AH10" s="277">
        <v>1262</v>
      </c>
      <c r="AI10" s="282">
        <v>1262</v>
      </c>
      <c r="AJ10" s="276">
        <v>8</v>
      </c>
      <c r="AK10" s="280">
        <v>0</v>
      </c>
      <c r="AL10" s="277">
        <v>8</v>
      </c>
      <c r="AM10" s="279">
        <v>0</v>
      </c>
      <c r="AN10" s="280">
        <v>44</v>
      </c>
      <c r="AO10" s="280">
        <v>40</v>
      </c>
      <c r="AP10" s="280">
        <v>38</v>
      </c>
      <c r="AQ10" s="280">
        <v>30</v>
      </c>
      <c r="AR10" s="280">
        <v>21</v>
      </c>
      <c r="AS10" s="277">
        <v>173</v>
      </c>
      <c r="AT10" s="282">
        <v>181</v>
      </c>
      <c r="AU10" s="276">
        <v>0</v>
      </c>
      <c r="AV10" s="280">
        <v>0</v>
      </c>
      <c r="AW10" s="277">
        <v>0</v>
      </c>
      <c r="AX10" s="279">
        <v>0</v>
      </c>
      <c r="AY10" s="280">
        <v>558</v>
      </c>
      <c r="AZ10" s="280">
        <v>284</v>
      </c>
      <c r="BA10" s="280">
        <v>155</v>
      </c>
      <c r="BB10" s="280">
        <v>54</v>
      </c>
      <c r="BC10" s="280">
        <v>31</v>
      </c>
      <c r="BD10" s="281">
        <v>1082</v>
      </c>
      <c r="BE10" s="282">
        <v>1082</v>
      </c>
      <c r="BF10" s="276">
        <v>0</v>
      </c>
      <c r="BG10" s="280">
        <v>0</v>
      </c>
      <c r="BH10" s="277">
        <v>0</v>
      </c>
      <c r="BI10" s="279">
        <v>0</v>
      </c>
      <c r="BJ10" s="280">
        <v>127</v>
      </c>
      <c r="BK10" s="280">
        <v>46</v>
      </c>
      <c r="BL10" s="280">
        <v>45</v>
      </c>
      <c r="BM10" s="280">
        <v>9</v>
      </c>
      <c r="BN10" s="280">
        <v>18</v>
      </c>
      <c r="BO10" s="277">
        <v>245</v>
      </c>
      <c r="BP10" s="282">
        <v>245</v>
      </c>
      <c r="BQ10" s="276">
        <v>0</v>
      </c>
      <c r="BR10" s="280">
        <v>0</v>
      </c>
      <c r="BS10" s="277">
        <v>0</v>
      </c>
      <c r="BT10" s="279">
        <v>0</v>
      </c>
      <c r="BU10" s="280">
        <v>37</v>
      </c>
      <c r="BV10" s="280">
        <v>102</v>
      </c>
      <c r="BW10" s="280">
        <v>105</v>
      </c>
      <c r="BX10" s="280">
        <v>49</v>
      </c>
      <c r="BY10" s="280">
        <v>21</v>
      </c>
      <c r="BZ10" s="277">
        <v>314</v>
      </c>
      <c r="CA10" s="282">
        <v>314</v>
      </c>
      <c r="CB10" s="276">
        <v>0</v>
      </c>
      <c r="CC10" s="280">
        <v>0</v>
      </c>
      <c r="CD10" s="277">
        <v>0</v>
      </c>
      <c r="CE10" s="279">
        <v>0</v>
      </c>
      <c r="CF10" s="280">
        <v>29</v>
      </c>
      <c r="CG10" s="280">
        <v>2</v>
      </c>
      <c r="CH10" s="280">
        <v>6</v>
      </c>
      <c r="CI10" s="280">
        <v>30</v>
      </c>
      <c r="CJ10" s="280">
        <v>0</v>
      </c>
      <c r="CK10" s="277">
        <v>67</v>
      </c>
      <c r="CL10" s="282">
        <v>67</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315</v>
      </c>
      <c r="H11" s="280">
        <v>307</v>
      </c>
      <c r="I11" s="280">
        <v>356</v>
      </c>
      <c r="J11" s="280">
        <v>366</v>
      </c>
      <c r="K11" s="280">
        <v>345</v>
      </c>
      <c r="L11" s="281">
        <v>1689</v>
      </c>
      <c r="M11" s="282">
        <v>1689</v>
      </c>
      <c r="N11" s="276">
        <v>0</v>
      </c>
      <c r="O11" s="280">
        <v>0</v>
      </c>
      <c r="P11" s="277">
        <v>0</v>
      </c>
      <c r="Q11" s="279">
        <v>0</v>
      </c>
      <c r="R11" s="280">
        <v>0</v>
      </c>
      <c r="S11" s="280">
        <v>5</v>
      </c>
      <c r="T11" s="280">
        <v>4</v>
      </c>
      <c r="U11" s="280">
        <v>34</v>
      </c>
      <c r="V11" s="280">
        <v>9</v>
      </c>
      <c r="W11" s="277">
        <v>52</v>
      </c>
      <c r="X11" s="282">
        <v>52</v>
      </c>
      <c r="Y11" s="276">
        <v>29</v>
      </c>
      <c r="Z11" s="280">
        <v>14</v>
      </c>
      <c r="AA11" s="277">
        <v>43</v>
      </c>
      <c r="AB11" s="279">
        <v>0</v>
      </c>
      <c r="AC11" s="280">
        <v>117</v>
      </c>
      <c r="AD11" s="280">
        <v>128</v>
      </c>
      <c r="AE11" s="280">
        <v>63</v>
      </c>
      <c r="AF11" s="280">
        <v>121</v>
      </c>
      <c r="AG11" s="280">
        <v>47</v>
      </c>
      <c r="AH11" s="277">
        <v>476</v>
      </c>
      <c r="AI11" s="282">
        <v>519</v>
      </c>
      <c r="AJ11" s="276">
        <v>15</v>
      </c>
      <c r="AK11" s="280">
        <v>0</v>
      </c>
      <c r="AL11" s="277">
        <v>15</v>
      </c>
      <c r="AM11" s="279">
        <v>0</v>
      </c>
      <c r="AN11" s="280">
        <v>70</v>
      </c>
      <c r="AO11" s="280">
        <v>43</v>
      </c>
      <c r="AP11" s="280">
        <v>26</v>
      </c>
      <c r="AQ11" s="280">
        <v>57</v>
      </c>
      <c r="AR11" s="280">
        <v>9</v>
      </c>
      <c r="AS11" s="277">
        <v>205</v>
      </c>
      <c r="AT11" s="282">
        <v>220</v>
      </c>
      <c r="AU11" s="276">
        <v>0</v>
      </c>
      <c r="AV11" s="280">
        <v>0</v>
      </c>
      <c r="AW11" s="277">
        <v>0</v>
      </c>
      <c r="AX11" s="279">
        <v>0</v>
      </c>
      <c r="AY11" s="280">
        <v>184</v>
      </c>
      <c r="AZ11" s="280">
        <v>230</v>
      </c>
      <c r="BA11" s="280">
        <v>29</v>
      </c>
      <c r="BB11" s="280">
        <v>82</v>
      </c>
      <c r="BC11" s="280">
        <v>26</v>
      </c>
      <c r="BD11" s="281">
        <v>551</v>
      </c>
      <c r="BE11" s="282">
        <v>551</v>
      </c>
      <c r="BF11" s="276">
        <v>0</v>
      </c>
      <c r="BG11" s="280">
        <v>0</v>
      </c>
      <c r="BH11" s="277">
        <v>0</v>
      </c>
      <c r="BI11" s="279">
        <v>0</v>
      </c>
      <c r="BJ11" s="280">
        <v>57</v>
      </c>
      <c r="BK11" s="280">
        <v>48</v>
      </c>
      <c r="BL11" s="280">
        <v>53</v>
      </c>
      <c r="BM11" s="280">
        <v>46</v>
      </c>
      <c r="BN11" s="280">
        <v>19</v>
      </c>
      <c r="BO11" s="277">
        <v>223</v>
      </c>
      <c r="BP11" s="282">
        <v>223</v>
      </c>
      <c r="BQ11" s="276">
        <v>0</v>
      </c>
      <c r="BR11" s="280">
        <v>3</v>
      </c>
      <c r="BS11" s="277">
        <v>3</v>
      </c>
      <c r="BT11" s="279">
        <v>0</v>
      </c>
      <c r="BU11" s="280">
        <v>14</v>
      </c>
      <c r="BV11" s="280">
        <v>23</v>
      </c>
      <c r="BW11" s="280">
        <v>81</v>
      </c>
      <c r="BX11" s="280">
        <v>47</v>
      </c>
      <c r="BY11" s="280">
        <v>0</v>
      </c>
      <c r="BZ11" s="277">
        <v>165</v>
      </c>
      <c r="CA11" s="282">
        <v>168</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580</v>
      </c>
      <c r="H12" s="280">
        <v>766</v>
      </c>
      <c r="I12" s="280">
        <v>1102</v>
      </c>
      <c r="J12" s="280">
        <v>1331</v>
      </c>
      <c r="K12" s="280">
        <v>1516</v>
      </c>
      <c r="L12" s="281">
        <v>5295</v>
      </c>
      <c r="M12" s="282">
        <v>5295</v>
      </c>
      <c r="N12" s="276">
        <v>0</v>
      </c>
      <c r="O12" s="280">
        <v>0</v>
      </c>
      <c r="P12" s="277">
        <v>0</v>
      </c>
      <c r="Q12" s="279">
        <v>0</v>
      </c>
      <c r="R12" s="280">
        <v>18</v>
      </c>
      <c r="S12" s="280">
        <v>4</v>
      </c>
      <c r="T12" s="280">
        <v>0</v>
      </c>
      <c r="U12" s="280">
        <v>52</v>
      </c>
      <c r="V12" s="280">
        <v>84</v>
      </c>
      <c r="W12" s="277">
        <v>158</v>
      </c>
      <c r="X12" s="282">
        <v>158</v>
      </c>
      <c r="Y12" s="276">
        <v>42</v>
      </c>
      <c r="Z12" s="280">
        <v>77</v>
      </c>
      <c r="AA12" s="277">
        <v>119</v>
      </c>
      <c r="AB12" s="279">
        <v>0</v>
      </c>
      <c r="AC12" s="280">
        <v>390</v>
      </c>
      <c r="AD12" s="280">
        <v>330</v>
      </c>
      <c r="AE12" s="280">
        <v>211</v>
      </c>
      <c r="AF12" s="280">
        <v>249</v>
      </c>
      <c r="AG12" s="280">
        <v>330</v>
      </c>
      <c r="AH12" s="277">
        <v>1510</v>
      </c>
      <c r="AI12" s="282">
        <v>1629</v>
      </c>
      <c r="AJ12" s="276">
        <v>0</v>
      </c>
      <c r="AK12" s="280">
        <v>21</v>
      </c>
      <c r="AL12" s="277">
        <v>21</v>
      </c>
      <c r="AM12" s="279">
        <v>0</v>
      </c>
      <c r="AN12" s="280">
        <v>52</v>
      </c>
      <c r="AO12" s="280">
        <v>104</v>
      </c>
      <c r="AP12" s="280">
        <v>42</v>
      </c>
      <c r="AQ12" s="280">
        <v>83</v>
      </c>
      <c r="AR12" s="280">
        <v>96</v>
      </c>
      <c r="AS12" s="277">
        <v>377</v>
      </c>
      <c r="AT12" s="282">
        <v>398</v>
      </c>
      <c r="AU12" s="276">
        <v>0</v>
      </c>
      <c r="AV12" s="280">
        <v>0</v>
      </c>
      <c r="AW12" s="277">
        <v>0</v>
      </c>
      <c r="AX12" s="279">
        <v>0</v>
      </c>
      <c r="AY12" s="280">
        <v>386</v>
      </c>
      <c r="AZ12" s="280">
        <v>247</v>
      </c>
      <c r="BA12" s="280">
        <v>178</v>
      </c>
      <c r="BB12" s="280">
        <v>133</v>
      </c>
      <c r="BC12" s="280">
        <v>51</v>
      </c>
      <c r="BD12" s="281">
        <v>995</v>
      </c>
      <c r="BE12" s="282">
        <v>995</v>
      </c>
      <c r="BF12" s="276">
        <v>0</v>
      </c>
      <c r="BG12" s="280">
        <v>0</v>
      </c>
      <c r="BH12" s="277">
        <v>0</v>
      </c>
      <c r="BI12" s="279">
        <v>0</v>
      </c>
      <c r="BJ12" s="280">
        <v>67</v>
      </c>
      <c r="BK12" s="280">
        <v>-24</v>
      </c>
      <c r="BL12" s="280">
        <v>41</v>
      </c>
      <c r="BM12" s="280">
        <v>63</v>
      </c>
      <c r="BN12" s="280">
        <v>0</v>
      </c>
      <c r="BO12" s="277">
        <v>147</v>
      </c>
      <c r="BP12" s="282">
        <v>147</v>
      </c>
      <c r="BQ12" s="276">
        <v>4</v>
      </c>
      <c r="BR12" s="280">
        <v>0</v>
      </c>
      <c r="BS12" s="277">
        <v>4</v>
      </c>
      <c r="BT12" s="279">
        <v>0</v>
      </c>
      <c r="BU12" s="280">
        <v>90</v>
      </c>
      <c r="BV12" s="280">
        <v>80</v>
      </c>
      <c r="BW12" s="280">
        <v>77</v>
      </c>
      <c r="BX12" s="280">
        <v>78</v>
      </c>
      <c r="BY12" s="280">
        <v>49</v>
      </c>
      <c r="BZ12" s="277">
        <v>374</v>
      </c>
      <c r="CA12" s="282">
        <v>378</v>
      </c>
      <c r="CB12" s="276">
        <v>0</v>
      </c>
      <c r="CC12" s="280">
        <v>0</v>
      </c>
      <c r="CD12" s="277">
        <v>0</v>
      </c>
      <c r="CE12" s="279">
        <v>0</v>
      </c>
      <c r="CF12" s="280">
        <v>0</v>
      </c>
      <c r="CG12" s="280">
        <v>18</v>
      </c>
      <c r="CH12" s="280">
        <v>8</v>
      </c>
      <c r="CI12" s="280">
        <v>7</v>
      </c>
      <c r="CJ12" s="280">
        <v>7</v>
      </c>
      <c r="CK12" s="277">
        <v>40</v>
      </c>
      <c r="CL12" s="282">
        <v>4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283</v>
      </c>
      <c r="H13" s="280">
        <v>679</v>
      </c>
      <c r="I13" s="280">
        <v>1513</v>
      </c>
      <c r="J13" s="280">
        <v>2217</v>
      </c>
      <c r="K13" s="280">
        <v>1652</v>
      </c>
      <c r="L13" s="281">
        <v>7344</v>
      </c>
      <c r="M13" s="282">
        <v>7344</v>
      </c>
      <c r="N13" s="276">
        <v>0</v>
      </c>
      <c r="O13" s="280">
        <v>0</v>
      </c>
      <c r="P13" s="277">
        <v>0</v>
      </c>
      <c r="Q13" s="279">
        <v>0</v>
      </c>
      <c r="R13" s="280">
        <v>9</v>
      </c>
      <c r="S13" s="280">
        <v>4</v>
      </c>
      <c r="T13" s="280">
        <v>10</v>
      </c>
      <c r="U13" s="280">
        <v>29</v>
      </c>
      <c r="V13" s="280">
        <v>48</v>
      </c>
      <c r="W13" s="277">
        <v>100</v>
      </c>
      <c r="X13" s="282">
        <v>100</v>
      </c>
      <c r="Y13" s="276">
        <v>79</v>
      </c>
      <c r="Z13" s="280">
        <v>238</v>
      </c>
      <c r="AA13" s="277">
        <v>317</v>
      </c>
      <c r="AB13" s="279">
        <v>0</v>
      </c>
      <c r="AC13" s="280">
        <v>592</v>
      </c>
      <c r="AD13" s="280">
        <v>343</v>
      </c>
      <c r="AE13" s="280">
        <v>195</v>
      </c>
      <c r="AF13" s="280">
        <v>201</v>
      </c>
      <c r="AG13" s="280">
        <v>211</v>
      </c>
      <c r="AH13" s="277">
        <v>1542</v>
      </c>
      <c r="AI13" s="282">
        <v>1859</v>
      </c>
      <c r="AJ13" s="276">
        <v>12</v>
      </c>
      <c r="AK13" s="280">
        <v>44</v>
      </c>
      <c r="AL13" s="277">
        <v>56</v>
      </c>
      <c r="AM13" s="279">
        <v>0</v>
      </c>
      <c r="AN13" s="280">
        <v>117</v>
      </c>
      <c r="AO13" s="280">
        <v>91</v>
      </c>
      <c r="AP13" s="280">
        <v>49</v>
      </c>
      <c r="AQ13" s="280">
        <v>0</v>
      </c>
      <c r="AR13" s="280">
        <v>28</v>
      </c>
      <c r="AS13" s="277">
        <v>285</v>
      </c>
      <c r="AT13" s="282">
        <v>341</v>
      </c>
      <c r="AU13" s="276">
        <v>0</v>
      </c>
      <c r="AV13" s="280">
        <v>0</v>
      </c>
      <c r="AW13" s="277">
        <v>0</v>
      </c>
      <c r="AX13" s="279">
        <v>0</v>
      </c>
      <c r="AY13" s="280">
        <v>845</v>
      </c>
      <c r="AZ13" s="280">
        <v>485</v>
      </c>
      <c r="BA13" s="280">
        <v>314</v>
      </c>
      <c r="BB13" s="280">
        <v>121</v>
      </c>
      <c r="BC13" s="280">
        <v>33</v>
      </c>
      <c r="BD13" s="281">
        <v>1798</v>
      </c>
      <c r="BE13" s="282">
        <v>1798</v>
      </c>
      <c r="BF13" s="276">
        <v>0</v>
      </c>
      <c r="BG13" s="280">
        <v>0</v>
      </c>
      <c r="BH13" s="277">
        <v>0</v>
      </c>
      <c r="BI13" s="279">
        <v>0</v>
      </c>
      <c r="BJ13" s="280">
        <v>117</v>
      </c>
      <c r="BK13" s="280">
        <v>93</v>
      </c>
      <c r="BL13" s="280">
        <v>27</v>
      </c>
      <c r="BM13" s="280">
        <v>15</v>
      </c>
      <c r="BN13" s="280">
        <v>0</v>
      </c>
      <c r="BO13" s="277">
        <v>252</v>
      </c>
      <c r="BP13" s="282">
        <v>252</v>
      </c>
      <c r="BQ13" s="276">
        <v>0</v>
      </c>
      <c r="BR13" s="280">
        <v>0</v>
      </c>
      <c r="BS13" s="277">
        <v>0</v>
      </c>
      <c r="BT13" s="279">
        <v>0</v>
      </c>
      <c r="BU13" s="280">
        <v>69</v>
      </c>
      <c r="BV13" s="280">
        <v>57</v>
      </c>
      <c r="BW13" s="280">
        <v>202</v>
      </c>
      <c r="BX13" s="280">
        <v>124</v>
      </c>
      <c r="BY13" s="280">
        <v>22</v>
      </c>
      <c r="BZ13" s="277">
        <v>474</v>
      </c>
      <c r="CA13" s="282">
        <v>474</v>
      </c>
      <c r="CB13" s="276">
        <v>0</v>
      </c>
      <c r="CC13" s="280">
        <v>0</v>
      </c>
      <c r="CD13" s="277">
        <v>0</v>
      </c>
      <c r="CE13" s="279">
        <v>0</v>
      </c>
      <c r="CF13" s="280">
        <v>0</v>
      </c>
      <c r="CG13" s="280">
        <v>2</v>
      </c>
      <c r="CH13" s="280">
        <v>0</v>
      </c>
      <c r="CI13" s="280">
        <v>0</v>
      </c>
      <c r="CJ13" s="280">
        <v>0</v>
      </c>
      <c r="CK13" s="277">
        <v>2</v>
      </c>
      <c r="CL13" s="282">
        <v>2</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140</v>
      </c>
      <c r="H14" s="280">
        <v>102</v>
      </c>
      <c r="I14" s="280">
        <v>214</v>
      </c>
      <c r="J14" s="280">
        <v>372</v>
      </c>
      <c r="K14" s="280">
        <v>261</v>
      </c>
      <c r="L14" s="281">
        <v>1089</v>
      </c>
      <c r="M14" s="282">
        <v>1089</v>
      </c>
      <c r="N14" s="276">
        <v>0</v>
      </c>
      <c r="O14" s="280">
        <v>0</v>
      </c>
      <c r="P14" s="277">
        <v>0</v>
      </c>
      <c r="Q14" s="279">
        <v>0</v>
      </c>
      <c r="R14" s="280">
        <v>1</v>
      </c>
      <c r="S14" s="280">
        <v>1</v>
      </c>
      <c r="T14" s="280">
        <v>4</v>
      </c>
      <c r="U14" s="280">
        <v>18</v>
      </c>
      <c r="V14" s="280">
        <v>20</v>
      </c>
      <c r="W14" s="277">
        <v>44</v>
      </c>
      <c r="X14" s="282">
        <v>44</v>
      </c>
      <c r="Y14" s="276">
        <v>4</v>
      </c>
      <c r="Z14" s="280">
        <v>25</v>
      </c>
      <c r="AA14" s="277">
        <v>29</v>
      </c>
      <c r="AB14" s="279">
        <v>0</v>
      </c>
      <c r="AC14" s="280">
        <v>201</v>
      </c>
      <c r="AD14" s="280">
        <v>145</v>
      </c>
      <c r="AE14" s="280">
        <v>61</v>
      </c>
      <c r="AF14" s="280">
        <v>188</v>
      </c>
      <c r="AG14" s="280">
        <v>40</v>
      </c>
      <c r="AH14" s="277">
        <v>635</v>
      </c>
      <c r="AI14" s="282">
        <v>664</v>
      </c>
      <c r="AJ14" s="276">
        <v>6</v>
      </c>
      <c r="AK14" s="280">
        <v>0</v>
      </c>
      <c r="AL14" s="277">
        <v>6</v>
      </c>
      <c r="AM14" s="279">
        <v>0</v>
      </c>
      <c r="AN14" s="280">
        <v>24</v>
      </c>
      <c r="AO14" s="280">
        <v>8</v>
      </c>
      <c r="AP14" s="280">
        <v>0</v>
      </c>
      <c r="AQ14" s="280">
        <v>21</v>
      </c>
      <c r="AR14" s="280">
        <v>24</v>
      </c>
      <c r="AS14" s="277">
        <v>77</v>
      </c>
      <c r="AT14" s="282">
        <v>83</v>
      </c>
      <c r="AU14" s="276">
        <v>0</v>
      </c>
      <c r="AV14" s="280">
        <v>0</v>
      </c>
      <c r="AW14" s="277">
        <v>0</v>
      </c>
      <c r="AX14" s="279">
        <v>0</v>
      </c>
      <c r="AY14" s="280">
        <v>115</v>
      </c>
      <c r="AZ14" s="280">
        <v>113</v>
      </c>
      <c r="BA14" s="280">
        <v>92</v>
      </c>
      <c r="BB14" s="280">
        <v>79</v>
      </c>
      <c r="BC14" s="280">
        <v>9</v>
      </c>
      <c r="BD14" s="281">
        <v>408</v>
      </c>
      <c r="BE14" s="282">
        <v>408</v>
      </c>
      <c r="BF14" s="276">
        <v>0</v>
      </c>
      <c r="BG14" s="280">
        <v>0</v>
      </c>
      <c r="BH14" s="277">
        <v>0</v>
      </c>
      <c r="BI14" s="279">
        <v>0</v>
      </c>
      <c r="BJ14" s="280">
        <v>68</v>
      </c>
      <c r="BK14" s="280">
        <v>55</v>
      </c>
      <c r="BL14" s="280">
        <v>55</v>
      </c>
      <c r="BM14" s="280">
        <v>9</v>
      </c>
      <c r="BN14" s="280">
        <v>15</v>
      </c>
      <c r="BO14" s="277">
        <v>202</v>
      </c>
      <c r="BP14" s="282">
        <v>202</v>
      </c>
      <c r="BQ14" s="276">
        <v>0</v>
      </c>
      <c r="BR14" s="280">
        <v>0</v>
      </c>
      <c r="BS14" s="277">
        <v>0</v>
      </c>
      <c r="BT14" s="279">
        <v>0</v>
      </c>
      <c r="BU14" s="280">
        <v>24</v>
      </c>
      <c r="BV14" s="280">
        <v>23</v>
      </c>
      <c r="BW14" s="280">
        <v>43</v>
      </c>
      <c r="BX14" s="280">
        <v>28</v>
      </c>
      <c r="BY14" s="280">
        <v>44</v>
      </c>
      <c r="BZ14" s="277">
        <v>162</v>
      </c>
      <c r="CA14" s="282">
        <v>162</v>
      </c>
      <c r="CB14" s="276">
        <v>0</v>
      </c>
      <c r="CC14" s="280">
        <v>0</v>
      </c>
      <c r="CD14" s="277">
        <v>0</v>
      </c>
      <c r="CE14" s="279">
        <v>0</v>
      </c>
      <c r="CF14" s="280">
        <v>2</v>
      </c>
      <c r="CG14" s="280">
        <v>0</v>
      </c>
      <c r="CH14" s="280">
        <v>10</v>
      </c>
      <c r="CI14" s="280">
        <v>2</v>
      </c>
      <c r="CJ14" s="280">
        <v>16</v>
      </c>
      <c r="CK14" s="277">
        <v>30</v>
      </c>
      <c r="CL14" s="282">
        <v>3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511</v>
      </c>
      <c r="H15" s="280">
        <v>367</v>
      </c>
      <c r="I15" s="280">
        <v>925</v>
      </c>
      <c r="J15" s="280">
        <v>682</v>
      </c>
      <c r="K15" s="280">
        <v>336</v>
      </c>
      <c r="L15" s="281">
        <v>2821</v>
      </c>
      <c r="M15" s="282">
        <v>2821</v>
      </c>
      <c r="N15" s="276">
        <v>0</v>
      </c>
      <c r="O15" s="280">
        <v>0</v>
      </c>
      <c r="P15" s="277">
        <v>0</v>
      </c>
      <c r="Q15" s="279">
        <v>0</v>
      </c>
      <c r="R15" s="280">
        <v>0</v>
      </c>
      <c r="S15" s="280">
        <v>6</v>
      </c>
      <c r="T15" s="280">
        <v>0</v>
      </c>
      <c r="U15" s="280">
        <v>13</v>
      </c>
      <c r="V15" s="280">
        <v>31</v>
      </c>
      <c r="W15" s="277">
        <v>50</v>
      </c>
      <c r="X15" s="282">
        <v>50</v>
      </c>
      <c r="Y15" s="276">
        <v>20</v>
      </c>
      <c r="Z15" s="280">
        <v>64</v>
      </c>
      <c r="AA15" s="277">
        <v>84</v>
      </c>
      <c r="AB15" s="279">
        <v>0</v>
      </c>
      <c r="AC15" s="280">
        <v>105</v>
      </c>
      <c r="AD15" s="280">
        <v>162</v>
      </c>
      <c r="AE15" s="280">
        <v>158</v>
      </c>
      <c r="AF15" s="280">
        <v>136</v>
      </c>
      <c r="AG15" s="280">
        <v>102</v>
      </c>
      <c r="AH15" s="277">
        <v>663</v>
      </c>
      <c r="AI15" s="282">
        <v>747</v>
      </c>
      <c r="AJ15" s="276">
        <v>0</v>
      </c>
      <c r="AK15" s="280">
        <v>14</v>
      </c>
      <c r="AL15" s="277">
        <v>14</v>
      </c>
      <c r="AM15" s="279">
        <v>0</v>
      </c>
      <c r="AN15" s="280">
        <v>54</v>
      </c>
      <c r="AO15" s="280">
        <v>22</v>
      </c>
      <c r="AP15" s="280">
        <v>20</v>
      </c>
      <c r="AQ15" s="280">
        <v>20</v>
      </c>
      <c r="AR15" s="280">
        <v>0</v>
      </c>
      <c r="AS15" s="277">
        <v>116</v>
      </c>
      <c r="AT15" s="282">
        <v>130</v>
      </c>
      <c r="AU15" s="276">
        <v>0</v>
      </c>
      <c r="AV15" s="280">
        <v>0</v>
      </c>
      <c r="AW15" s="277">
        <v>0</v>
      </c>
      <c r="AX15" s="279">
        <v>0</v>
      </c>
      <c r="AY15" s="280">
        <v>298</v>
      </c>
      <c r="AZ15" s="280">
        <v>226</v>
      </c>
      <c r="BA15" s="280">
        <v>110</v>
      </c>
      <c r="BB15" s="280">
        <v>85</v>
      </c>
      <c r="BC15" s="280">
        <v>31</v>
      </c>
      <c r="BD15" s="281">
        <v>750</v>
      </c>
      <c r="BE15" s="282">
        <v>750</v>
      </c>
      <c r="BF15" s="276">
        <v>0</v>
      </c>
      <c r="BG15" s="280">
        <v>0</v>
      </c>
      <c r="BH15" s="277">
        <v>0</v>
      </c>
      <c r="BI15" s="279">
        <v>0</v>
      </c>
      <c r="BJ15" s="280">
        <v>79</v>
      </c>
      <c r="BK15" s="280">
        <v>64</v>
      </c>
      <c r="BL15" s="280">
        <v>102</v>
      </c>
      <c r="BM15" s="280">
        <v>47</v>
      </c>
      <c r="BN15" s="280">
        <v>0</v>
      </c>
      <c r="BO15" s="277">
        <v>292</v>
      </c>
      <c r="BP15" s="282">
        <v>292</v>
      </c>
      <c r="BQ15" s="276">
        <v>0</v>
      </c>
      <c r="BR15" s="280">
        <v>0</v>
      </c>
      <c r="BS15" s="277">
        <v>0</v>
      </c>
      <c r="BT15" s="279">
        <v>0</v>
      </c>
      <c r="BU15" s="280">
        <v>27</v>
      </c>
      <c r="BV15" s="280">
        <v>8</v>
      </c>
      <c r="BW15" s="280">
        <v>81</v>
      </c>
      <c r="BX15" s="280">
        <v>77</v>
      </c>
      <c r="BY15" s="280">
        <v>25</v>
      </c>
      <c r="BZ15" s="277">
        <v>218</v>
      </c>
      <c r="CA15" s="282">
        <v>218</v>
      </c>
      <c r="CB15" s="276">
        <v>0</v>
      </c>
      <c r="CC15" s="280">
        <v>0</v>
      </c>
      <c r="CD15" s="277">
        <v>0</v>
      </c>
      <c r="CE15" s="279">
        <v>0</v>
      </c>
      <c r="CF15" s="280">
        <v>0</v>
      </c>
      <c r="CG15" s="280">
        <v>0</v>
      </c>
      <c r="CH15" s="280">
        <v>0</v>
      </c>
      <c r="CI15" s="280">
        <v>0</v>
      </c>
      <c r="CJ15" s="280">
        <v>0</v>
      </c>
      <c r="CK15" s="277">
        <v>0</v>
      </c>
      <c r="CL15" s="282">
        <v>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206</v>
      </c>
      <c r="H16" s="280">
        <v>417</v>
      </c>
      <c r="I16" s="280">
        <v>341</v>
      </c>
      <c r="J16" s="280">
        <v>671</v>
      </c>
      <c r="K16" s="280">
        <v>736</v>
      </c>
      <c r="L16" s="281">
        <v>2371</v>
      </c>
      <c r="M16" s="282">
        <v>2371</v>
      </c>
      <c r="N16" s="276">
        <v>0</v>
      </c>
      <c r="O16" s="280">
        <v>0</v>
      </c>
      <c r="P16" s="277">
        <v>0</v>
      </c>
      <c r="Q16" s="279">
        <v>0</v>
      </c>
      <c r="R16" s="280">
        <v>0</v>
      </c>
      <c r="S16" s="280">
        <v>0</v>
      </c>
      <c r="T16" s="280">
        <v>10</v>
      </c>
      <c r="U16" s="280">
        <v>10</v>
      </c>
      <c r="V16" s="280">
        <v>0</v>
      </c>
      <c r="W16" s="277">
        <v>20</v>
      </c>
      <c r="X16" s="282">
        <v>20</v>
      </c>
      <c r="Y16" s="276">
        <v>1</v>
      </c>
      <c r="Z16" s="280">
        <v>18</v>
      </c>
      <c r="AA16" s="277">
        <v>19</v>
      </c>
      <c r="AB16" s="279">
        <v>0</v>
      </c>
      <c r="AC16" s="280">
        <v>136</v>
      </c>
      <c r="AD16" s="280">
        <v>145</v>
      </c>
      <c r="AE16" s="280">
        <v>84</v>
      </c>
      <c r="AF16" s="280">
        <v>138</v>
      </c>
      <c r="AG16" s="280">
        <v>65</v>
      </c>
      <c r="AH16" s="277">
        <v>568</v>
      </c>
      <c r="AI16" s="282">
        <v>587</v>
      </c>
      <c r="AJ16" s="276">
        <v>0</v>
      </c>
      <c r="AK16" s="280">
        <v>6</v>
      </c>
      <c r="AL16" s="277">
        <v>6</v>
      </c>
      <c r="AM16" s="279">
        <v>0</v>
      </c>
      <c r="AN16" s="280">
        <v>12</v>
      </c>
      <c r="AO16" s="280">
        <v>56</v>
      </c>
      <c r="AP16" s="280">
        <v>0</v>
      </c>
      <c r="AQ16" s="280">
        <v>4</v>
      </c>
      <c r="AR16" s="280">
        <v>28</v>
      </c>
      <c r="AS16" s="277">
        <v>100</v>
      </c>
      <c r="AT16" s="282">
        <v>106</v>
      </c>
      <c r="AU16" s="276">
        <v>0</v>
      </c>
      <c r="AV16" s="280">
        <v>0</v>
      </c>
      <c r="AW16" s="277">
        <v>0</v>
      </c>
      <c r="AX16" s="279">
        <v>0</v>
      </c>
      <c r="AY16" s="280">
        <v>104</v>
      </c>
      <c r="AZ16" s="280">
        <v>136</v>
      </c>
      <c r="BA16" s="280">
        <v>60</v>
      </c>
      <c r="BB16" s="280">
        <v>19</v>
      </c>
      <c r="BC16" s="280">
        <v>4</v>
      </c>
      <c r="BD16" s="281">
        <v>323</v>
      </c>
      <c r="BE16" s="282">
        <v>323</v>
      </c>
      <c r="BF16" s="276">
        <v>0</v>
      </c>
      <c r="BG16" s="280">
        <v>0</v>
      </c>
      <c r="BH16" s="277">
        <v>0</v>
      </c>
      <c r="BI16" s="279">
        <v>0</v>
      </c>
      <c r="BJ16" s="280">
        <v>5</v>
      </c>
      <c r="BK16" s="280">
        <v>16</v>
      </c>
      <c r="BL16" s="280">
        <v>34</v>
      </c>
      <c r="BM16" s="280">
        <v>20</v>
      </c>
      <c r="BN16" s="280">
        <v>0</v>
      </c>
      <c r="BO16" s="277">
        <v>75</v>
      </c>
      <c r="BP16" s="282">
        <v>75</v>
      </c>
      <c r="BQ16" s="276">
        <v>0</v>
      </c>
      <c r="BR16" s="280">
        <v>4</v>
      </c>
      <c r="BS16" s="277">
        <v>4</v>
      </c>
      <c r="BT16" s="279">
        <v>0</v>
      </c>
      <c r="BU16" s="280">
        <v>11</v>
      </c>
      <c r="BV16" s="280">
        <v>19</v>
      </c>
      <c r="BW16" s="280">
        <v>32</v>
      </c>
      <c r="BX16" s="280">
        <v>19</v>
      </c>
      <c r="BY16" s="280">
        <v>0</v>
      </c>
      <c r="BZ16" s="277">
        <v>81</v>
      </c>
      <c r="CA16" s="282">
        <v>85</v>
      </c>
      <c r="CB16" s="276">
        <v>0</v>
      </c>
      <c r="CC16" s="280">
        <v>0</v>
      </c>
      <c r="CD16" s="277">
        <v>0</v>
      </c>
      <c r="CE16" s="279">
        <v>0</v>
      </c>
      <c r="CF16" s="280">
        <v>0</v>
      </c>
      <c r="CG16" s="280">
        <v>0</v>
      </c>
      <c r="CH16" s="280">
        <v>6</v>
      </c>
      <c r="CI16" s="280">
        <v>3</v>
      </c>
      <c r="CJ16" s="280">
        <v>0</v>
      </c>
      <c r="CK16" s="277">
        <v>9</v>
      </c>
      <c r="CL16" s="282">
        <v>9</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24</v>
      </c>
      <c r="H17" s="280">
        <v>38</v>
      </c>
      <c r="I17" s="280">
        <v>0</v>
      </c>
      <c r="J17" s="280">
        <v>75</v>
      </c>
      <c r="K17" s="280">
        <v>120</v>
      </c>
      <c r="L17" s="281">
        <v>257</v>
      </c>
      <c r="M17" s="282">
        <v>257</v>
      </c>
      <c r="N17" s="276">
        <v>0</v>
      </c>
      <c r="O17" s="280">
        <v>0</v>
      </c>
      <c r="P17" s="277">
        <v>0</v>
      </c>
      <c r="Q17" s="279">
        <v>0</v>
      </c>
      <c r="R17" s="280">
        <v>0</v>
      </c>
      <c r="S17" s="280">
        <v>0</v>
      </c>
      <c r="T17" s="280">
        <v>0</v>
      </c>
      <c r="U17" s="280">
        <v>0</v>
      </c>
      <c r="V17" s="280">
        <v>20</v>
      </c>
      <c r="W17" s="277">
        <v>20</v>
      </c>
      <c r="X17" s="282">
        <v>20</v>
      </c>
      <c r="Y17" s="276">
        <v>0</v>
      </c>
      <c r="Z17" s="280">
        <v>2</v>
      </c>
      <c r="AA17" s="277">
        <v>2</v>
      </c>
      <c r="AB17" s="279">
        <v>0</v>
      </c>
      <c r="AC17" s="280">
        <v>2</v>
      </c>
      <c r="AD17" s="280">
        <v>26</v>
      </c>
      <c r="AE17" s="280">
        <v>0</v>
      </c>
      <c r="AF17" s="280">
        <v>34</v>
      </c>
      <c r="AG17" s="280">
        <v>39</v>
      </c>
      <c r="AH17" s="277">
        <v>101</v>
      </c>
      <c r="AI17" s="282">
        <v>103</v>
      </c>
      <c r="AJ17" s="276">
        <v>0</v>
      </c>
      <c r="AK17" s="280">
        <v>0</v>
      </c>
      <c r="AL17" s="277">
        <v>0</v>
      </c>
      <c r="AM17" s="279">
        <v>0</v>
      </c>
      <c r="AN17" s="280">
        <v>0</v>
      </c>
      <c r="AO17" s="280">
        <v>0</v>
      </c>
      <c r="AP17" s="280">
        <v>0</v>
      </c>
      <c r="AQ17" s="280">
        <v>14</v>
      </c>
      <c r="AR17" s="280">
        <v>12</v>
      </c>
      <c r="AS17" s="277">
        <v>26</v>
      </c>
      <c r="AT17" s="282">
        <v>26</v>
      </c>
      <c r="AU17" s="276">
        <v>0</v>
      </c>
      <c r="AV17" s="280">
        <v>0</v>
      </c>
      <c r="AW17" s="277">
        <v>0</v>
      </c>
      <c r="AX17" s="279">
        <v>0</v>
      </c>
      <c r="AY17" s="280">
        <v>30</v>
      </c>
      <c r="AZ17" s="280">
        <v>2</v>
      </c>
      <c r="BA17" s="280">
        <v>20</v>
      </c>
      <c r="BB17" s="280">
        <v>11</v>
      </c>
      <c r="BC17" s="280">
        <v>0</v>
      </c>
      <c r="BD17" s="281">
        <v>63</v>
      </c>
      <c r="BE17" s="282">
        <v>63</v>
      </c>
      <c r="BF17" s="276">
        <v>0</v>
      </c>
      <c r="BG17" s="280">
        <v>0</v>
      </c>
      <c r="BH17" s="277">
        <v>0</v>
      </c>
      <c r="BI17" s="279">
        <v>0</v>
      </c>
      <c r="BJ17" s="280">
        <v>16</v>
      </c>
      <c r="BK17" s="280">
        <v>12</v>
      </c>
      <c r="BL17" s="280">
        <v>8</v>
      </c>
      <c r="BM17" s="280">
        <v>8</v>
      </c>
      <c r="BN17" s="280">
        <v>9</v>
      </c>
      <c r="BO17" s="277">
        <v>53</v>
      </c>
      <c r="BP17" s="282">
        <v>53</v>
      </c>
      <c r="BQ17" s="276">
        <v>0</v>
      </c>
      <c r="BR17" s="280">
        <v>0</v>
      </c>
      <c r="BS17" s="277">
        <v>0</v>
      </c>
      <c r="BT17" s="279">
        <v>0</v>
      </c>
      <c r="BU17" s="280">
        <v>0</v>
      </c>
      <c r="BV17" s="280">
        <v>0</v>
      </c>
      <c r="BW17" s="280">
        <v>0</v>
      </c>
      <c r="BX17" s="280">
        <v>103</v>
      </c>
      <c r="BY17" s="280">
        <v>32</v>
      </c>
      <c r="BZ17" s="277">
        <v>135</v>
      </c>
      <c r="CA17" s="282">
        <v>135</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59</v>
      </c>
      <c r="H18" s="280">
        <v>197</v>
      </c>
      <c r="I18" s="280">
        <v>73</v>
      </c>
      <c r="J18" s="280">
        <v>179</v>
      </c>
      <c r="K18" s="280">
        <v>63</v>
      </c>
      <c r="L18" s="281">
        <v>571</v>
      </c>
      <c r="M18" s="282">
        <v>571</v>
      </c>
      <c r="N18" s="276">
        <v>0</v>
      </c>
      <c r="O18" s="280">
        <v>0</v>
      </c>
      <c r="P18" s="277">
        <v>0</v>
      </c>
      <c r="Q18" s="279">
        <v>0</v>
      </c>
      <c r="R18" s="280">
        <v>0</v>
      </c>
      <c r="S18" s="280">
        <v>2</v>
      </c>
      <c r="T18" s="280">
        <v>6</v>
      </c>
      <c r="U18" s="280">
        <v>5</v>
      </c>
      <c r="V18" s="280">
        <v>3</v>
      </c>
      <c r="W18" s="277">
        <v>16</v>
      </c>
      <c r="X18" s="282">
        <v>16</v>
      </c>
      <c r="Y18" s="276">
        <v>4</v>
      </c>
      <c r="Z18" s="280">
        <v>1</v>
      </c>
      <c r="AA18" s="277">
        <v>5</v>
      </c>
      <c r="AB18" s="279">
        <v>0</v>
      </c>
      <c r="AC18" s="280">
        <v>38</v>
      </c>
      <c r="AD18" s="280">
        <v>114</v>
      </c>
      <c r="AE18" s="280">
        <v>79</v>
      </c>
      <c r="AF18" s="280">
        <v>42</v>
      </c>
      <c r="AG18" s="280">
        <v>35</v>
      </c>
      <c r="AH18" s="277">
        <v>308</v>
      </c>
      <c r="AI18" s="282">
        <v>313</v>
      </c>
      <c r="AJ18" s="276">
        <v>0</v>
      </c>
      <c r="AK18" s="280">
        <v>0</v>
      </c>
      <c r="AL18" s="277">
        <v>0</v>
      </c>
      <c r="AM18" s="279">
        <v>0</v>
      </c>
      <c r="AN18" s="280">
        <v>24</v>
      </c>
      <c r="AO18" s="280">
        <v>0</v>
      </c>
      <c r="AP18" s="280">
        <v>24</v>
      </c>
      <c r="AQ18" s="280">
        <v>-6</v>
      </c>
      <c r="AR18" s="280">
        <v>0</v>
      </c>
      <c r="AS18" s="277">
        <v>42</v>
      </c>
      <c r="AT18" s="282">
        <v>42</v>
      </c>
      <c r="AU18" s="276">
        <v>0</v>
      </c>
      <c r="AV18" s="280">
        <v>0</v>
      </c>
      <c r="AW18" s="277">
        <v>0</v>
      </c>
      <c r="AX18" s="279">
        <v>0</v>
      </c>
      <c r="AY18" s="280">
        <v>188</v>
      </c>
      <c r="AZ18" s="280">
        <v>183</v>
      </c>
      <c r="BA18" s="280">
        <v>69</v>
      </c>
      <c r="BB18" s="280">
        <v>48</v>
      </c>
      <c r="BC18" s="280">
        <v>26</v>
      </c>
      <c r="BD18" s="281">
        <v>514</v>
      </c>
      <c r="BE18" s="282">
        <v>514</v>
      </c>
      <c r="BF18" s="276">
        <v>0</v>
      </c>
      <c r="BG18" s="280">
        <v>0</v>
      </c>
      <c r="BH18" s="277">
        <v>0</v>
      </c>
      <c r="BI18" s="279">
        <v>0</v>
      </c>
      <c r="BJ18" s="280">
        <v>58</v>
      </c>
      <c r="BK18" s="280">
        <v>124</v>
      </c>
      <c r="BL18" s="280">
        <v>74</v>
      </c>
      <c r="BM18" s="280">
        <v>7</v>
      </c>
      <c r="BN18" s="280">
        <v>8</v>
      </c>
      <c r="BO18" s="277">
        <v>271</v>
      </c>
      <c r="BP18" s="282">
        <v>271</v>
      </c>
      <c r="BQ18" s="276">
        <v>0</v>
      </c>
      <c r="BR18" s="280">
        <v>0</v>
      </c>
      <c r="BS18" s="277">
        <v>0</v>
      </c>
      <c r="BT18" s="279">
        <v>0</v>
      </c>
      <c r="BU18" s="280">
        <v>3</v>
      </c>
      <c r="BV18" s="280">
        <v>50</v>
      </c>
      <c r="BW18" s="280">
        <v>44</v>
      </c>
      <c r="BX18" s="280">
        <v>0</v>
      </c>
      <c r="BY18" s="280">
        <v>4</v>
      </c>
      <c r="BZ18" s="277">
        <v>101</v>
      </c>
      <c r="CA18" s="282">
        <v>101</v>
      </c>
      <c r="CB18" s="276">
        <v>0</v>
      </c>
      <c r="CC18" s="280">
        <v>0</v>
      </c>
      <c r="CD18" s="277">
        <v>0</v>
      </c>
      <c r="CE18" s="279">
        <v>0</v>
      </c>
      <c r="CF18" s="280">
        <v>18</v>
      </c>
      <c r="CG18" s="280">
        <v>0</v>
      </c>
      <c r="CH18" s="280">
        <v>6</v>
      </c>
      <c r="CI18" s="280">
        <v>0</v>
      </c>
      <c r="CJ18" s="280">
        <v>5</v>
      </c>
      <c r="CK18" s="277">
        <v>29</v>
      </c>
      <c r="CL18" s="282">
        <v>29</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67</v>
      </c>
      <c r="H19" s="280">
        <v>246</v>
      </c>
      <c r="I19" s="280">
        <v>919</v>
      </c>
      <c r="J19" s="280">
        <v>43</v>
      </c>
      <c r="K19" s="280">
        <v>678</v>
      </c>
      <c r="L19" s="281">
        <v>1953</v>
      </c>
      <c r="M19" s="282">
        <v>1953</v>
      </c>
      <c r="N19" s="276">
        <v>0</v>
      </c>
      <c r="O19" s="280">
        <v>0</v>
      </c>
      <c r="P19" s="277">
        <v>0</v>
      </c>
      <c r="Q19" s="279">
        <v>0</v>
      </c>
      <c r="R19" s="280">
        <v>1</v>
      </c>
      <c r="S19" s="280">
        <v>0</v>
      </c>
      <c r="T19" s="280">
        <v>8</v>
      </c>
      <c r="U19" s="280">
        <v>12</v>
      </c>
      <c r="V19" s="280">
        <v>30</v>
      </c>
      <c r="W19" s="277">
        <v>51</v>
      </c>
      <c r="X19" s="282">
        <v>51</v>
      </c>
      <c r="Y19" s="276">
        <v>22</v>
      </c>
      <c r="Z19" s="280">
        <v>38</v>
      </c>
      <c r="AA19" s="277">
        <v>60</v>
      </c>
      <c r="AB19" s="279">
        <v>0</v>
      </c>
      <c r="AC19" s="280">
        <v>103</v>
      </c>
      <c r="AD19" s="280">
        <v>131</v>
      </c>
      <c r="AE19" s="280">
        <v>116</v>
      </c>
      <c r="AF19" s="280">
        <v>8</v>
      </c>
      <c r="AG19" s="280">
        <v>104</v>
      </c>
      <c r="AH19" s="277">
        <v>462</v>
      </c>
      <c r="AI19" s="282">
        <v>522</v>
      </c>
      <c r="AJ19" s="276">
        <v>12</v>
      </c>
      <c r="AK19" s="280">
        <v>9</v>
      </c>
      <c r="AL19" s="277">
        <v>21</v>
      </c>
      <c r="AM19" s="279">
        <v>0</v>
      </c>
      <c r="AN19" s="280">
        <v>12</v>
      </c>
      <c r="AO19" s="280">
        <v>0</v>
      </c>
      <c r="AP19" s="280">
        <v>9</v>
      </c>
      <c r="AQ19" s="280">
        <v>44</v>
      </c>
      <c r="AR19" s="280">
        <v>0</v>
      </c>
      <c r="AS19" s="277">
        <v>65</v>
      </c>
      <c r="AT19" s="282">
        <v>86</v>
      </c>
      <c r="AU19" s="276">
        <v>0</v>
      </c>
      <c r="AV19" s="280">
        <v>0</v>
      </c>
      <c r="AW19" s="277">
        <v>0</v>
      </c>
      <c r="AX19" s="279">
        <v>0</v>
      </c>
      <c r="AY19" s="280">
        <v>149</v>
      </c>
      <c r="AZ19" s="280">
        <v>275</v>
      </c>
      <c r="BA19" s="280">
        <v>98</v>
      </c>
      <c r="BB19" s="280">
        <v>59</v>
      </c>
      <c r="BC19" s="280">
        <v>27</v>
      </c>
      <c r="BD19" s="281">
        <v>608</v>
      </c>
      <c r="BE19" s="282">
        <v>608</v>
      </c>
      <c r="BF19" s="276">
        <v>0</v>
      </c>
      <c r="BG19" s="280">
        <v>0</v>
      </c>
      <c r="BH19" s="277">
        <v>0</v>
      </c>
      <c r="BI19" s="279">
        <v>0</v>
      </c>
      <c r="BJ19" s="280">
        <v>33</v>
      </c>
      <c r="BK19" s="280">
        <v>71</v>
      </c>
      <c r="BL19" s="280">
        <v>56</v>
      </c>
      <c r="BM19" s="280">
        <v>27</v>
      </c>
      <c r="BN19" s="280">
        <v>7</v>
      </c>
      <c r="BO19" s="277">
        <v>194</v>
      </c>
      <c r="BP19" s="282">
        <v>194</v>
      </c>
      <c r="BQ19" s="276">
        <v>0</v>
      </c>
      <c r="BR19" s="280">
        <v>0</v>
      </c>
      <c r="BS19" s="277">
        <v>0</v>
      </c>
      <c r="BT19" s="279">
        <v>0</v>
      </c>
      <c r="BU19" s="280">
        <v>19</v>
      </c>
      <c r="BV19" s="280">
        <v>38</v>
      </c>
      <c r="BW19" s="280">
        <v>48</v>
      </c>
      <c r="BX19" s="280">
        <v>28</v>
      </c>
      <c r="BY19" s="280">
        <v>33</v>
      </c>
      <c r="BZ19" s="277">
        <v>166</v>
      </c>
      <c r="CA19" s="282">
        <v>166</v>
      </c>
      <c r="CB19" s="276">
        <v>0</v>
      </c>
      <c r="CC19" s="280">
        <v>0</v>
      </c>
      <c r="CD19" s="277">
        <v>0</v>
      </c>
      <c r="CE19" s="279">
        <v>0</v>
      </c>
      <c r="CF19" s="280">
        <v>8</v>
      </c>
      <c r="CG19" s="280">
        <v>0</v>
      </c>
      <c r="CH19" s="280">
        <v>8</v>
      </c>
      <c r="CI19" s="280">
        <v>4</v>
      </c>
      <c r="CJ19" s="280">
        <v>0</v>
      </c>
      <c r="CK19" s="277">
        <v>20</v>
      </c>
      <c r="CL19" s="282">
        <v>20</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291</v>
      </c>
      <c r="H20" s="280">
        <v>421</v>
      </c>
      <c r="I20" s="280">
        <v>634</v>
      </c>
      <c r="J20" s="280">
        <v>949</v>
      </c>
      <c r="K20" s="280">
        <v>625</v>
      </c>
      <c r="L20" s="281">
        <v>2920</v>
      </c>
      <c r="M20" s="282">
        <v>2920</v>
      </c>
      <c r="N20" s="276">
        <v>0</v>
      </c>
      <c r="O20" s="280">
        <v>0</v>
      </c>
      <c r="P20" s="277">
        <v>0</v>
      </c>
      <c r="Q20" s="279">
        <v>0</v>
      </c>
      <c r="R20" s="280">
        <v>0</v>
      </c>
      <c r="S20" s="280">
        <v>0</v>
      </c>
      <c r="T20" s="280">
        <v>10</v>
      </c>
      <c r="U20" s="280">
        <v>7</v>
      </c>
      <c r="V20" s="280">
        <v>19</v>
      </c>
      <c r="W20" s="277">
        <v>36</v>
      </c>
      <c r="X20" s="282">
        <v>36</v>
      </c>
      <c r="Y20" s="276">
        <v>44</v>
      </c>
      <c r="Z20" s="280">
        <v>39</v>
      </c>
      <c r="AA20" s="277">
        <v>83</v>
      </c>
      <c r="AB20" s="279">
        <v>0</v>
      </c>
      <c r="AC20" s="280">
        <v>162</v>
      </c>
      <c r="AD20" s="280">
        <v>273</v>
      </c>
      <c r="AE20" s="280">
        <v>126</v>
      </c>
      <c r="AF20" s="280">
        <v>99</v>
      </c>
      <c r="AG20" s="280">
        <v>168</v>
      </c>
      <c r="AH20" s="277">
        <v>828</v>
      </c>
      <c r="AI20" s="282">
        <v>911</v>
      </c>
      <c r="AJ20" s="276">
        <v>9</v>
      </c>
      <c r="AK20" s="280">
        <v>0</v>
      </c>
      <c r="AL20" s="277">
        <v>9</v>
      </c>
      <c r="AM20" s="279">
        <v>0</v>
      </c>
      <c r="AN20" s="280">
        <v>27</v>
      </c>
      <c r="AO20" s="280">
        <v>44</v>
      </c>
      <c r="AP20" s="280">
        <v>46</v>
      </c>
      <c r="AQ20" s="280">
        <v>12</v>
      </c>
      <c r="AR20" s="280">
        <v>16</v>
      </c>
      <c r="AS20" s="277">
        <v>145</v>
      </c>
      <c r="AT20" s="282">
        <v>154</v>
      </c>
      <c r="AU20" s="276">
        <v>0</v>
      </c>
      <c r="AV20" s="280">
        <v>0</v>
      </c>
      <c r="AW20" s="277">
        <v>0</v>
      </c>
      <c r="AX20" s="279">
        <v>0</v>
      </c>
      <c r="AY20" s="280">
        <v>238</v>
      </c>
      <c r="AZ20" s="280">
        <v>361</v>
      </c>
      <c r="BA20" s="280">
        <v>139</v>
      </c>
      <c r="BB20" s="280">
        <v>71</v>
      </c>
      <c r="BC20" s="280">
        <v>63</v>
      </c>
      <c r="BD20" s="281">
        <v>872</v>
      </c>
      <c r="BE20" s="282">
        <v>872</v>
      </c>
      <c r="BF20" s="276">
        <v>0</v>
      </c>
      <c r="BG20" s="280">
        <v>0</v>
      </c>
      <c r="BH20" s="277">
        <v>0</v>
      </c>
      <c r="BI20" s="279">
        <v>0</v>
      </c>
      <c r="BJ20" s="280">
        <v>58</v>
      </c>
      <c r="BK20" s="280">
        <v>94</v>
      </c>
      <c r="BL20" s="280">
        <v>28</v>
      </c>
      <c r="BM20" s="280">
        <v>45</v>
      </c>
      <c r="BN20" s="280">
        <v>21</v>
      </c>
      <c r="BO20" s="277">
        <v>246</v>
      </c>
      <c r="BP20" s="282">
        <v>246</v>
      </c>
      <c r="BQ20" s="276">
        <v>0</v>
      </c>
      <c r="BR20" s="280">
        <v>0</v>
      </c>
      <c r="BS20" s="277">
        <v>0</v>
      </c>
      <c r="BT20" s="279">
        <v>0</v>
      </c>
      <c r="BU20" s="280">
        <v>0</v>
      </c>
      <c r="BV20" s="280">
        <v>120</v>
      </c>
      <c r="BW20" s="280">
        <v>92</v>
      </c>
      <c r="BX20" s="280">
        <v>115</v>
      </c>
      <c r="BY20" s="280">
        <v>42</v>
      </c>
      <c r="BZ20" s="277">
        <v>369</v>
      </c>
      <c r="CA20" s="282">
        <v>369</v>
      </c>
      <c r="CB20" s="276">
        <v>0</v>
      </c>
      <c r="CC20" s="280">
        <v>0</v>
      </c>
      <c r="CD20" s="277">
        <v>0</v>
      </c>
      <c r="CE20" s="279">
        <v>0</v>
      </c>
      <c r="CF20" s="280">
        <v>0</v>
      </c>
      <c r="CG20" s="280">
        <v>2</v>
      </c>
      <c r="CH20" s="280">
        <v>0</v>
      </c>
      <c r="CI20" s="280">
        <v>0</v>
      </c>
      <c r="CJ20" s="280">
        <v>0</v>
      </c>
      <c r="CK20" s="277">
        <v>2</v>
      </c>
      <c r="CL20" s="282">
        <v>2</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41</v>
      </c>
      <c r="H21" s="280">
        <v>85</v>
      </c>
      <c r="I21" s="280">
        <v>130</v>
      </c>
      <c r="J21" s="280">
        <v>202</v>
      </c>
      <c r="K21" s="280">
        <v>29</v>
      </c>
      <c r="L21" s="281">
        <v>487</v>
      </c>
      <c r="M21" s="282">
        <v>487</v>
      </c>
      <c r="N21" s="276">
        <v>0</v>
      </c>
      <c r="O21" s="280">
        <v>0</v>
      </c>
      <c r="P21" s="277">
        <v>0</v>
      </c>
      <c r="Q21" s="279">
        <v>0</v>
      </c>
      <c r="R21" s="280">
        <v>0</v>
      </c>
      <c r="S21" s="280">
        <v>3</v>
      </c>
      <c r="T21" s="280">
        <v>7</v>
      </c>
      <c r="U21" s="280">
        <v>8</v>
      </c>
      <c r="V21" s="280">
        <v>5</v>
      </c>
      <c r="W21" s="277">
        <v>23</v>
      </c>
      <c r="X21" s="282">
        <v>23</v>
      </c>
      <c r="Y21" s="276">
        <v>14</v>
      </c>
      <c r="Z21" s="280">
        <v>9</v>
      </c>
      <c r="AA21" s="277">
        <v>23</v>
      </c>
      <c r="AB21" s="279">
        <v>0</v>
      </c>
      <c r="AC21" s="280">
        <v>103</v>
      </c>
      <c r="AD21" s="280">
        <v>50</v>
      </c>
      <c r="AE21" s="280">
        <v>56</v>
      </c>
      <c r="AF21" s="280">
        <v>134</v>
      </c>
      <c r="AG21" s="280">
        <v>57</v>
      </c>
      <c r="AH21" s="277">
        <v>400</v>
      </c>
      <c r="AI21" s="282">
        <v>423</v>
      </c>
      <c r="AJ21" s="276">
        <v>6</v>
      </c>
      <c r="AK21" s="280">
        <v>0</v>
      </c>
      <c r="AL21" s="277">
        <v>6</v>
      </c>
      <c r="AM21" s="279">
        <v>0</v>
      </c>
      <c r="AN21" s="280">
        <v>41</v>
      </c>
      <c r="AO21" s="280">
        <v>0</v>
      </c>
      <c r="AP21" s="280">
        <v>9</v>
      </c>
      <c r="AQ21" s="280">
        <v>0</v>
      </c>
      <c r="AR21" s="280">
        <v>0</v>
      </c>
      <c r="AS21" s="277">
        <v>50</v>
      </c>
      <c r="AT21" s="282">
        <v>56</v>
      </c>
      <c r="AU21" s="276">
        <v>0</v>
      </c>
      <c r="AV21" s="280">
        <v>0</v>
      </c>
      <c r="AW21" s="277">
        <v>0</v>
      </c>
      <c r="AX21" s="279">
        <v>0</v>
      </c>
      <c r="AY21" s="280">
        <v>65</v>
      </c>
      <c r="AZ21" s="280">
        <v>87</v>
      </c>
      <c r="BA21" s="280">
        <v>23</v>
      </c>
      <c r="BB21" s="280">
        <v>53</v>
      </c>
      <c r="BC21" s="280">
        <v>43</v>
      </c>
      <c r="BD21" s="281">
        <v>271</v>
      </c>
      <c r="BE21" s="282">
        <v>271</v>
      </c>
      <c r="BF21" s="276">
        <v>0</v>
      </c>
      <c r="BG21" s="280">
        <v>0</v>
      </c>
      <c r="BH21" s="277">
        <v>0</v>
      </c>
      <c r="BI21" s="279">
        <v>0</v>
      </c>
      <c r="BJ21" s="280">
        <v>45</v>
      </c>
      <c r="BK21" s="280">
        <v>22</v>
      </c>
      <c r="BL21" s="280">
        <v>38</v>
      </c>
      <c r="BM21" s="280">
        <v>50</v>
      </c>
      <c r="BN21" s="280">
        <v>10</v>
      </c>
      <c r="BO21" s="277">
        <v>165</v>
      </c>
      <c r="BP21" s="282">
        <v>165</v>
      </c>
      <c r="BQ21" s="276">
        <v>0</v>
      </c>
      <c r="BR21" s="280">
        <v>3</v>
      </c>
      <c r="BS21" s="277">
        <v>3</v>
      </c>
      <c r="BT21" s="279">
        <v>0</v>
      </c>
      <c r="BU21" s="280">
        <v>3</v>
      </c>
      <c r="BV21" s="280">
        <v>16</v>
      </c>
      <c r="BW21" s="280">
        <v>2</v>
      </c>
      <c r="BX21" s="280">
        <v>3</v>
      </c>
      <c r="BY21" s="280">
        <v>19</v>
      </c>
      <c r="BZ21" s="277">
        <v>43</v>
      </c>
      <c r="CA21" s="282">
        <v>46</v>
      </c>
      <c r="CB21" s="276">
        <v>0</v>
      </c>
      <c r="CC21" s="280">
        <v>0</v>
      </c>
      <c r="CD21" s="277">
        <v>0</v>
      </c>
      <c r="CE21" s="279">
        <v>0</v>
      </c>
      <c r="CF21" s="280">
        <v>0</v>
      </c>
      <c r="CG21" s="280">
        <v>0</v>
      </c>
      <c r="CH21" s="280">
        <v>4</v>
      </c>
      <c r="CI21" s="280">
        <v>22</v>
      </c>
      <c r="CJ21" s="280">
        <v>0</v>
      </c>
      <c r="CK21" s="277">
        <v>26</v>
      </c>
      <c r="CL21" s="282">
        <v>26</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88</v>
      </c>
      <c r="H22" s="280">
        <v>167</v>
      </c>
      <c r="I22" s="280">
        <v>252</v>
      </c>
      <c r="J22" s="280">
        <v>142</v>
      </c>
      <c r="K22" s="280">
        <v>116</v>
      </c>
      <c r="L22" s="281">
        <v>765</v>
      </c>
      <c r="M22" s="282">
        <v>765</v>
      </c>
      <c r="N22" s="276">
        <v>0</v>
      </c>
      <c r="O22" s="280">
        <v>0</v>
      </c>
      <c r="P22" s="277">
        <v>0</v>
      </c>
      <c r="Q22" s="279">
        <v>0</v>
      </c>
      <c r="R22" s="280">
        <v>0</v>
      </c>
      <c r="S22" s="280">
        <v>4</v>
      </c>
      <c r="T22" s="280">
        <v>0</v>
      </c>
      <c r="U22" s="280">
        <v>9</v>
      </c>
      <c r="V22" s="280">
        <v>13</v>
      </c>
      <c r="W22" s="277">
        <v>26</v>
      </c>
      <c r="X22" s="282">
        <v>26</v>
      </c>
      <c r="Y22" s="276">
        <v>12</v>
      </c>
      <c r="Z22" s="280">
        <v>25</v>
      </c>
      <c r="AA22" s="277">
        <v>37</v>
      </c>
      <c r="AB22" s="279">
        <v>0</v>
      </c>
      <c r="AC22" s="280">
        <v>144</v>
      </c>
      <c r="AD22" s="280">
        <v>115</v>
      </c>
      <c r="AE22" s="280">
        <v>147</v>
      </c>
      <c r="AF22" s="280">
        <v>23</v>
      </c>
      <c r="AG22" s="280">
        <v>22</v>
      </c>
      <c r="AH22" s="277">
        <v>451</v>
      </c>
      <c r="AI22" s="282">
        <v>488</v>
      </c>
      <c r="AJ22" s="276">
        <v>0</v>
      </c>
      <c r="AK22" s="280">
        <v>18</v>
      </c>
      <c r="AL22" s="277">
        <v>18</v>
      </c>
      <c r="AM22" s="279">
        <v>0</v>
      </c>
      <c r="AN22" s="280">
        <v>58</v>
      </c>
      <c r="AO22" s="280">
        <v>78</v>
      </c>
      <c r="AP22" s="280">
        <v>21</v>
      </c>
      <c r="AQ22" s="280">
        <v>20</v>
      </c>
      <c r="AR22" s="280">
        <v>6</v>
      </c>
      <c r="AS22" s="277">
        <v>183</v>
      </c>
      <c r="AT22" s="282">
        <v>201</v>
      </c>
      <c r="AU22" s="276">
        <v>0</v>
      </c>
      <c r="AV22" s="280">
        <v>0</v>
      </c>
      <c r="AW22" s="277">
        <v>0</v>
      </c>
      <c r="AX22" s="279">
        <v>0</v>
      </c>
      <c r="AY22" s="280">
        <v>83</v>
      </c>
      <c r="AZ22" s="280">
        <v>108</v>
      </c>
      <c r="BA22" s="280">
        <v>82</v>
      </c>
      <c r="BB22" s="280">
        <v>27</v>
      </c>
      <c r="BC22" s="280">
        <v>30</v>
      </c>
      <c r="BD22" s="281">
        <v>330</v>
      </c>
      <c r="BE22" s="282">
        <v>330</v>
      </c>
      <c r="BF22" s="276">
        <v>0</v>
      </c>
      <c r="BG22" s="280">
        <v>0</v>
      </c>
      <c r="BH22" s="277">
        <v>0</v>
      </c>
      <c r="BI22" s="279">
        <v>0</v>
      </c>
      <c r="BJ22" s="280">
        <v>49</v>
      </c>
      <c r="BK22" s="280">
        <v>79</v>
      </c>
      <c r="BL22" s="280">
        <v>27</v>
      </c>
      <c r="BM22" s="280">
        <v>19</v>
      </c>
      <c r="BN22" s="280">
        <v>16</v>
      </c>
      <c r="BO22" s="277">
        <v>190</v>
      </c>
      <c r="BP22" s="282">
        <v>190</v>
      </c>
      <c r="BQ22" s="276">
        <v>0</v>
      </c>
      <c r="BR22" s="280">
        <v>2</v>
      </c>
      <c r="BS22" s="277">
        <v>2</v>
      </c>
      <c r="BT22" s="279">
        <v>0</v>
      </c>
      <c r="BU22" s="280">
        <v>37</v>
      </c>
      <c r="BV22" s="280">
        <v>6</v>
      </c>
      <c r="BW22" s="280">
        <v>54</v>
      </c>
      <c r="BX22" s="280">
        <v>75</v>
      </c>
      <c r="BY22" s="280">
        <v>0</v>
      </c>
      <c r="BZ22" s="277">
        <v>172</v>
      </c>
      <c r="CA22" s="282">
        <v>174</v>
      </c>
      <c r="CB22" s="276">
        <v>0</v>
      </c>
      <c r="CC22" s="280">
        <v>0</v>
      </c>
      <c r="CD22" s="277">
        <v>0</v>
      </c>
      <c r="CE22" s="279">
        <v>0</v>
      </c>
      <c r="CF22" s="280">
        <v>0</v>
      </c>
      <c r="CG22" s="280">
        <v>7</v>
      </c>
      <c r="CH22" s="280">
        <v>5</v>
      </c>
      <c r="CI22" s="280">
        <v>3</v>
      </c>
      <c r="CJ22" s="280">
        <v>0</v>
      </c>
      <c r="CK22" s="277">
        <v>15</v>
      </c>
      <c r="CL22" s="282">
        <v>15</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161</v>
      </c>
      <c r="H23" s="280">
        <v>246</v>
      </c>
      <c r="I23" s="280">
        <v>226</v>
      </c>
      <c r="J23" s="280">
        <v>292</v>
      </c>
      <c r="K23" s="280">
        <v>223</v>
      </c>
      <c r="L23" s="281">
        <v>1148</v>
      </c>
      <c r="M23" s="282">
        <v>1148</v>
      </c>
      <c r="N23" s="276">
        <v>0</v>
      </c>
      <c r="O23" s="280">
        <v>0</v>
      </c>
      <c r="P23" s="277">
        <v>0</v>
      </c>
      <c r="Q23" s="279">
        <v>0</v>
      </c>
      <c r="R23" s="280">
        <v>0</v>
      </c>
      <c r="S23" s="280">
        <v>1</v>
      </c>
      <c r="T23" s="280">
        <v>4</v>
      </c>
      <c r="U23" s="280">
        <v>9</v>
      </c>
      <c r="V23" s="280">
        <v>12</v>
      </c>
      <c r="W23" s="277">
        <v>26</v>
      </c>
      <c r="X23" s="282">
        <v>26</v>
      </c>
      <c r="Y23" s="276">
        <v>34</v>
      </c>
      <c r="Z23" s="280">
        <v>18</v>
      </c>
      <c r="AA23" s="277">
        <v>52</v>
      </c>
      <c r="AB23" s="279">
        <v>0</v>
      </c>
      <c r="AC23" s="280">
        <v>112</v>
      </c>
      <c r="AD23" s="280">
        <v>131</v>
      </c>
      <c r="AE23" s="280">
        <v>70</v>
      </c>
      <c r="AF23" s="280">
        <v>67</v>
      </c>
      <c r="AG23" s="280">
        <v>59</v>
      </c>
      <c r="AH23" s="277">
        <v>439</v>
      </c>
      <c r="AI23" s="282">
        <v>491</v>
      </c>
      <c r="AJ23" s="276">
        <v>8</v>
      </c>
      <c r="AK23" s="280">
        <v>0</v>
      </c>
      <c r="AL23" s="277">
        <v>8</v>
      </c>
      <c r="AM23" s="279">
        <v>0</v>
      </c>
      <c r="AN23" s="280">
        <v>0</v>
      </c>
      <c r="AO23" s="280">
        <v>8</v>
      </c>
      <c r="AP23" s="280">
        <v>0</v>
      </c>
      <c r="AQ23" s="280">
        <v>20</v>
      </c>
      <c r="AR23" s="280">
        <v>12</v>
      </c>
      <c r="AS23" s="277">
        <v>40</v>
      </c>
      <c r="AT23" s="282">
        <v>48</v>
      </c>
      <c r="AU23" s="276">
        <v>0</v>
      </c>
      <c r="AV23" s="280">
        <v>0</v>
      </c>
      <c r="AW23" s="277">
        <v>0</v>
      </c>
      <c r="AX23" s="279">
        <v>0</v>
      </c>
      <c r="AY23" s="280">
        <v>147</v>
      </c>
      <c r="AZ23" s="280">
        <v>76</v>
      </c>
      <c r="BA23" s="280">
        <v>27</v>
      </c>
      <c r="BB23" s="280">
        <v>20</v>
      </c>
      <c r="BC23" s="280">
        <v>20</v>
      </c>
      <c r="BD23" s="281">
        <v>290</v>
      </c>
      <c r="BE23" s="282">
        <v>290</v>
      </c>
      <c r="BF23" s="276">
        <v>0</v>
      </c>
      <c r="BG23" s="280">
        <v>0</v>
      </c>
      <c r="BH23" s="277">
        <v>0</v>
      </c>
      <c r="BI23" s="279">
        <v>0</v>
      </c>
      <c r="BJ23" s="280">
        <v>0</v>
      </c>
      <c r="BK23" s="280">
        <v>29</v>
      </c>
      <c r="BL23" s="280">
        <v>0</v>
      </c>
      <c r="BM23" s="280">
        <v>0</v>
      </c>
      <c r="BN23" s="280">
        <v>12</v>
      </c>
      <c r="BO23" s="277">
        <v>41</v>
      </c>
      <c r="BP23" s="282">
        <v>41</v>
      </c>
      <c r="BQ23" s="276">
        <v>0</v>
      </c>
      <c r="BR23" s="280">
        <v>6</v>
      </c>
      <c r="BS23" s="277">
        <v>6</v>
      </c>
      <c r="BT23" s="279">
        <v>0</v>
      </c>
      <c r="BU23" s="280">
        <v>30</v>
      </c>
      <c r="BV23" s="280">
        <v>5</v>
      </c>
      <c r="BW23" s="280">
        <v>88</v>
      </c>
      <c r="BX23" s="280">
        <v>19</v>
      </c>
      <c r="BY23" s="280">
        <v>26</v>
      </c>
      <c r="BZ23" s="277">
        <v>168</v>
      </c>
      <c r="CA23" s="282">
        <v>174</v>
      </c>
      <c r="CB23" s="276">
        <v>0</v>
      </c>
      <c r="CC23" s="280">
        <v>0</v>
      </c>
      <c r="CD23" s="277">
        <v>0</v>
      </c>
      <c r="CE23" s="279">
        <v>0</v>
      </c>
      <c r="CF23" s="280">
        <v>0</v>
      </c>
      <c r="CG23" s="280">
        <v>0</v>
      </c>
      <c r="CH23" s="280">
        <v>0</v>
      </c>
      <c r="CI23" s="280">
        <v>3</v>
      </c>
      <c r="CJ23" s="280">
        <v>0</v>
      </c>
      <c r="CK23" s="277">
        <v>3</v>
      </c>
      <c r="CL23" s="282">
        <v>3</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34</v>
      </c>
      <c r="H24" s="280">
        <v>0</v>
      </c>
      <c r="I24" s="280">
        <v>46</v>
      </c>
      <c r="J24" s="280">
        <v>27</v>
      </c>
      <c r="K24" s="280">
        <v>145</v>
      </c>
      <c r="L24" s="281">
        <v>252</v>
      </c>
      <c r="M24" s="282">
        <v>252</v>
      </c>
      <c r="N24" s="276">
        <v>0</v>
      </c>
      <c r="O24" s="280">
        <v>0</v>
      </c>
      <c r="P24" s="277">
        <v>0</v>
      </c>
      <c r="Q24" s="279">
        <v>0</v>
      </c>
      <c r="R24" s="280">
        <v>0</v>
      </c>
      <c r="S24" s="280">
        <v>0</v>
      </c>
      <c r="T24" s="280">
        <v>0</v>
      </c>
      <c r="U24" s="280">
        <v>0</v>
      </c>
      <c r="V24" s="280">
        <v>28</v>
      </c>
      <c r="W24" s="277">
        <v>28</v>
      </c>
      <c r="X24" s="282">
        <v>28</v>
      </c>
      <c r="Y24" s="276">
        <v>0</v>
      </c>
      <c r="Z24" s="280">
        <v>10</v>
      </c>
      <c r="AA24" s="277">
        <v>10</v>
      </c>
      <c r="AB24" s="279">
        <v>0</v>
      </c>
      <c r="AC24" s="280">
        <v>26</v>
      </c>
      <c r="AD24" s="280">
        <v>4</v>
      </c>
      <c r="AE24" s="280">
        <v>5</v>
      </c>
      <c r="AF24" s="280">
        <v>10</v>
      </c>
      <c r="AG24" s="280">
        <v>57</v>
      </c>
      <c r="AH24" s="277">
        <v>102</v>
      </c>
      <c r="AI24" s="282">
        <v>112</v>
      </c>
      <c r="AJ24" s="276">
        <v>0</v>
      </c>
      <c r="AK24" s="280">
        <v>0</v>
      </c>
      <c r="AL24" s="277">
        <v>0</v>
      </c>
      <c r="AM24" s="279">
        <v>0</v>
      </c>
      <c r="AN24" s="280">
        <v>24</v>
      </c>
      <c r="AO24" s="280">
        <v>24</v>
      </c>
      <c r="AP24" s="280">
        <v>0</v>
      </c>
      <c r="AQ24" s="280">
        <v>24</v>
      </c>
      <c r="AR24" s="280">
        <v>0</v>
      </c>
      <c r="AS24" s="277">
        <v>72</v>
      </c>
      <c r="AT24" s="282">
        <v>72</v>
      </c>
      <c r="AU24" s="276">
        <v>0</v>
      </c>
      <c r="AV24" s="280">
        <v>0</v>
      </c>
      <c r="AW24" s="277">
        <v>0</v>
      </c>
      <c r="AX24" s="279">
        <v>0</v>
      </c>
      <c r="AY24" s="280">
        <v>78</v>
      </c>
      <c r="AZ24" s="280">
        <v>26</v>
      </c>
      <c r="BA24" s="280">
        <v>8</v>
      </c>
      <c r="BB24" s="280">
        <v>30</v>
      </c>
      <c r="BC24" s="280">
        <v>19</v>
      </c>
      <c r="BD24" s="281">
        <v>161</v>
      </c>
      <c r="BE24" s="282">
        <v>161</v>
      </c>
      <c r="BF24" s="276">
        <v>0</v>
      </c>
      <c r="BG24" s="280">
        <v>0</v>
      </c>
      <c r="BH24" s="277">
        <v>0</v>
      </c>
      <c r="BI24" s="279">
        <v>0</v>
      </c>
      <c r="BJ24" s="280">
        <v>6</v>
      </c>
      <c r="BK24" s="280">
        <v>0</v>
      </c>
      <c r="BL24" s="280">
        <v>11</v>
      </c>
      <c r="BM24" s="280">
        <v>8</v>
      </c>
      <c r="BN24" s="280">
        <v>0</v>
      </c>
      <c r="BO24" s="277">
        <v>25</v>
      </c>
      <c r="BP24" s="282">
        <v>25</v>
      </c>
      <c r="BQ24" s="276">
        <v>0</v>
      </c>
      <c r="BR24" s="280">
        <v>0</v>
      </c>
      <c r="BS24" s="277">
        <v>0</v>
      </c>
      <c r="BT24" s="279">
        <v>0</v>
      </c>
      <c r="BU24" s="280">
        <v>13</v>
      </c>
      <c r="BV24" s="280">
        <v>0</v>
      </c>
      <c r="BW24" s="280">
        <v>30</v>
      </c>
      <c r="BX24" s="280">
        <v>13</v>
      </c>
      <c r="BY24" s="280">
        <v>0</v>
      </c>
      <c r="BZ24" s="277">
        <v>56</v>
      </c>
      <c r="CA24" s="282">
        <v>56</v>
      </c>
      <c r="CB24" s="276">
        <v>0</v>
      </c>
      <c r="CC24" s="280">
        <v>0</v>
      </c>
      <c r="CD24" s="277">
        <v>0</v>
      </c>
      <c r="CE24" s="279">
        <v>0</v>
      </c>
      <c r="CF24" s="280">
        <v>0</v>
      </c>
      <c r="CG24" s="280">
        <v>0</v>
      </c>
      <c r="CH24" s="280">
        <v>4</v>
      </c>
      <c r="CI24" s="280">
        <v>0</v>
      </c>
      <c r="CJ24" s="280">
        <v>0</v>
      </c>
      <c r="CK24" s="277">
        <v>4</v>
      </c>
      <c r="CL24" s="282">
        <v>4</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4</v>
      </c>
      <c r="H25" s="280">
        <v>97</v>
      </c>
      <c r="I25" s="280">
        <v>172</v>
      </c>
      <c r="J25" s="280">
        <v>17</v>
      </c>
      <c r="K25" s="280">
        <v>0</v>
      </c>
      <c r="L25" s="281">
        <v>290</v>
      </c>
      <c r="M25" s="282">
        <v>290</v>
      </c>
      <c r="N25" s="276">
        <v>0</v>
      </c>
      <c r="O25" s="280">
        <v>0</v>
      </c>
      <c r="P25" s="277">
        <v>0</v>
      </c>
      <c r="Q25" s="279">
        <v>0</v>
      </c>
      <c r="R25" s="280">
        <v>4</v>
      </c>
      <c r="S25" s="280">
        <v>0</v>
      </c>
      <c r="T25" s="280">
        <v>0</v>
      </c>
      <c r="U25" s="280">
        <v>0</v>
      </c>
      <c r="V25" s="280">
        <v>4</v>
      </c>
      <c r="W25" s="277">
        <v>8</v>
      </c>
      <c r="X25" s="282">
        <v>8</v>
      </c>
      <c r="Y25" s="276">
        <v>21</v>
      </c>
      <c r="Z25" s="280">
        <v>9</v>
      </c>
      <c r="AA25" s="277">
        <v>30</v>
      </c>
      <c r="AB25" s="279">
        <v>0</v>
      </c>
      <c r="AC25" s="280">
        <v>55</v>
      </c>
      <c r="AD25" s="280">
        <v>62</v>
      </c>
      <c r="AE25" s="280">
        <v>44</v>
      </c>
      <c r="AF25" s="280">
        <v>28</v>
      </c>
      <c r="AG25" s="280">
        <v>4</v>
      </c>
      <c r="AH25" s="277">
        <v>193</v>
      </c>
      <c r="AI25" s="282">
        <v>223</v>
      </c>
      <c r="AJ25" s="276">
        <v>0</v>
      </c>
      <c r="AK25" s="280">
        <v>12</v>
      </c>
      <c r="AL25" s="277">
        <v>12</v>
      </c>
      <c r="AM25" s="279">
        <v>0</v>
      </c>
      <c r="AN25" s="280">
        <v>0</v>
      </c>
      <c r="AO25" s="280">
        <v>42</v>
      </c>
      <c r="AP25" s="280">
        <v>0</v>
      </c>
      <c r="AQ25" s="280">
        <v>36</v>
      </c>
      <c r="AR25" s="280">
        <v>0</v>
      </c>
      <c r="AS25" s="277">
        <v>78</v>
      </c>
      <c r="AT25" s="282">
        <v>90</v>
      </c>
      <c r="AU25" s="276">
        <v>0</v>
      </c>
      <c r="AV25" s="280">
        <v>0</v>
      </c>
      <c r="AW25" s="277">
        <v>0</v>
      </c>
      <c r="AX25" s="279">
        <v>0</v>
      </c>
      <c r="AY25" s="280">
        <v>50</v>
      </c>
      <c r="AZ25" s="280">
        <v>131</v>
      </c>
      <c r="BA25" s="280">
        <v>23</v>
      </c>
      <c r="BB25" s="280">
        <v>49</v>
      </c>
      <c r="BC25" s="280">
        <v>0</v>
      </c>
      <c r="BD25" s="281">
        <v>253</v>
      </c>
      <c r="BE25" s="282">
        <v>253</v>
      </c>
      <c r="BF25" s="276">
        <v>0</v>
      </c>
      <c r="BG25" s="280">
        <v>0</v>
      </c>
      <c r="BH25" s="277">
        <v>0</v>
      </c>
      <c r="BI25" s="279">
        <v>0</v>
      </c>
      <c r="BJ25" s="280">
        <v>18</v>
      </c>
      <c r="BK25" s="280">
        <v>13</v>
      </c>
      <c r="BL25" s="280">
        <v>45</v>
      </c>
      <c r="BM25" s="280">
        <v>29</v>
      </c>
      <c r="BN25" s="280">
        <v>0</v>
      </c>
      <c r="BO25" s="277">
        <v>105</v>
      </c>
      <c r="BP25" s="282">
        <v>105</v>
      </c>
      <c r="BQ25" s="276">
        <v>0</v>
      </c>
      <c r="BR25" s="280">
        <v>0</v>
      </c>
      <c r="BS25" s="277">
        <v>0</v>
      </c>
      <c r="BT25" s="279">
        <v>0</v>
      </c>
      <c r="BU25" s="280">
        <v>2</v>
      </c>
      <c r="BV25" s="280">
        <v>19</v>
      </c>
      <c r="BW25" s="280">
        <v>0</v>
      </c>
      <c r="BX25" s="280">
        <v>6</v>
      </c>
      <c r="BY25" s="280">
        <v>0</v>
      </c>
      <c r="BZ25" s="277">
        <v>27</v>
      </c>
      <c r="CA25" s="282">
        <v>27</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57</v>
      </c>
      <c r="H26" s="280">
        <v>53</v>
      </c>
      <c r="I26" s="280">
        <v>116</v>
      </c>
      <c r="J26" s="280">
        <v>95</v>
      </c>
      <c r="K26" s="280">
        <v>271</v>
      </c>
      <c r="L26" s="281">
        <v>592</v>
      </c>
      <c r="M26" s="282">
        <v>592</v>
      </c>
      <c r="N26" s="276">
        <v>0</v>
      </c>
      <c r="O26" s="280">
        <v>0</v>
      </c>
      <c r="P26" s="277">
        <v>0</v>
      </c>
      <c r="Q26" s="279">
        <v>0</v>
      </c>
      <c r="R26" s="280">
        <v>0</v>
      </c>
      <c r="S26" s="280">
        <v>0</v>
      </c>
      <c r="T26" s="280">
        <v>0</v>
      </c>
      <c r="U26" s="280">
        <v>0</v>
      </c>
      <c r="V26" s="280">
        <v>8</v>
      </c>
      <c r="W26" s="277">
        <v>8</v>
      </c>
      <c r="X26" s="282">
        <v>8</v>
      </c>
      <c r="Y26" s="276">
        <v>2</v>
      </c>
      <c r="Z26" s="280">
        <v>15</v>
      </c>
      <c r="AA26" s="277">
        <v>17</v>
      </c>
      <c r="AB26" s="279">
        <v>0</v>
      </c>
      <c r="AC26" s="280">
        <v>48</v>
      </c>
      <c r="AD26" s="280">
        <v>6</v>
      </c>
      <c r="AE26" s="280">
        <v>67</v>
      </c>
      <c r="AF26" s="280">
        <v>30</v>
      </c>
      <c r="AG26" s="280">
        <v>30</v>
      </c>
      <c r="AH26" s="277">
        <v>181</v>
      </c>
      <c r="AI26" s="282">
        <v>198</v>
      </c>
      <c r="AJ26" s="276">
        <v>0</v>
      </c>
      <c r="AK26" s="280">
        <v>0</v>
      </c>
      <c r="AL26" s="277">
        <v>0</v>
      </c>
      <c r="AM26" s="279">
        <v>0</v>
      </c>
      <c r="AN26" s="280">
        <v>0</v>
      </c>
      <c r="AO26" s="280">
        <v>0</v>
      </c>
      <c r="AP26" s="280">
        <v>0</v>
      </c>
      <c r="AQ26" s="280">
        <v>0</v>
      </c>
      <c r="AR26" s="280">
        <v>8</v>
      </c>
      <c r="AS26" s="277">
        <v>8</v>
      </c>
      <c r="AT26" s="282">
        <v>8</v>
      </c>
      <c r="AU26" s="276">
        <v>0</v>
      </c>
      <c r="AV26" s="280">
        <v>0</v>
      </c>
      <c r="AW26" s="277">
        <v>0</v>
      </c>
      <c r="AX26" s="279">
        <v>0</v>
      </c>
      <c r="AY26" s="280">
        <v>51</v>
      </c>
      <c r="AZ26" s="280">
        <v>54</v>
      </c>
      <c r="BA26" s="280">
        <v>20</v>
      </c>
      <c r="BB26" s="280">
        <v>8</v>
      </c>
      <c r="BC26" s="280">
        <v>16</v>
      </c>
      <c r="BD26" s="281">
        <v>149</v>
      </c>
      <c r="BE26" s="282">
        <v>149</v>
      </c>
      <c r="BF26" s="276">
        <v>0</v>
      </c>
      <c r="BG26" s="280">
        <v>0</v>
      </c>
      <c r="BH26" s="277">
        <v>0</v>
      </c>
      <c r="BI26" s="279">
        <v>0</v>
      </c>
      <c r="BJ26" s="280">
        <v>27</v>
      </c>
      <c r="BK26" s="280">
        <v>45</v>
      </c>
      <c r="BL26" s="280">
        <v>15</v>
      </c>
      <c r="BM26" s="280">
        <v>0</v>
      </c>
      <c r="BN26" s="280">
        <v>12</v>
      </c>
      <c r="BO26" s="277">
        <v>99</v>
      </c>
      <c r="BP26" s="282">
        <v>99</v>
      </c>
      <c r="BQ26" s="276">
        <v>4</v>
      </c>
      <c r="BR26" s="280">
        <v>5</v>
      </c>
      <c r="BS26" s="277">
        <v>9</v>
      </c>
      <c r="BT26" s="279">
        <v>0</v>
      </c>
      <c r="BU26" s="280">
        <v>0</v>
      </c>
      <c r="BV26" s="280">
        <v>6</v>
      </c>
      <c r="BW26" s="280">
        <v>8</v>
      </c>
      <c r="BX26" s="280">
        <v>0</v>
      </c>
      <c r="BY26" s="280">
        <v>7</v>
      </c>
      <c r="BZ26" s="277">
        <v>21</v>
      </c>
      <c r="CA26" s="282">
        <v>3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12</v>
      </c>
      <c r="H27" s="280">
        <v>31</v>
      </c>
      <c r="I27" s="280">
        <v>20</v>
      </c>
      <c r="J27" s="280">
        <v>4</v>
      </c>
      <c r="K27" s="280">
        <v>6</v>
      </c>
      <c r="L27" s="281">
        <v>73</v>
      </c>
      <c r="M27" s="282">
        <v>73</v>
      </c>
      <c r="N27" s="276">
        <v>0</v>
      </c>
      <c r="O27" s="280">
        <v>0</v>
      </c>
      <c r="P27" s="277">
        <v>0</v>
      </c>
      <c r="Q27" s="279">
        <v>0</v>
      </c>
      <c r="R27" s="280">
        <v>0</v>
      </c>
      <c r="S27" s="280">
        <v>1</v>
      </c>
      <c r="T27" s="280">
        <v>0</v>
      </c>
      <c r="U27" s="280">
        <v>20</v>
      </c>
      <c r="V27" s="280">
        <v>14</v>
      </c>
      <c r="W27" s="277">
        <v>35</v>
      </c>
      <c r="X27" s="282">
        <v>35</v>
      </c>
      <c r="Y27" s="276">
        <v>0</v>
      </c>
      <c r="Z27" s="280">
        <v>35</v>
      </c>
      <c r="AA27" s="277">
        <v>35</v>
      </c>
      <c r="AB27" s="279">
        <v>0</v>
      </c>
      <c r="AC27" s="280">
        <v>20</v>
      </c>
      <c r="AD27" s="280">
        <v>11</v>
      </c>
      <c r="AE27" s="280">
        <v>11</v>
      </c>
      <c r="AF27" s="280">
        <v>4</v>
      </c>
      <c r="AG27" s="280">
        <v>28</v>
      </c>
      <c r="AH27" s="277">
        <v>74</v>
      </c>
      <c r="AI27" s="282">
        <v>109</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38</v>
      </c>
      <c r="AZ27" s="280">
        <v>30</v>
      </c>
      <c r="BA27" s="280">
        <v>56</v>
      </c>
      <c r="BB27" s="280">
        <v>13</v>
      </c>
      <c r="BC27" s="280">
        <v>0</v>
      </c>
      <c r="BD27" s="281">
        <v>137</v>
      </c>
      <c r="BE27" s="282">
        <v>137</v>
      </c>
      <c r="BF27" s="276">
        <v>0</v>
      </c>
      <c r="BG27" s="280">
        <v>0</v>
      </c>
      <c r="BH27" s="277">
        <v>0</v>
      </c>
      <c r="BI27" s="279">
        <v>0</v>
      </c>
      <c r="BJ27" s="280">
        <v>7</v>
      </c>
      <c r="BK27" s="280">
        <v>28</v>
      </c>
      <c r="BL27" s="280">
        <v>8</v>
      </c>
      <c r="BM27" s="280">
        <v>0</v>
      </c>
      <c r="BN27" s="280">
        <v>11</v>
      </c>
      <c r="BO27" s="277">
        <v>54</v>
      </c>
      <c r="BP27" s="282">
        <v>54</v>
      </c>
      <c r="BQ27" s="276">
        <v>0</v>
      </c>
      <c r="BR27" s="280">
        <v>0</v>
      </c>
      <c r="BS27" s="277">
        <v>0</v>
      </c>
      <c r="BT27" s="279">
        <v>0</v>
      </c>
      <c r="BU27" s="280">
        <v>4</v>
      </c>
      <c r="BV27" s="280">
        <v>16</v>
      </c>
      <c r="BW27" s="280">
        <v>24</v>
      </c>
      <c r="BX27" s="280">
        <v>0</v>
      </c>
      <c r="BY27" s="280">
        <v>4</v>
      </c>
      <c r="BZ27" s="277">
        <v>48</v>
      </c>
      <c r="CA27" s="282">
        <v>48</v>
      </c>
      <c r="CB27" s="276">
        <v>0</v>
      </c>
      <c r="CC27" s="280">
        <v>0</v>
      </c>
      <c r="CD27" s="277">
        <v>0</v>
      </c>
      <c r="CE27" s="279">
        <v>0</v>
      </c>
      <c r="CF27" s="280">
        <v>0</v>
      </c>
      <c r="CG27" s="280">
        <v>0</v>
      </c>
      <c r="CH27" s="280">
        <v>0</v>
      </c>
      <c r="CI27" s="280">
        <v>0</v>
      </c>
      <c r="CJ27" s="280">
        <v>4</v>
      </c>
      <c r="CK27" s="277">
        <v>4</v>
      </c>
      <c r="CL27" s="282">
        <v>4</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23</v>
      </c>
      <c r="H28" s="280">
        <v>9</v>
      </c>
      <c r="I28" s="280">
        <v>79</v>
      </c>
      <c r="J28" s="280">
        <v>112</v>
      </c>
      <c r="K28" s="280">
        <v>88</v>
      </c>
      <c r="L28" s="281">
        <v>311</v>
      </c>
      <c r="M28" s="282">
        <v>311</v>
      </c>
      <c r="N28" s="276">
        <v>0</v>
      </c>
      <c r="O28" s="280">
        <v>0</v>
      </c>
      <c r="P28" s="277">
        <v>0</v>
      </c>
      <c r="Q28" s="279">
        <v>0</v>
      </c>
      <c r="R28" s="280">
        <v>0</v>
      </c>
      <c r="S28" s="280">
        <v>0</v>
      </c>
      <c r="T28" s="280">
        <v>0</v>
      </c>
      <c r="U28" s="280">
        <v>0</v>
      </c>
      <c r="V28" s="280">
        <v>5</v>
      </c>
      <c r="W28" s="277">
        <v>5</v>
      </c>
      <c r="X28" s="282">
        <v>5</v>
      </c>
      <c r="Y28" s="276">
        <v>0</v>
      </c>
      <c r="Z28" s="280">
        <v>14</v>
      </c>
      <c r="AA28" s="277">
        <v>14</v>
      </c>
      <c r="AB28" s="279">
        <v>0</v>
      </c>
      <c r="AC28" s="280">
        <v>39</v>
      </c>
      <c r="AD28" s="280">
        <v>52</v>
      </c>
      <c r="AE28" s="280">
        <v>12</v>
      </c>
      <c r="AF28" s="280">
        <v>31</v>
      </c>
      <c r="AG28" s="280">
        <v>28</v>
      </c>
      <c r="AH28" s="277">
        <v>162</v>
      </c>
      <c r="AI28" s="282">
        <v>176</v>
      </c>
      <c r="AJ28" s="276">
        <v>0</v>
      </c>
      <c r="AK28" s="280">
        <v>0</v>
      </c>
      <c r="AL28" s="277">
        <v>0</v>
      </c>
      <c r="AM28" s="279">
        <v>0</v>
      </c>
      <c r="AN28" s="280">
        <v>0</v>
      </c>
      <c r="AO28" s="280">
        <v>24</v>
      </c>
      <c r="AP28" s="280">
        <v>12</v>
      </c>
      <c r="AQ28" s="280">
        <v>0</v>
      </c>
      <c r="AR28" s="280">
        <v>0</v>
      </c>
      <c r="AS28" s="277">
        <v>36</v>
      </c>
      <c r="AT28" s="282">
        <v>36</v>
      </c>
      <c r="AU28" s="276">
        <v>0</v>
      </c>
      <c r="AV28" s="280">
        <v>0</v>
      </c>
      <c r="AW28" s="277">
        <v>0</v>
      </c>
      <c r="AX28" s="279">
        <v>0</v>
      </c>
      <c r="AY28" s="280">
        <v>26</v>
      </c>
      <c r="AZ28" s="280">
        <v>20</v>
      </c>
      <c r="BA28" s="280">
        <v>34</v>
      </c>
      <c r="BB28" s="280">
        <v>8</v>
      </c>
      <c r="BC28" s="280">
        <v>0</v>
      </c>
      <c r="BD28" s="281">
        <v>88</v>
      </c>
      <c r="BE28" s="282">
        <v>88</v>
      </c>
      <c r="BF28" s="276">
        <v>0</v>
      </c>
      <c r="BG28" s="280">
        <v>0</v>
      </c>
      <c r="BH28" s="277">
        <v>0</v>
      </c>
      <c r="BI28" s="279">
        <v>0</v>
      </c>
      <c r="BJ28" s="280">
        <v>64</v>
      </c>
      <c r="BK28" s="280">
        <v>24</v>
      </c>
      <c r="BL28" s="280">
        <v>3</v>
      </c>
      <c r="BM28" s="280">
        <v>0</v>
      </c>
      <c r="BN28" s="280">
        <v>0</v>
      </c>
      <c r="BO28" s="277">
        <v>91</v>
      </c>
      <c r="BP28" s="282">
        <v>91</v>
      </c>
      <c r="BQ28" s="276">
        <v>0</v>
      </c>
      <c r="BR28" s="280">
        <v>7</v>
      </c>
      <c r="BS28" s="277">
        <v>7</v>
      </c>
      <c r="BT28" s="279">
        <v>0</v>
      </c>
      <c r="BU28" s="280">
        <v>0</v>
      </c>
      <c r="BV28" s="280">
        <v>4</v>
      </c>
      <c r="BW28" s="280">
        <v>12</v>
      </c>
      <c r="BX28" s="280">
        <v>0</v>
      </c>
      <c r="BY28" s="280">
        <v>0</v>
      </c>
      <c r="BZ28" s="277">
        <v>16</v>
      </c>
      <c r="CA28" s="282">
        <v>23</v>
      </c>
      <c r="CB28" s="276">
        <v>0</v>
      </c>
      <c r="CC28" s="280">
        <v>0</v>
      </c>
      <c r="CD28" s="277">
        <v>0</v>
      </c>
      <c r="CE28" s="279">
        <v>0</v>
      </c>
      <c r="CF28" s="280">
        <v>3</v>
      </c>
      <c r="CG28" s="280">
        <v>0</v>
      </c>
      <c r="CH28" s="280">
        <v>0</v>
      </c>
      <c r="CI28" s="280">
        <v>0</v>
      </c>
      <c r="CJ28" s="280">
        <v>0</v>
      </c>
      <c r="CK28" s="277">
        <v>3</v>
      </c>
      <c r="CL28" s="282">
        <v>3</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0</v>
      </c>
      <c r="H29" s="280">
        <v>51</v>
      </c>
      <c r="I29" s="280">
        <v>54</v>
      </c>
      <c r="J29" s="280">
        <v>0</v>
      </c>
      <c r="K29" s="280">
        <v>87</v>
      </c>
      <c r="L29" s="281">
        <v>192</v>
      </c>
      <c r="M29" s="282">
        <v>192</v>
      </c>
      <c r="N29" s="276">
        <v>0</v>
      </c>
      <c r="O29" s="280">
        <v>0</v>
      </c>
      <c r="P29" s="277">
        <v>0</v>
      </c>
      <c r="Q29" s="279">
        <v>0</v>
      </c>
      <c r="R29" s="280">
        <v>0</v>
      </c>
      <c r="S29" s="280">
        <v>0</v>
      </c>
      <c r="T29" s="280">
        <v>0</v>
      </c>
      <c r="U29" s="280">
        <v>9</v>
      </c>
      <c r="V29" s="280">
        <v>0</v>
      </c>
      <c r="W29" s="277">
        <v>9</v>
      </c>
      <c r="X29" s="282">
        <v>9</v>
      </c>
      <c r="Y29" s="276">
        <v>48</v>
      </c>
      <c r="Z29" s="280">
        <v>13</v>
      </c>
      <c r="AA29" s="277">
        <v>61</v>
      </c>
      <c r="AB29" s="279">
        <v>0</v>
      </c>
      <c r="AC29" s="280">
        <v>2</v>
      </c>
      <c r="AD29" s="280">
        <v>37</v>
      </c>
      <c r="AE29" s="280">
        <v>19</v>
      </c>
      <c r="AF29" s="280">
        <v>24</v>
      </c>
      <c r="AG29" s="280">
        <v>6</v>
      </c>
      <c r="AH29" s="277">
        <v>88</v>
      </c>
      <c r="AI29" s="282">
        <v>149</v>
      </c>
      <c r="AJ29" s="276">
        <v>0</v>
      </c>
      <c r="AK29" s="280">
        <v>0</v>
      </c>
      <c r="AL29" s="277">
        <v>0</v>
      </c>
      <c r="AM29" s="279">
        <v>0</v>
      </c>
      <c r="AN29" s="280">
        <v>0</v>
      </c>
      <c r="AO29" s="280">
        <v>4</v>
      </c>
      <c r="AP29" s="280">
        <v>0</v>
      </c>
      <c r="AQ29" s="280">
        <v>0</v>
      </c>
      <c r="AR29" s="280">
        <v>0</v>
      </c>
      <c r="AS29" s="277">
        <v>4</v>
      </c>
      <c r="AT29" s="282">
        <v>4</v>
      </c>
      <c r="AU29" s="276">
        <v>0</v>
      </c>
      <c r="AV29" s="280">
        <v>0</v>
      </c>
      <c r="AW29" s="277">
        <v>0</v>
      </c>
      <c r="AX29" s="279">
        <v>0</v>
      </c>
      <c r="AY29" s="280">
        <v>7</v>
      </c>
      <c r="AZ29" s="280">
        <v>6</v>
      </c>
      <c r="BA29" s="280">
        <v>16</v>
      </c>
      <c r="BB29" s="280">
        <v>6</v>
      </c>
      <c r="BC29" s="280">
        <v>0</v>
      </c>
      <c r="BD29" s="281">
        <v>35</v>
      </c>
      <c r="BE29" s="282">
        <v>35</v>
      </c>
      <c r="BF29" s="276">
        <v>0</v>
      </c>
      <c r="BG29" s="280">
        <v>0</v>
      </c>
      <c r="BH29" s="277">
        <v>0</v>
      </c>
      <c r="BI29" s="279">
        <v>0</v>
      </c>
      <c r="BJ29" s="280">
        <v>0</v>
      </c>
      <c r="BK29" s="280">
        <v>13</v>
      </c>
      <c r="BL29" s="280">
        <v>8</v>
      </c>
      <c r="BM29" s="280">
        <v>0</v>
      </c>
      <c r="BN29" s="280">
        <v>0</v>
      </c>
      <c r="BO29" s="277">
        <v>21</v>
      </c>
      <c r="BP29" s="282">
        <v>21</v>
      </c>
      <c r="BQ29" s="276">
        <v>0</v>
      </c>
      <c r="BR29" s="280">
        <v>0</v>
      </c>
      <c r="BS29" s="277">
        <v>0</v>
      </c>
      <c r="BT29" s="279">
        <v>0</v>
      </c>
      <c r="BU29" s="280">
        <v>4</v>
      </c>
      <c r="BV29" s="280">
        <v>0</v>
      </c>
      <c r="BW29" s="280">
        <v>19</v>
      </c>
      <c r="BX29" s="280">
        <v>8</v>
      </c>
      <c r="BY29" s="280">
        <v>0</v>
      </c>
      <c r="BZ29" s="277">
        <v>31</v>
      </c>
      <c r="CA29" s="282">
        <v>31</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8</v>
      </c>
      <c r="H30" s="280">
        <v>12</v>
      </c>
      <c r="I30" s="280">
        <v>0</v>
      </c>
      <c r="J30" s="280">
        <v>0</v>
      </c>
      <c r="K30" s="280">
        <v>24</v>
      </c>
      <c r="L30" s="281">
        <v>44</v>
      </c>
      <c r="M30" s="282">
        <v>44</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3</v>
      </c>
      <c r="AD30" s="280">
        <v>14</v>
      </c>
      <c r="AE30" s="280">
        <v>2</v>
      </c>
      <c r="AF30" s="280">
        <v>0</v>
      </c>
      <c r="AG30" s="280">
        <v>0</v>
      </c>
      <c r="AH30" s="277">
        <v>19</v>
      </c>
      <c r="AI30" s="282">
        <v>19</v>
      </c>
      <c r="AJ30" s="276">
        <v>0</v>
      </c>
      <c r="AK30" s="280">
        <v>0</v>
      </c>
      <c r="AL30" s="277">
        <v>0</v>
      </c>
      <c r="AM30" s="279">
        <v>0</v>
      </c>
      <c r="AN30" s="280">
        <v>21</v>
      </c>
      <c r="AO30" s="280">
        <v>0</v>
      </c>
      <c r="AP30" s="280">
        <v>0</v>
      </c>
      <c r="AQ30" s="280">
        <v>0</v>
      </c>
      <c r="AR30" s="280">
        <v>0</v>
      </c>
      <c r="AS30" s="277">
        <v>21</v>
      </c>
      <c r="AT30" s="282">
        <v>21</v>
      </c>
      <c r="AU30" s="276">
        <v>0</v>
      </c>
      <c r="AV30" s="280">
        <v>0</v>
      </c>
      <c r="AW30" s="277">
        <v>0</v>
      </c>
      <c r="AX30" s="279">
        <v>0</v>
      </c>
      <c r="AY30" s="280">
        <v>6</v>
      </c>
      <c r="AZ30" s="280">
        <v>19</v>
      </c>
      <c r="BA30" s="280">
        <v>0</v>
      </c>
      <c r="BB30" s="280">
        <v>7</v>
      </c>
      <c r="BC30" s="280">
        <v>0</v>
      </c>
      <c r="BD30" s="281">
        <v>32</v>
      </c>
      <c r="BE30" s="282">
        <v>32</v>
      </c>
      <c r="BF30" s="276">
        <v>0</v>
      </c>
      <c r="BG30" s="280">
        <v>0</v>
      </c>
      <c r="BH30" s="277">
        <v>0</v>
      </c>
      <c r="BI30" s="279">
        <v>0</v>
      </c>
      <c r="BJ30" s="280">
        <v>0</v>
      </c>
      <c r="BK30" s="280">
        <v>0</v>
      </c>
      <c r="BL30" s="280">
        <v>5</v>
      </c>
      <c r="BM30" s="280">
        <v>0</v>
      </c>
      <c r="BN30" s="280">
        <v>6</v>
      </c>
      <c r="BO30" s="277">
        <v>11</v>
      </c>
      <c r="BP30" s="282">
        <v>11</v>
      </c>
      <c r="BQ30" s="276">
        <v>0</v>
      </c>
      <c r="BR30" s="280">
        <v>0</v>
      </c>
      <c r="BS30" s="277">
        <v>0</v>
      </c>
      <c r="BT30" s="279">
        <v>0</v>
      </c>
      <c r="BU30" s="280">
        <v>0</v>
      </c>
      <c r="BV30" s="280">
        <v>14</v>
      </c>
      <c r="BW30" s="280">
        <v>0</v>
      </c>
      <c r="BX30" s="280">
        <v>0</v>
      </c>
      <c r="BY30" s="280">
        <v>0</v>
      </c>
      <c r="BZ30" s="277">
        <v>14</v>
      </c>
      <c r="CA30" s="282">
        <v>14</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11</v>
      </c>
      <c r="H31" s="280">
        <v>12</v>
      </c>
      <c r="I31" s="280">
        <v>0</v>
      </c>
      <c r="J31" s="280">
        <v>101</v>
      </c>
      <c r="K31" s="280">
        <v>0</v>
      </c>
      <c r="L31" s="281">
        <v>124</v>
      </c>
      <c r="M31" s="282">
        <v>124</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7</v>
      </c>
      <c r="AE31" s="280">
        <v>36</v>
      </c>
      <c r="AF31" s="280">
        <v>0</v>
      </c>
      <c r="AG31" s="280">
        <v>0</v>
      </c>
      <c r="AH31" s="277">
        <v>53</v>
      </c>
      <c r="AI31" s="282">
        <v>53</v>
      </c>
      <c r="AJ31" s="276">
        <v>0</v>
      </c>
      <c r="AK31" s="280">
        <v>0</v>
      </c>
      <c r="AL31" s="277">
        <v>0</v>
      </c>
      <c r="AM31" s="279">
        <v>0</v>
      </c>
      <c r="AN31" s="280">
        <v>9</v>
      </c>
      <c r="AO31" s="280">
        <v>0</v>
      </c>
      <c r="AP31" s="280">
        <v>12</v>
      </c>
      <c r="AQ31" s="280">
        <v>24</v>
      </c>
      <c r="AR31" s="280">
        <v>0</v>
      </c>
      <c r="AS31" s="277">
        <v>45</v>
      </c>
      <c r="AT31" s="282">
        <v>45</v>
      </c>
      <c r="AU31" s="276">
        <v>0</v>
      </c>
      <c r="AV31" s="280">
        <v>0</v>
      </c>
      <c r="AW31" s="277">
        <v>0</v>
      </c>
      <c r="AX31" s="279">
        <v>0</v>
      </c>
      <c r="AY31" s="280">
        <v>7</v>
      </c>
      <c r="AZ31" s="280">
        <v>0</v>
      </c>
      <c r="BA31" s="280">
        <v>11</v>
      </c>
      <c r="BB31" s="280">
        <v>3</v>
      </c>
      <c r="BC31" s="280">
        <v>0</v>
      </c>
      <c r="BD31" s="281">
        <v>21</v>
      </c>
      <c r="BE31" s="282">
        <v>21</v>
      </c>
      <c r="BF31" s="276">
        <v>0</v>
      </c>
      <c r="BG31" s="280">
        <v>0</v>
      </c>
      <c r="BH31" s="277">
        <v>0</v>
      </c>
      <c r="BI31" s="279">
        <v>0</v>
      </c>
      <c r="BJ31" s="280">
        <v>13</v>
      </c>
      <c r="BK31" s="280">
        <v>0</v>
      </c>
      <c r="BL31" s="280">
        <v>13</v>
      </c>
      <c r="BM31" s="280">
        <v>8</v>
      </c>
      <c r="BN31" s="280">
        <v>0</v>
      </c>
      <c r="BO31" s="277">
        <v>34</v>
      </c>
      <c r="BP31" s="282">
        <v>34</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4</v>
      </c>
      <c r="CG31" s="280">
        <v>0</v>
      </c>
      <c r="CH31" s="280">
        <v>0</v>
      </c>
      <c r="CI31" s="280">
        <v>0</v>
      </c>
      <c r="CJ31" s="280">
        <v>0</v>
      </c>
      <c r="CK31" s="277">
        <v>4</v>
      </c>
      <c r="CL31" s="282">
        <v>4</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9</v>
      </c>
      <c r="H32" s="280">
        <v>0</v>
      </c>
      <c r="I32" s="280">
        <v>90</v>
      </c>
      <c r="J32" s="280">
        <v>4</v>
      </c>
      <c r="K32" s="280">
        <v>0</v>
      </c>
      <c r="L32" s="281">
        <v>103</v>
      </c>
      <c r="M32" s="282">
        <v>103</v>
      </c>
      <c r="N32" s="276">
        <v>0</v>
      </c>
      <c r="O32" s="280">
        <v>0</v>
      </c>
      <c r="P32" s="277">
        <v>0</v>
      </c>
      <c r="Q32" s="279">
        <v>0</v>
      </c>
      <c r="R32" s="280">
        <v>6</v>
      </c>
      <c r="S32" s="280">
        <v>0</v>
      </c>
      <c r="T32" s="280">
        <v>0</v>
      </c>
      <c r="U32" s="280">
        <v>5</v>
      </c>
      <c r="V32" s="280">
        <v>0</v>
      </c>
      <c r="W32" s="277">
        <v>11</v>
      </c>
      <c r="X32" s="282">
        <v>11</v>
      </c>
      <c r="Y32" s="276">
        <v>0</v>
      </c>
      <c r="Z32" s="280">
        <v>0</v>
      </c>
      <c r="AA32" s="277">
        <v>0</v>
      </c>
      <c r="AB32" s="279">
        <v>0</v>
      </c>
      <c r="AC32" s="280">
        <v>4</v>
      </c>
      <c r="AD32" s="280">
        <v>0</v>
      </c>
      <c r="AE32" s="280">
        <v>0</v>
      </c>
      <c r="AF32" s="280">
        <v>4</v>
      </c>
      <c r="AG32" s="280">
        <v>0</v>
      </c>
      <c r="AH32" s="277">
        <v>8</v>
      </c>
      <c r="AI32" s="282">
        <v>8</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0</v>
      </c>
      <c r="AZ32" s="280">
        <v>9</v>
      </c>
      <c r="BA32" s="280">
        <v>0</v>
      </c>
      <c r="BB32" s="280">
        <v>0</v>
      </c>
      <c r="BC32" s="280">
        <v>0</v>
      </c>
      <c r="BD32" s="281">
        <v>19</v>
      </c>
      <c r="BE32" s="282">
        <v>19</v>
      </c>
      <c r="BF32" s="276">
        <v>0</v>
      </c>
      <c r="BG32" s="280">
        <v>0</v>
      </c>
      <c r="BH32" s="277">
        <v>0</v>
      </c>
      <c r="BI32" s="279">
        <v>0</v>
      </c>
      <c r="BJ32" s="280">
        <v>0</v>
      </c>
      <c r="BK32" s="280">
        <v>12</v>
      </c>
      <c r="BL32" s="280">
        <v>0</v>
      </c>
      <c r="BM32" s="280">
        <v>0</v>
      </c>
      <c r="BN32" s="280">
        <v>0</v>
      </c>
      <c r="BO32" s="277">
        <v>12</v>
      </c>
      <c r="BP32" s="282">
        <v>12</v>
      </c>
      <c r="BQ32" s="276">
        <v>0</v>
      </c>
      <c r="BR32" s="280">
        <v>0</v>
      </c>
      <c r="BS32" s="277">
        <v>0</v>
      </c>
      <c r="BT32" s="279">
        <v>0</v>
      </c>
      <c r="BU32" s="280">
        <v>4</v>
      </c>
      <c r="BV32" s="280">
        <v>0</v>
      </c>
      <c r="BW32" s="280">
        <v>0</v>
      </c>
      <c r="BX32" s="280">
        <v>0</v>
      </c>
      <c r="BY32" s="280">
        <v>0</v>
      </c>
      <c r="BZ32" s="277">
        <v>4</v>
      </c>
      <c r="CA32" s="282">
        <v>4</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0</v>
      </c>
      <c r="J33" s="280">
        <v>12</v>
      </c>
      <c r="K33" s="280">
        <v>0</v>
      </c>
      <c r="L33" s="281">
        <v>12</v>
      </c>
      <c r="M33" s="282">
        <v>12</v>
      </c>
      <c r="N33" s="276">
        <v>0</v>
      </c>
      <c r="O33" s="280">
        <v>0</v>
      </c>
      <c r="P33" s="277">
        <v>0</v>
      </c>
      <c r="Q33" s="279">
        <v>0</v>
      </c>
      <c r="R33" s="280">
        <v>0</v>
      </c>
      <c r="S33" s="280">
        <v>0</v>
      </c>
      <c r="T33" s="280">
        <v>0</v>
      </c>
      <c r="U33" s="280">
        <v>0</v>
      </c>
      <c r="V33" s="280">
        <v>9</v>
      </c>
      <c r="W33" s="277">
        <v>9</v>
      </c>
      <c r="X33" s="282">
        <v>9</v>
      </c>
      <c r="Y33" s="276">
        <v>0</v>
      </c>
      <c r="Z33" s="280">
        <v>0</v>
      </c>
      <c r="AA33" s="277">
        <v>0</v>
      </c>
      <c r="AB33" s="279">
        <v>0</v>
      </c>
      <c r="AC33" s="280">
        <v>4</v>
      </c>
      <c r="AD33" s="280">
        <v>0</v>
      </c>
      <c r="AE33" s="280">
        <v>0</v>
      </c>
      <c r="AF33" s="280">
        <v>42</v>
      </c>
      <c r="AG33" s="280">
        <v>26</v>
      </c>
      <c r="AH33" s="277">
        <v>72</v>
      </c>
      <c r="AI33" s="282">
        <v>72</v>
      </c>
      <c r="AJ33" s="276">
        <v>0</v>
      </c>
      <c r="AK33" s="280">
        <v>0</v>
      </c>
      <c r="AL33" s="277">
        <v>0</v>
      </c>
      <c r="AM33" s="279">
        <v>0</v>
      </c>
      <c r="AN33" s="280">
        <v>0</v>
      </c>
      <c r="AO33" s="280">
        <v>0</v>
      </c>
      <c r="AP33" s="280">
        <v>20</v>
      </c>
      <c r="AQ33" s="280">
        <v>0</v>
      </c>
      <c r="AR33" s="280">
        <v>0</v>
      </c>
      <c r="AS33" s="277">
        <v>20</v>
      </c>
      <c r="AT33" s="282">
        <v>20</v>
      </c>
      <c r="AU33" s="276">
        <v>0</v>
      </c>
      <c r="AV33" s="280">
        <v>0</v>
      </c>
      <c r="AW33" s="277">
        <v>0</v>
      </c>
      <c r="AX33" s="279">
        <v>0</v>
      </c>
      <c r="AY33" s="280">
        <v>0</v>
      </c>
      <c r="AZ33" s="280">
        <v>7</v>
      </c>
      <c r="BA33" s="280">
        <v>32</v>
      </c>
      <c r="BB33" s="280">
        <v>4</v>
      </c>
      <c r="BC33" s="280">
        <v>0</v>
      </c>
      <c r="BD33" s="281">
        <v>43</v>
      </c>
      <c r="BE33" s="282">
        <v>43</v>
      </c>
      <c r="BF33" s="276">
        <v>0</v>
      </c>
      <c r="BG33" s="280">
        <v>0</v>
      </c>
      <c r="BH33" s="277">
        <v>0</v>
      </c>
      <c r="BI33" s="279">
        <v>0</v>
      </c>
      <c r="BJ33" s="280">
        <v>0</v>
      </c>
      <c r="BK33" s="280">
        <v>0</v>
      </c>
      <c r="BL33" s="280">
        <v>0</v>
      </c>
      <c r="BM33" s="280">
        <v>0</v>
      </c>
      <c r="BN33" s="280">
        <v>0</v>
      </c>
      <c r="BO33" s="277">
        <v>0</v>
      </c>
      <c r="BP33" s="282">
        <v>0</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124</v>
      </c>
      <c r="K34" s="280">
        <v>0</v>
      </c>
      <c r="L34" s="281">
        <v>124</v>
      </c>
      <c r="M34" s="282">
        <v>124</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2</v>
      </c>
      <c r="AE34" s="280">
        <v>0</v>
      </c>
      <c r="AF34" s="280">
        <v>0</v>
      </c>
      <c r="AG34" s="280">
        <v>0</v>
      </c>
      <c r="AH34" s="277">
        <v>12</v>
      </c>
      <c r="AI34" s="282">
        <v>12</v>
      </c>
      <c r="AJ34" s="276">
        <v>10</v>
      </c>
      <c r="AK34" s="280">
        <v>0</v>
      </c>
      <c r="AL34" s="277">
        <v>10</v>
      </c>
      <c r="AM34" s="279">
        <v>0</v>
      </c>
      <c r="AN34" s="280">
        <v>0</v>
      </c>
      <c r="AO34" s="280">
        <v>0</v>
      </c>
      <c r="AP34" s="280">
        <v>0</v>
      </c>
      <c r="AQ34" s="280">
        <v>9</v>
      </c>
      <c r="AR34" s="280">
        <v>0</v>
      </c>
      <c r="AS34" s="277">
        <v>9</v>
      </c>
      <c r="AT34" s="282">
        <v>19</v>
      </c>
      <c r="AU34" s="276">
        <v>0</v>
      </c>
      <c r="AV34" s="280">
        <v>0</v>
      </c>
      <c r="AW34" s="277">
        <v>0</v>
      </c>
      <c r="AX34" s="279">
        <v>0</v>
      </c>
      <c r="AY34" s="280">
        <v>26</v>
      </c>
      <c r="AZ34" s="280">
        <v>30</v>
      </c>
      <c r="BA34" s="280">
        <v>0</v>
      </c>
      <c r="BB34" s="280">
        <v>0</v>
      </c>
      <c r="BC34" s="280">
        <v>0</v>
      </c>
      <c r="BD34" s="281">
        <v>56</v>
      </c>
      <c r="BE34" s="282">
        <v>56</v>
      </c>
      <c r="BF34" s="276">
        <v>0</v>
      </c>
      <c r="BG34" s="280">
        <v>0</v>
      </c>
      <c r="BH34" s="277">
        <v>0</v>
      </c>
      <c r="BI34" s="279">
        <v>0</v>
      </c>
      <c r="BJ34" s="280">
        <v>0</v>
      </c>
      <c r="BK34" s="280">
        <v>0</v>
      </c>
      <c r="BL34" s="280">
        <v>7</v>
      </c>
      <c r="BM34" s="280">
        <v>8</v>
      </c>
      <c r="BN34" s="280">
        <v>0</v>
      </c>
      <c r="BO34" s="277">
        <v>15</v>
      </c>
      <c r="BP34" s="282">
        <v>15</v>
      </c>
      <c r="BQ34" s="276">
        <v>0</v>
      </c>
      <c r="BR34" s="280">
        <v>0</v>
      </c>
      <c r="BS34" s="277">
        <v>0</v>
      </c>
      <c r="BT34" s="279">
        <v>0</v>
      </c>
      <c r="BU34" s="280">
        <v>0</v>
      </c>
      <c r="BV34" s="280">
        <v>0</v>
      </c>
      <c r="BW34" s="280">
        <v>0</v>
      </c>
      <c r="BX34" s="280">
        <v>0</v>
      </c>
      <c r="BY34" s="280">
        <v>1</v>
      </c>
      <c r="BZ34" s="277">
        <v>1</v>
      </c>
      <c r="CA34" s="282">
        <v>1</v>
      </c>
      <c r="CB34" s="276">
        <v>0</v>
      </c>
      <c r="CC34" s="280">
        <v>0</v>
      </c>
      <c r="CD34" s="277">
        <v>0</v>
      </c>
      <c r="CE34" s="279">
        <v>0</v>
      </c>
      <c r="CF34" s="280">
        <v>0</v>
      </c>
      <c r="CG34" s="280">
        <v>0</v>
      </c>
      <c r="CH34" s="280">
        <v>3</v>
      </c>
      <c r="CI34" s="280">
        <v>0</v>
      </c>
      <c r="CJ34" s="280">
        <v>49</v>
      </c>
      <c r="CK34" s="277">
        <v>52</v>
      </c>
      <c r="CL34" s="282">
        <v>52</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1</v>
      </c>
      <c r="H35" s="280">
        <v>0</v>
      </c>
      <c r="I35" s="280">
        <v>0</v>
      </c>
      <c r="J35" s="280">
        <v>4</v>
      </c>
      <c r="K35" s="280">
        <v>0</v>
      </c>
      <c r="L35" s="281">
        <v>35</v>
      </c>
      <c r="M35" s="282">
        <v>35</v>
      </c>
      <c r="N35" s="276">
        <v>0</v>
      </c>
      <c r="O35" s="280">
        <v>0</v>
      </c>
      <c r="P35" s="277">
        <v>0</v>
      </c>
      <c r="Q35" s="279">
        <v>0</v>
      </c>
      <c r="R35" s="280">
        <v>0</v>
      </c>
      <c r="S35" s="280">
        <v>0</v>
      </c>
      <c r="T35" s="280">
        <v>3</v>
      </c>
      <c r="U35" s="280">
        <v>0</v>
      </c>
      <c r="V35" s="280">
        <v>0</v>
      </c>
      <c r="W35" s="277">
        <v>3</v>
      </c>
      <c r="X35" s="282">
        <v>3</v>
      </c>
      <c r="Y35" s="276">
        <v>0</v>
      </c>
      <c r="Z35" s="280">
        <v>0</v>
      </c>
      <c r="AA35" s="277">
        <v>0</v>
      </c>
      <c r="AB35" s="279">
        <v>0</v>
      </c>
      <c r="AC35" s="280">
        <v>0</v>
      </c>
      <c r="AD35" s="280">
        <v>4</v>
      </c>
      <c r="AE35" s="280">
        <v>8</v>
      </c>
      <c r="AF35" s="280">
        <v>4</v>
      </c>
      <c r="AG35" s="280">
        <v>0</v>
      </c>
      <c r="AH35" s="277">
        <v>16</v>
      </c>
      <c r="AI35" s="282">
        <v>16</v>
      </c>
      <c r="AJ35" s="276">
        <v>0</v>
      </c>
      <c r="AK35" s="280">
        <v>12</v>
      </c>
      <c r="AL35" s="277">
        <v>12</v>
      </c>
      <c r="AM35" s="279">
        <v>0</v>
      </c>
      <c r="AN35" s="280">
        <v>18</v>
      </c>
      <c r="AO35" s="280">
        <v>25</v>
      </c>
      <c r="AP35" s="280">
        <v>12</v>
      </c>
      <c r="AQ35" s="280">
        <v>15</v>
      </c>
      <c r="AR35" s="280">
        <v>0</v>
      </c>
      <c r="AS35" s="277">
        <v>70</v>
      </c>
      <c r="AT35" s="282">
        <v>82</v>
      </c>
      <c r="AU35" s="276">
        <v>0</v>
      </c>
      <c r="AV35" s="280">
        <v>0</v>
      </c>
      <c r="AW35" s="277">
        <v>0</v>
      </c>
      <c r="AX35" s="279">
        <v>0</v>
      </c>
      <c r="AY35" s="280">
        <v>13</v>
      </c>
      <c r="AZ35" s="280">
        <v>0</v>
      </c>
      <c r="BA35" s="280">
        <v>0</v>
      </c>
      <c r="BB35" s="280">
        <v>0</v>
      </c>
      <c r="BC35" s="280">
        <v>0</v>
      </c>
      <c r="BD35" s="281">
        <v>13</v>
      </c>
      <c r="BE35" s="282">
        <v>13</v>
      </c>
      <c r="BF35" s="276">
        <v>0</v>
      </c>
      <c r="BG35" s="280">
        <v>0</v>
      </c>
      <c r="BH35" s="277">
        <v>0</v>
      </c>
      <c r="BI35" s="279">
        <v>0</v>
      </c>
      <c r="BJ35" s="280">
        <v>7</v>
      </c>
      <c r="BK35" s="280">
        <v>0</v>
      </c>
      <c r="BL35" s="280">
        <v>0</v>
      </c>
      <c r="BM35" s="280">
        <v>2</v>
      </c>
      <c r="BN35" s="280">
        <v>0</v>
      </c>
      <c r="BO35" s="277">
        <v>9</v>
      </c>
      <c r="BP35" s="282">
        <v>9</v>
      </c>
      <c r="BQ35" s="276">
        <v>0</v>
      </c>
      <c r="BR35" s="280">
        <v>0</v>
      </c>
      <c r="BS35" s="277">
        <v>0</v>
      </c>
      <c r="BT35" s="279">
        <v>0</v>
      </c>
      <c r="BU35" s="280">
        <v>0</v>
      </c>
      <c r="BV35" s="280">
        <v>0</v>
      </c>
      <c r="BW35" s="280">
        <v>0</v>
      </c>
      <c r="BX35" s="280">
        <v>22</v>
      </c>
      <c r="BY35" s="280">
        <v>0</v>
      </c>
      <c r="BZ35" s="277">
        <v>22</v>
      </c>
      <c r="CA35" s="282">
        <v>22</v>
      </c>
      <c r="CB35" s="276">
        <v>0</v>
      </c>
      <c r="CC35" s="280">
        <v>0</v>
      </c>
      <c r="CD35" s="277">
        <v>0</v>
      </c>
      <c r="CE35" s="279">
        <v>0</v>
      </c>
      <c r="CF35" s="280">
        <v>0</v>
      </c>
      <c r="CG35" s="280">
        <v>0</v>
      </c>
      <c r="CH35" s="280">
        <v>4</v>
      </c>
      <c r="CI35" s="280">
        <v>0</v>
      </c>
      <c r="CJ35" s="280">
        <v>0</v>
      </c>
      <c r="CK35" s="277">
        <v>4</v>
      </c>
      <c r="CL35" s="282">
        <v>4</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7</v>
      </c>
      <c r="H36" s="280">
        <v>0</v>
      </c>
      <c r="I36" s="280">
        <v>0</v>
      </c>
      <c r="J36" s="280">
        <v>0</v>
      </c>
      <c r="K36" s="280">
        <v>0</v>
      </c>
      <c r="L36" s="281">
        <v>7</v>
      </c>
      <c r="M36" s="282">
        <v>7</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7</v>
      </c>
      <c r="BA36" s="280">
        <v>24</v>
      </c>
      <c r="BB36" s="280">
        <v>0</v>
      </c>
      <c r="BC36" s="280">
        <v>0</v>
      </c>
      <c r="BD36" s="281">
        <v>31</v>
      </c>
      <c r="BE36" s="282">
        <v>31</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82</v>
      </c>
      <c r="H37" s="280">
        <v>29</v>
      </c>
      <c r="I37" s="280">
        <v>70</v>
      </c>
      <c r="J37" s="280">
        <v>78</v>
      </c>
      <c r="K37" s="280">
        <v>0</v>
      </c>
      <c r="L37" s="281">
        <v>259</v>
      </c>
      <c r="M37" s="282">
        <v>259</v>
      </c>
      <c r="N37" s="276">
        <v>0</v>
      </c>
      <c r="O37" s="280">
        <v>0</v>
      </c>
      <c r="P37" s="277">
        <v>0</v>
      </c>
      <c r="Q37" s="279">
        <v>0</v>
      </c>
      <c r="R37" s="280">
        <v>0</v>
      </c>
      <c r="S37" s="280">
        <v>0</v>
      </c>
      <c r="T37" s="280">
        <v>0</v>
      </c>
      <c r="U37" s="280">
        <v>0</v>
      </c>
      <c r="V37" s="280">
        <v>0</v>
      </c>
      <c r="W37" s="277">
        <v>0</v>
      </c>
      <c r="X37" s="282">
        <v>0</v>
      </c>
      <c r="Y37" s="276">
        <v>0</v>
      </c>
      <c r="Z37" s="280">
        <v>14</v>
      </c>
      <c r="AA37" s="277">
        <v>14</v>
      </c>
      <c r="AB37" s="279">
        <v>0</v>
      </c>
      <c r="AC37" s="280">
        <v>21</v>
      </c>
      <c r="AD37" s="280">
        <v>4</v>
      </c>
      <c r="AE37" s="280">
        <v>4</v>
      </c>
      <c r="AF37" s="280">
        <v>39</v>
      </c>
      <c r="AG37" s="280">
        <v>0</v>
      </c>
      <c r="AH37" s="277">
        <v>68</v>
      </c>
      <c r="AI37" s="282">
        <v>82</v>
      </c>
      <c r="AJ37" s="276">
        <v>0</v>
      </c>
      <c r="AK37" s="280">
        <v>0</v>
      </c>
      <c r="AL37" s="277">
        <v>0</v>
      </c>
      <c r="AM37" s="279">
        <v>0</v>
      </c>
      <c r="AN37" s="280">
        <v>20</v>
      </c>
      <c r="AO37" s="280">
        <v>0</v>
      </c>
      <c r="AP37" s="280">
        <v>0</v>
      </c>
      <c r="AQ37" s="280">
        <v>0</v>
      </c>
      <c r="AR37" s="280">
        <v>0</v>
      </c>
      <c r="AS37" s="277">
        <v>20</v>
      </c>
      <c r="AT37" s="282">
        <v>20</v>
      </c>
      <c r="AU37" s="276">
        <v>0</v>
      </c>
      <c r="AV37" s="280">
        <v>0</v>
      </c>
      <c r="AW37" s="277">
        <v>0</v>
      </c>
      <c r="AX37" s="279">
        <v>0</v>
      </c>
      <c r="AY37" s="280">
        <v>40</v>
      </c>
      <c r="AZ37" s="280">
        <v>27</v>
      </c>
      <c r="BA37" s="280">
        <v>8</v>
      </c>
      <c r="BB37" s="280">
        <v>8</v>
      </c>
      <c r="BC37" s="280">
        <v>0</v>
      </c>
      <c r="BD37" s="281">
        <v>83</v>
      </c>
      <c r="BE37" s="282">
        <v>83</v>
      </c>
      <c r="BF37" s="276">
        <v>0</v>
      </c>
      <c r="BG37" s="280">
        <v>0</v>
      </c>
      <c r="BH37" s="277">
        <v>0</v>
      </c>
      <c r="BI37" s="279">
        <v>0</v>
      </c>
      <c r="BJ37" s="280">
        <v>3</v>
      </c>
      <c r="BK37" s="280">
        <v>7</v>
      </c>
      <c r="BL37" s="280">
        <v>0</v>
      </c>
      <c r="BM37" s="280">
        <v>7</v>
      </c>
      <c r="BN37" s="280">
        <v>0</v>
      </c>
      <c r="BO37" s="277">
        <v>17</v>
      </c>
      <c r="BP37" s="282">
        <v>17</v>
      </c>
      <c r="BQ37" s="276">
        <v>0</v>
      </c>
      <c r="BR37" s="280">
        <v>0</v>
      </c>
      <c r="BS37" s="277">
        <v>0</v>
      </c>
      <c r="BT37" s="279">
        <v>0</v>
      </c>
      <c r="BU37" s="280">
        <v>4</v>
      </c>
      <c r="BV37" s="280">
        <v>0</v>
      </c>
      <c r="BW37" s="280">
        <v>0</v>
      </c>
      <c r="BX37" s="280">
        <v>22</v>
      </c>
      <c r="BY37" s="280">
        <v>0</v>
      </c>
      <c r="BZ37" s="277">
        <v>26</v>
      </c>
      <c r="CA37" s="282">
        <v>26</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2</v>
      </c>
      <c r="H38" s="280">
        <v>1</v>
      </c>
      <c r="I38" s="280">
        <v>14</v>
      </c>
      <c r="J38" s="280">
        <v>0</v>
      </c>
      <c r="K38" s="280">
        <v>0</v>
      </c>
      <c r="L38" s="281">
        <v>27</v>
      </c>
      <c r="M38" s="282">
        <v>27</v>
      </c>
      <c r="N38" s="276">
        <v>0</v>
      </c>
      <c r="O38" s="280">
        <v>0</v>
      </c>
      <c r="P38" s="277">
        <v>0</v>
      </c>
      <c r="Q38" s="279">
        <v>0</v>
      </c>
      <c r="R38" s="280">
        <v>2</v>
      </c>
      <c r="S38" s="280">
        <v>0</v>
      </c>
      <c r="T38" s="280">
        <v>0</v>
      </c>
      <c r="U38" s="280">
        <v>0</v>
      </c>
      <c r="V38" s="280">
        <v>0</v>
      </c>
      <c r="W38" s="277">
        <v>2</v>
      </c>
      <c r="X38" s="282">
        <v>2</v>
      </c>
      <c r="Y38" s="276">
        <v>0</v>
      </c>
      <c r="Z38" s="280">
        <v>10</v>
      </c>
      <c r="AA38" s="277">
        <v>10</v>
      </c>
      <c r="AB38" s="279">
        <v>0</v>
      </c>
      <c r="AC38" s="280">
        <v>21</v>
      </c>
      <c r="AD38" s="280">
        <v>11</v>
      </c>
      <c r="AE38" s="280">
        <v>18</v>
      </c>
      <c r="AF38" s="280">
        <v>5</v>
      </c>
      <c r="AG38" s="280">
        <v>0</v>
      </c>
      <c r="AH38" s="277">
        <v>55</v>
      </c>
      <c r="AI38" s="282">
        <v>65</v>
      </c>
      <c r="AJ38" s="276">
        <v>0</v>
      </c>
      <c r="AK38" s="280">
        <v>0</v>
      </c>
      <c r="AL38" s="277">
        <v>0</v>
      </c>
      <c r="AM38" s="279">
        <v>0</v>
      </c>
      <c r="AN38" s="280">
        <v>16</v>
      </c>
      <c r="AO38" s="280">
        <v>0</v>
      </c>
      <c r="AP38" s="280">
        <v>0</v>
      </c>
      <c r="AQ38" s="280">
        <v>0</v>
      </c>
      <c r="AR38" s="280">
        <v>0</v>
      </c>
      <c r="AS38" s="277">
        <v>16</v>
      </c>
      <c r="AT38" s="282">
        <v>16</v>
      </c>
      <c r="AU38" s="276">
        <v>0</v>
      </c>
      <c r="AV38" s="280">
        <v>0</v>
      </c>
      <c r="AW38" s="277">
        <v>0</v>
      </c>
      <c r="AX38" s="279">
        <v>0</v>
      </c>
      <c r="AY38" s="280">
        <v>18</v>
      </c>
      <c r="AZ38" s="280">
        <v>4</v>
      </c>
      <c r="BA38" s="280">
        <v>18</v>
      </c>
      <c r="BB38" s="280">
        <v>17</v>
      </c>
      <c r="BC38" s="280">
        <v>6</v>
      </c>
      <c r="BD38" s="281">
        <v>63</v>
      </c>
      <c r="BE38" s="282">
        <v>63</v>
      </c>
      <c r="BF38" s="276">
        <v>0</v>
      </c>
      <c r="BG38" s="280">
        <v>0</v>
      </c>
      <c r="BH38" s="277">
        <v>0</v>
      </c>
      <c r="BI38" s="279">
        <v>0</v>
      </c>
      <c r="BJ38" s="280">
        <v>3</v>
      </c>
      <c r="BK38" s="280">
        <v>0</v>
      </c>
      <c r="BL38" s="280">
        <v>0</v>
      </c>
      <c r="BM38" s="280">
        <v>0</v>
      </c>
      <c r="BN38" s="280">
        <v>0</v>
      </c>
      <c r="BO38" s="277">
        <v>3</v>
      </c>
      <c r="BP38" s="282">
        <v>3</v>
      </c>
      <c r="BQ38" s="276">
        <v>0</v>
      </c>
      <c r="BR38" s="280">
        <v>0</v>
      </c>
      <c r="BS38" s="277">
        <v>0</v>
      </c>
      <c r="BT38" s="279">
        <v>0</v>
      </c>
      <c r="BU38" s="280">
        <v>0</v>
      </c>
      <c r="BV38" s="280">
        <v>16</v>
      </c>
      <c r="BW38" s="280">
        <v>9</v>
      </c>
      <c r="BX38" s="280">
        <v>0</v>
      </c>
      <c r="BY38" s="280">
        <v>0</v>
      </c>
      <c r="BZ38" s="277">
        <v>25</v>
      </c>
      <c r="CA38" s="282">
        <v>25</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5</v>
      </c>
      <c r="L39" s="288">
        <v>25</v>
      </c>
      <c r="M39" s="289">
        <v>25</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3</v>
      </c>
      <c r="AH39" s="284">
        <v>3</v>
      </c>
      <c r="AI39" s="289">
        <v>3</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2</v>
      </c>
      <c r="CK39" s="284">
        <v>2</v>
      </c>
      <c r="CL39" s="289">
        <v>2</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26">
        <f>第１表!F2</f>
        <v>5</v>
      </c>
      <c r="I1" s="526"/>
      <c r="J1" s="248">
        <f>第１表!G2</f>
        <v>3</v>
      </c>
      <c r="K1" s="556">
        <f>IF(J1&lt;3,J1-2+12,J1-2)</f>
        <v>1</v>
      </c>
      <c r="L1" s="556"/>
    </row>
    <row r="2" spans="2:35" ht="24" customHeight="1" thickBot="1" x14ac:dyDescent="0.25">
      <c r="J2" s="5"/>
      <c r="K2" s="5"/>
      <c r="L2" s="5"/>
      <c r="M2" s="5"/>
      <c r="N2" s="5"/>
      <c r="O2" s="5"/>
      <c r="P2" s="30"/>
      <c r="Q2" s="30"/>
      <c r="R2" s="30"/>
    </row>
    <row r="3" spans="2:35" ht="21" customHeight="1" thickBot="1" x14ac:dyDescent="0.25">
      <c r="B3" s="26"/>
      <c r="C3" s="557" t="s">
        <v>53</v>
      </c>
      <c r="D3" s="558"/>
      <c r="E3" s="558"/>
      <c r="F3" s="558"/>
      <c r="G3" s="558"/>
      <c r="H3" s="558"/>
      <c r="I3" s="558"/>
      <c r="J3" s="558"/>
      <c r="K3" s="558"/>
      <c r="L3" s="558"/>
      <c r="M3" s="559"/>
      <c r="N3" s="557" t="s">
        <v>54</v>
      </c>
      <c r="O3" s="558"/>
      <c r="P3" s="558"/>
      <c r="Q3" s="558"/>
      <c r="R3" s="558"/>
      <c r="S3" s="558"/>
      <c r="T3" s="558"/>
      <c r="U3" s="558"/>
      <c r="V3" s="558"/>
      <c r="W3" s="558"/>
      <c r="X3" s="559"/>
      <c r="Y3" s="557" t="s">
        <v>55</v>
      </c>
      <c r="Z3" s="558"/>
      <c r="AA3" s="558"/>
      <c r="AB3" s="558"/>
      <c r="AC3" s="558"/>
      <c r="AD3" s="558"/>
      <c r="AE3" s="558"/>
      <c r="AF3" s="558"/>
      <c r="AG3" s="558"/>
      <c r="AH3" s="558"/>
      <c r="AI3" s="559"/>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82</v>
      </c>
      <c r="D5" s="92">
        <v>315</v>
      </c>
      <c r="E5" s="93">
        <v>497</v>
      </c>
      <c r="F5" s="94">
        <v>0</v>
      </c>
      <c r="G5" s="92">
        <v>18249</v>
      </c>
      <c r="H5" s="92">
        <v>18287</v>
      </c>
      <c r="I5" s="92">
        <v>12593</v>
      </c>
      <c r="J5" s="92">
        <v>8041</v>
      </c>
      <c r="K5" s="92">
        <v>5035</v>
      </c>
      <c r="L5" s="93">
        <v>62205</v>
      </c>
      <c r="M5" s="95">
        <v>62702</v>
      </c>
      <c r="N5" s="96">
        <v>1</v>
      </c>
      <c r="O5" s="92">
        <v>2</v>
      </c>
      <c r="P5" s="93">
        <v>3</v>
      </c>
      <c r="Q5" s="94">
        <v>0</v>
      </c>
      <c r="R5" s="92">
        <v>209</v>
      </c>
      <c r="S5" s="92">
        <v>342</v>
      </c>
      <c r="T5" s="92">
        <v>237</v>
      </c>
      <c r="U5" s="92">
        <v>179</v>
      </c>
      <c r="V5" s="92">
        <v>172</v>
      </c>
      <c r="W5" s="93">
        <v>1139</v>
      </c>
      <c r="X5" s="95">
        <v>1142</v>
      </c>
      <c r="Y5" s="96">
        <v>183</v>
      </c>
      <c r="Z5" s="92">
        <v>317</v>
      </c>
      <c r="AA5" s="93">
        <v>500</v>
      </c>
      <c r="AB5" s="94">
        <v>0</v>
      </c>
      <c r="AC5" s="92">
        <v>18458</v>
      </c>
      <c r="AD5" s="92">
        <v>18629</v>
      </c>
      <c r="AE5" s="92">
        <v>12830</v>
      </c>
      <c r="AF5" s="92">
        <v>8220</v>
      </c>
      <c r="AG5" s="92">
        <v>5207</v>
      </c>
      <c r="AH5" s="93">
        <v>63344</v>
      </c>
      <c r="AI5" s="95">
        <v>63844</v>
      </c>
    </row>
    <row r="6" spans="2:35" ht="21" customHeight="1" x14ac:dyDescent="0.2">
      <c r="B6" s="18" t="s">
        <v>5</v>
      </c>
      <c r="C6" s="97">
        <v>73</v>
      </c>
      <c r="D6" s="98">
        <v>122</v>
      </c>
      <c r="E6" s="99">
        <v>195</v>
      </c>
      <c r="F6" s="100">
        <v>0</v>
      </c>
      <c r="G6" s="98">
        <v>6762</v>
      </c>
      <c r="H6" s="98">
        <v>8627</v>
      </c>
      <c r="I6" s="98">
        <v>5558</v>
      </c>
      <c r="J6" s="98">
        <v>3561</v>
      </c>
      <c r="K6" s="98">
        <v>2346</v>
      </c>
      <c r="L6" s="99">
        <v>26854</v>
      </c>
      <c r="M6" s="101">
        <v>27049</v>
      </c>
      <c r="N6" s="102">
        <v>0</v>
      </c>
      <c r="O6" s="98">
        <v>0</v>
      </c>
      <c r="P6" s="99">
        <v>0</v>
      </c>
      <c r="Q6" s="100">
        <v>0</v>
      </c>
      <c r="R6" s="98">
        <v>65</v>
      </c>
      <c r="S6" s="98">
        <v>156</v>
      </c>
      <c r="T6" s="98">
        <v>140</v>
      </c>
      <c r="U6" s="98">
        <v>78</v>
      </c>
      <c r="V6" s="98">
        <v>84</v>
      </c>
      <c r="W6" s="99">
        <v>523</v>
      </c>
      <c r="X6" s="101">
        <v>523</v>
      </c>
      <c r="Y6" s="102">
        <v>73</v>
      </c>
      <c r="Z6" s="98">
        <v>122</v>
      </c>
      <c r="AA6" s="99">
        <v>195</v>
      </c>
      <c r="AB6" s="100">
        <v>0</v>
      </c>
      <c r="AC6" s="98">
        <v>6827</v>
      </c>
      <c r="AD6" s="98">
        <v>8783</v>
      </c>
      <c r="AE6" s="98">
        <v>5698</v>
      </c>
      <c r="AF6" s="98">
        <v>3639</v>
      </c>
      <c r="AG6" s="98">
        <v>2430</v>
      </c>
      <c r="AH6" s="99">
        <v>27377</v>
      </c>
      <c r="AI6" s="101">
        <v>27572</v>
      </c>
    </row>
    <row r="7" spans="2:35" ht="21" customHeight="1" x14ac:dyDescent="0.2">
      <c r="B7" s="18" t="s">
        <v>6</v>
      </c>
      <c r="C7" s="97">
        <v>23</v>
      </c>
      <c r="D7" s="98">
        <v>34</v>
      </c>
      <c r="E7" s="99">
        <v>57</v>
      </c>
      <c r="F7" s="100">
        <v>0</v>
      </c>
      <c r="G7" s="98">
        <v>2854</v>
      </c>
      <c r="H7" s="98">
        <v>2382</v>
      </c>
      <c r="I7" s="98">
        <v>1892</v>
      </c>
      <c r="J7" s="98">
        <v>1372</v>
      </c>
      <c r="K7" s="98">
        <v>888</v>
      </c>
      <c r="L7" s="99">
        <v>9388</v>
      </c>
      <c r="M7" s="101">
        <v>9445</v>
      </c>
      <c r="N7" s="102">
        <v>0</v>
      </c>
      <c r="O7" s="98">
        <v>0</v>
      </c>
      <c r="P7" s="99">
        <v>0</v>
      </c>
      <c r="Q7" s="100">
        <v>0</v>
      </c>
      <c r="R7" s="98">
        <v>37</v>
      </c>
      <c r="S7" s="98">
        <v>32</v>
      </c>
      <c r="T7" s="98">
        <v>26</v>
      </c>
      <c r="U7" s="98">
        <v>28</v>
      </c>
      <c r="V7" s="98">
        <v>36</v>
      </c>
      <c r="W7" s="99">
        <v>159</v>
      </c>
      <c r="X7" s="101">
        <v>159</v>
      </c>
      <c r="Y7" s="102">
        <v>23</v>
      </c>
      <c r="Z7" s="98">
        <v>34</v>
      </c>
      <c r="AA7" s="99">
        <v>57</v>
      </c>
      <c r="AB7" s="100">
        <v>0</v>
      </c>
      <c r="AC7" s="98">
        <v>2891</v>
      </c>
      <c r="AD7" s="98">
        <v>2414</v>
      </c>
      <c r="AE7" s="98">
        <v>1918</v>
      </c>
      <c r="AF7" s="98">
        <v>1400</v>
      </c>
      <c r="AG7" s="98">
        <v>924</v>
      </c>
      <c r="AH7" s="99">
        <v>9547</v>
      </c>
      <c r="AI7" s="101">
        <v>9604</v>
      </c>
    </row>
    <row r="8" spans="2:35" ht="21" customHeight="1" x14ac:dyDescent="0.2">
      <c r="B8" s="18" t="s">
        <v>14</v>
      </c>
      <c r="C8" s="97">
        <v>20</v>
      </c>
      <c r="D8" s="98">
        <v>34</v>
      </c>
      <c r="E8" s="99">
        <v>54</v>
      </c>
      <c r="F8" s="100">
        <v>0</v>
      </c>
      <c r="G8" s="98">
        <v>1377</v>
      </c>
      <c r="H8" s="98">
        <v>1557</v>
      </c>
      <c r="I8" s="98">
        <v>1094</v>
      </c>
      <c r="J8" s="98">
        <v>611</v>
      </c>
      <c r="K8" s="98">
        <v>345</v>
      </c>
      <c r="L8" s="99">
        <v>4984</v>
      </c>
      <c r="M8" s="101">
        <v>5038</v>
      </c>
      <c r="N8" s="102">
        <v>0</v>
      </c>
      <c r="O8" s="98">
        <v>0</v>
      </c>
      <c r="P8" s="99">
        <v>0</v>
      </c>
      <c r="Q8" s="100">
        <v>0</v>
      </c>
      <c r="R8" s="98">
        <v>12</v>
      </c>
      <c r="S8" s="98">
        <v>39</v>
      </c>
      <c r="T8" s="98">
        <v>10</v>
      </c>
      <c r="U8" s="98">
        <v>14</v>
      </c>
      <c r="V8" s="98">
        <v>8</v>
      </c>
      <c r="W8" s="99">
        <v>83</v>
      </c>
      <c r="X8" s="101">
        <v>83</v>
      </c>
      <c r="Y8" s="102">
        <v>20</v>
      </c>
      <c r="Z8" s="98">
        <v>34</v>
      </c>
      <c r="AA8" s="99">
        <v>54</v>
      </c>
      <c r="AB8" s="100">
        <v>0</v>
      </c>
      <c r="AC8" s="98">
        <v>1389</v>
      </c>
      <c r="AD8" s="98">
        <v>1596</v>
      </c>
      <c r="AE8" s="98">
        <v>1104</v>
      </c>
      <c r="AF8" s="98">
        <v>625</v>
      </c>
      <c r="AG8" s="98">
        <v>353</v>
      </c>
      <c r="AH8" s="99">
        <v>5067</v>
      </c>
      <c r="AI8" s="101">
        <v>5121</v>
      </c>
    </row>
    <row r="9" spans="2:35" ht="21" customHeight="1" x14ac:dyDescent="0.2">
      <c r="B9" s="18" t="s">
        <v>7</v>
      </c>
      <c r="C9" s="97">
        <v>4</v>
      </c>
      <c r="D9" s="98">
        <v>10</v>
      </c>
      <c r="E9" s="99">
        <v>14</v>
      </c>
      <c r="F9" s="100">
        <v>0</v>
      </c>
      <c r="G9" s="98">
        <v>1351</v>
      </c>
      <c r="H9" s="98">
        <v>899</v>
      </c>
      <c r="I9" s="98">
        <v>612</v>
      </c>
      <c r="J9" s="98">
        <v>328</v>
      </c>
      <c r="K9" s="98">
        <v>165</v>
      </c>
      <c r="L9" s="99">
        <v>3355</v>
      </c>
      <c r="M9" s="101">
        <v>3369</v>
      </c>
      <c r="N9" s="102">
        <v>1</v>
      </c>
      <c r="O9" s="98">
        <v>0</v>
      </c>
      <c r="P9" s="99">
        <v>1</v>
      </c>
      <c r="Q9" s="100">
        <v>0</v>
      </c>
      <c r="R9" s="98">
        <v>14</v>
      </c>
      <c r="S9" s="98">
        <v>16</v>
      </c>
      <c r="T9" s="98">
        <v>7</v>
      </c>
      <c r="U9" s="98">
        <v>7</v>
      </c>
      <c r="V9" s="98">
        <v>10</v>
      </c>
      <c r="W9" s="99">
        <v>54</v>
      </c>
      <c r="X9" s="101">
        <v>55</v>
      </c>
      <c r="Y9" s="102">
        <v>5</v>
      </c>
      <c r="Z9" s="98">
        <v>10</v>
      </c>
      <c r="AA9" s="99">
        <v>15</v>
      </c>
      <c r="AB9" s="100">
        <v>0</v>
      </c>
      <c r="AC9" s="98">
        <v>1365</v>
      </c>
      <c r="AD9" s="98">
        <v>915</v>
      </c>
      <c r="AE9" s="98">
        <v>619</v>
      </c>
      <c r="AF9" s="98">
        <v>335</v>
      </c>
      <c r="AG9" s="98">
        <v>175</v>
      </c>
      <c r="AH9" s="99">
        <v>3409</v>
      </c>
      <c r="AI9" s="101">
        <v>3424</v>
      </c>
    </row>
    <row r="10" spans="2:35" ht="21" customHeight="1" x14ac:dyDescent="0.2">
      <c r="B10" s="18" t="s">
        <v>8</v>
      </c>
      <c r="C10" s="97">
        <v>7</v>
      </c>
      <c r="D10" s="98">
        <v>10</v>
      </c>
      <c r="E10" s="99">
        <v>17</v>
      </c>
      <c r="F10" s="100">
        <v>0</v>
      </c>
      <c r="G10" s="98">
        <v>754</v>
      </c>
      <c r="H10" s="98">
        <v>650</v>
      </c>
      <c r="I10" s="98">
        <v>407</v>
      </c>
      <c r="J10" s="98">
        <v>229</v>
      </c>
      <c r="K10" s="98">
        <v>124</v>
      </c>
      <c r="L10" s="99">
        <v>2164</v>
      </c>
      <c r="M10" s="101">
        <v>2181</v>
      </c>
      <c r="N10" s="102">
        <v>0</v>
      </c>
      <c r="O10" s="98">
        <v>0</v>
      </c>
      <c r="P10" s="99">
        <v>0</v>
      </c>
      <c r="Q10" s="100">
        <v>0</v>
      </c>
      <c r="R10" s="98">
        <v>15</v>
      </c>
      <c r="S10" s="98">
        <v>25</v>
      </c>
      <c r="T10" s="98">
        <v>4</v>
      </c>
      <c r="U10" s="98">
        <v>5</v>
      </c>
      <c r="V10" s="98">
        <v>2</v>
      </c>
      <c r="W10" s="99">
        <v>51</v>
      </c>
      <c r="X10" s="101">
        <v>51</v>
      </c>
      <c r="Y10" s="102">
        <v>7</v>
      </c>
      <c r="Z10" s="98">
        <v>10</v>
      </c>
      <c r="AA10" s="99">
        <v>17</v>
      </c>
      <c r="AB10" s="100">
        <v>0</v>
      </c>
      <c r="AC10" s="98">
        <v>769</v>
      </c>
      <c r="AD10" s="98">
        <v>675</v>
      </c>
      <c r="AE10" s="98">
        <v>411</v>
      </c>
      <c r="AF10" s="98">
        <v>234</v>
      </c>
      <c r="AG10" s="98">
        <v>126</v>
      </c>
      <c r="AH10" s="99">
        <v>2215</v>
      </c>
      <c r="AI10" s="101">
        <v>2232</v>
      </c>
    </row>
    <row r="11" spans="2:35" ht="21" customHeight="1" x14ac:dyDescent="0.2">
      <c r="B11" s="18" t="s">
        <v>9</v>
      </c>
      <c r="C11" s="97">
        <v>5</v>
      </c>
      <c r="D11" s="98">
        <v>4</v>
      </c>
      <c r="E11" s="99">
        <v>9</v>
      </c>
      <c r="F11" s="100">
        <v>0</v>
      </c>
      <c r="G11" s="98">
        <v>516</v>
      </c>
      <c r="H11" s="98">
        <v>367</v>
      </c>
      <c r="I11" s="98">
        <v>285</v>
      </c>
      <c r="J11" s="98">
        <v>173</v>
      </c>
      <c r="K11" s="98">
        <v>89</v>
      </c>
      <c r="L11" s="99">
        <v>1430</v>
      </c>
      <c r="M11" s="101">
        <v>1439</v>
      </c>
      <c r="N11" s="102">
        <v>0</v>
      </c>
      <c r="O11" s="98">
        <v>0</v>
      </c>
      <c r="P11" s="99">
        <v>0</v>
      </c>
      <c r="Q11" s="100">
        <v>0</v>
      </c>
      <c r="R11" s="98">
        <v>15</v>
      </c>
      <c r="S11" s="98">
        <v>10</v>
      </c>
      <c r="T11" s="98">
        <v>7</v>
      </c>
      <c r="U11" s="98">
        <v>5</v>
      </c>
      <c r="V11" s="98">
        <v>3</v>
      </c>
      <c r="W11" s="99">
        <v>40</v>
      </c>
      <c r="X11" s="101">
        <v>40</v>
      </c>
      <c r="Y11" s="102">
        <v>5</v>
      </c>
      <c r="Z11" s="98">
        <v>4</v>
      </c>
      <c r="AA11" s="99">
        <v>9</v>
      </c>
      <c r="AB11" s="100">
        <v>0</v>
      </c>
      <c r="AC11" s="98">
        <v>531</v>
      </c>
      <c r="AD11" s="98">
        <v>377</v>
      </c>
      <c r="AE11" s="98">
        <v>292</v>
      </c>
      <c r="AF11" s="98">
        <v>178</v>
      </c>
      <c r="AG11" s="98">
        <v>92</v>
      </c>
      <c r="AH11" s="99">
        <v>1470</v>
      </c>
      <c r="AI11" s="101">
        <v>1479</v>
      </c>
    </row>
    <row r="12" spans="2:35" ht="21" customHeight="1" x14ac:dyDescent="0.2">
      <c r="B12" s="18" t="s">
        <v>10</v>
      </c>
      <c r="C12" s="97">
        <v>10</v>
      </c>
      <c r="D12" s="98">
        <v>19</v>
      </c>
      <c r="E12" s="99">
        <v>29</v>
      </c>
      <c r="F12" s="100">
        <v>0</v>
      </c>
      <c r="G12" s="98">
        <v>828</v>
      </c>
      <c r="H12" s="98">
        <v>534</v>
      </c>
      <c r="I12" s="98">
        <v>417</v>
      </c>
      <c r="J12" s="98">
        <v>334</v>
      </c>
      <c r="K12" s="98">
        <v>256</v>
      </c>
      <c r="L12" s="99">
        <v>2369</v>
      </c>
      <c r="M12" s="101">
        <v>2398</v>
      </c>
      <c r="N12" s="102">
        <v>0</v>
      </c>
      <c r="O12" s="98">
        <v>1</v>
      </c>
      <c r="P12" s="99">
        <v>1</v>
      </c>
      <c r="Q12" s="100">
        <v>0</v>
      </c>
      <c r="R12" s="98">
        <v>12</v>
      </c>
      <c r="S12" s="98">
        <v>9</v>
      </c>
      <c r="T12" s="98">
        <v>6</v>
      </c>
      <c r="U12" s="98">
        <v>9</v>
      </c>
      <c r="V12" s="98">
        <v>6</v>
      </c>
      <c r="W12" s="99">
        <v>42</v>
      </c>
      <c r="X12" s="101">
        <v>43</v>
      </c>
      <c r="Y12" s="102">
        <v>10</v>
      </c>
      <c r="Z12" s="98">
        <v>20</v>
      </c>
      <c r="AA12" s="99">
        <v>30</v>
      </c>
      <c r="AB12" s="100">
        <v>0</v>
      </c>
      <c r="AC12" s="98">
        <v>840</v>
      </c>
      <c r="AD12" s="98">
        <v>543</v>
      </c>
      <c r="AE12" s="98">
        <v>423</v>
      </c>
      <c r="AF12" s="98">
        <v>343</v>
      </c>
      <c r="AG12" s="98">
        <v>262</v>
      </c>
      <c r="AH12" s="99">
        <v>2411</v>
      </c>
      <c r="AI12" s="101">
        <v>2441</v>
      </c>
    </row>
    <row r="13" spans="2:35" ht="21" customHeight="1" x14ac:dyDescent="0.2">
      <c r="B13" s="18" t="s">
        <v>11</v>
      </c>
      <c r="C13" s="97">
        <v>0</v>
      </c>
      <c r="D13" s="98">
        <v>12</v>
      </c>
      <c r="E13" s="99">
        <v>12</v>
      </c>
      <c r="F13" s="100">
        <v>0</v>
      </c>
      <c r="G13" s="98">
        <v>632</v>
      </c>
      <c r="H13" s="98">
        <v>390</v>
      </c>
      <c r="I13" s="98">
        <v>266</v>
      </c>
      <c r="J13" s="98">
        <v>164</v>
      </c>
      <c r="K13" s="98">
        <v>68</v>
      </c>
      <c r="L13" s="99">
        <v>1520</v>
      </c>
      <c r="M13" s="101">
        <v>1532</v>
      </c>
      <c r="N13" s="102">
        <v>0</v>
      </c>
      <c r="O13" s="98">
        <v>0</v>
      </c>
      <c r="P13" s="99">
        <v>0</v>
      </c>
      <c r="Q13" s="100">
        <v>0</v>
      </c>
      <c r="R13" s="98">
        <v>8</v>
      </c>
      <c r="S13" s="98">
        <v>6</v>
      </c>
      <c r="T13" s="98">
        <v>2</v>
      </c>
      <c r="U13" s="98">
        <v>4</v>
      </c>
      <c r="V13" s="98">
        <v>3</v>
      </c>
      <c r="W13" s="99">
        <v>23</v>
      </c>
      <c r="X13" s="101">
        <v>23</v>
      </c>
      <c r="Y13" s="102">
        <v>0</v>
      </c>
      <c r="Z13" s="98">
        <v>12</v>
      </c>
      <c r="AA13" s="99">
        <v>12</v>
      </c>
      <c r="AB13" s="100">
        <v>0</v>
      </c>
      <c r="AC13" s="98">
        <v>640</v>
      </c>
      <c r="AD13" s="98">
        <v>396</v>
      </c>
      <c r="AE13" s="98">
        <v>268</v>
      </c>
      <c r="AF13" s="98">
        <v>168</v>
      </c>
      <c r="AG13" s="98">
        <v>71</v>
      </c>
      <c r="AH13" s="99">
        <v>1543</v>
      </c>
      <c r="AI13" s="101">
        <v>1555</v>
      </c>
    </row>
    <row r="14" spans="2:35" ht="21" customHeight="1" x14ac:dyDescent="0.2">
      <c r="B14" s="18" t="s">
        <v>12</v>
      </c>
      <c r="C14" s="97">
        <v>0</v>
      </c>
      <c r="D14" s="98">
        <v>0</v>
      </c>
      <c r="E14" s="99">
        <v>0</v>
      </c>
      <c r="F14" s="100">
        <v>0</v>
      </c>
      <c r="G14" s="98">
        <v>407</v>
      </c>
      <c r="H14" s="98">
        <v>315</v>
      </c>
      <c r="I14" s="98">
        <v>261</v>
      </c>
      <c r="J14" s="98">
        <v>188</v>
      </c>
      <c r="K14" s="98">
        <v>123</v>
      </c>
      <c r="L14" s="99">
        <v>1294</v>
      </c>
      <c r="M14" s="101">
        <v>1294</v>
      </c>
      <c r="N14" s="102">
        <v>0</v>
      </c>
      <c r="O14" s="98">
        <v>0</v>
      </c>
      <c r="P14" s="99">
        <v>0</v>
      </c>
      <c r="Q14" s="100">
        <v>0</v>
      </c>
      <c r="R14" s="98">
        <v>3</v>
      </c>
      <c r="S14" s="98">
        <v>3</v>
      </c>
      <c r="T14" s="98">
        <v>2</v>
      </c>
      <c r="U14" s="98">
        <v>1</v>
      </c>
      <c r="V14" s="98">
        <v>3</v>
      </c>
      <c r="W14" s="99">
        <v>12</v>
      </c>
      <c r="X14" s="101">
        <v>12</v>
      </c>
      <c r="Y14" s="102">
        <v>0</v>
      </c>
      <c r="Z14" s="98">
        <v>0</v>
      </c>
      <c r="AA14" s="99">
        <v>0</v>
      </c>
      <c r="AB14" s="100">
        <v>0</v>
      </c>
      <c r="AC14" s="98">
        <v>410</v>
      </c>
      <c r="AD14" s="98">
        <v>318</v>
      </c>
      <c r="AE14" s="98">
        <v>263</v>
      </c>
      <c r="AF14" s="98">
        <v>189</v>
      </c>
      <c r="AG14" s="98">
        <v>126</v>
      </c>
      <c r="AH14" s="99">
        <v>1306</v>
      </c>
      <c r="AI14" s="101">
        <v>1306</v>
      </c>
    </row>
    <row r="15" spans="2:35" ht="21" customHeight="1" x14ac:dyDescent="0.2">
      <c r="B15" s="18" t="s">
        <v>13</v>
      </c>
      <c r="C15" s="97">
        <v>1</v>
      </c>
      <c r="D15" s="98">
        <v>3</v>
      </c>
      <c r="E15" s="99">
        <v>4</v>
      </c>
      <c r="F15" s="100">
        <v>0</v>
      </c>
      <c r="G15" s="98">
        <v>158</v>
      </c>
      <c r="H15" s="98">
        <v>146</v>
      </c>
      <c r="I15" s="98">
        <v>109</v>
      </c>
      <c r="J15" s="98">
        <v>57</v>
      </c>
      <c r="K15" s="98">
        <v>28</v>
      </c>
      <c r="L15" s="99">
        <v>498</v>
      </c>
      <c r="M15" s="101">
        <v>502</v>
      </c>
      <c r="N15" s="102">
        <v>0</v>
      </c>
      <c r="O15" s="98">
        <v>0</v>
      </c>
      <c r="P15" s="99">
        <v>0</v>
      </c>
      <c r="Q15" s="100">
        <v>0</v>
      </c>
      <c r="R15" s="98">
        <v>1</v>
      </c>
      <c r="S15" s="98">
        <v>2</v>
      </c>
      <c r="T15" s="98">
        <v>3</v>
      </c>
      <c r="U15" s="98">
        <v>0</v>
      </c>
      <c r="V15" s="98">
        <v>0</v>
      </c>
      <c r="W15" s="99">
        <v>6</v>
      </c>
      <c r="X15" s="101">
        <v>6</v>
      </c>
      <c r="Y15" s="102">
        <v>1</v>
      </c>
      <c r="Z15" s="98">
        <v>3</v>
      </c>
      <c r="AA15" s="99">
        <v>4</v>
      </c>
      <c r="AB15" s="100">
        <v>0</v>
      </c>
      <c r="AC15" s="98">
        <v>159</v>
      </c>
      <c r="AD15" s="98">
        <v>148</v>
      </c>
      <c r="AE15" s="98">
        <v>112</v>
      </c>
      <c r="AF15" s="98">
        <v>57</v>
      </c>
      <c r="AG15" s="98">
        <v>28</v>
      </c>
      <c r="AH15" s="99">
        <v>504</v>
      </c>
      <c r="AI15" s="101">
        <v>508</v>
      </c>
    </row>
    <row r="16" spans="2:35" ht="21" customHeight="1" x14ac:dyDescent="0.2">
      <c r="B16" s="18" t="s">
        <v>15</v>
      </c>
      <c r="C16" s="97">
        <v>4</v>
      </c>
      <c r="D16" s="98">
        <v>15</v>
      </c>
      <c r="E16" s="99">
        <v>19</v>
      </c>
      <c r="F16" s="100">
        <v>0</v>
      </c>
      <c r="G16" s="98">
        <v>204</v>
      </c>
      <c r="H16" s="98">
        <v>224</v>
      </c>
      <c r="I16" s="98">
        <v>135</v>
      </c>
      <c r="J16" s="98">
        <v>94</v>
      </c>
      <c r="K16" s="98">
        <v>46</v>
      </c>
      <c r="L16" s="99">
        <v>703</v>
      </c>
      <c r="M16" s="101">
        <v>722</v>
      </c>
      <c r="N16" s="102">
        <v>0</v>
      </c>
      <c r="O16" s="98">
        <v>1</v>
      </c>
      <c r="P16" s="99">
        <v>1</v>
      </c>
      <c r="Q16" s="100">
        <v>0</v>
      </c>
      <c r="R16" s="98">
        <v>3</v>
      </c>
      <c r="S16" s="98">
        <v>5</v>
      </c>
      <c r="T16" s="98">
        <v>0</v>
      </c>
      <c r="U16" s="98">
        <v>1</v>
      </c>
      <c r="V16" s="98">
        <v>2</v>
      </c>
      <c r="W16" s="99">
        <v>11</v>
      </c>
      <c r="X16" s="101">
        <v>12</v>
      </c>
      <c r="Y16" s="102">
        <v>4</v>
      </c>
      <c r="Z16" s="98">
        <v>16</v>
      </c>
      <c r="AA16" s="99">
        <v>20</v>
      </c>
      <c r="AB16" s="100">
        <v>0</v>
      </c>
      <c r="AC16" s="98">
        <v>207</v>
      </c>
      <c r="AD16" s="98">
        <v>229</v>
      </c>
      <c r="AE16" s="98">
        <v>135</v>
      </c>
      <c r="AF16" s="98">
        <v>95</v>
      </c>
      <c r="AG16" s="98">
        <v>48</v>
      </c>
      <c r="AH16" s="99">
        <v>714</v>
      </c>
      <c r="AI16" s="101">
        <v>734</v>
      </c>
    </row>
    <row r="17" spans="2:35" ht="21" customHeight="1" x14ac:dyDescent="0.2">
      <c r="B17" s="18" t="s">
        <v>16</v>
      </c>
      <c r="C17" s="97">
        <v>1</v>
      </c>
      <c r="D17" s="98">
        <v>2</v>
      </c>
      <c r="E17" s="99">
        <v>3</v>
      </c>
      <c r="F17" s="100">
        <v>0</v>
      </c>
      <c r="G17" s="98">
        <v>209</v>
      </c>
      <c r="H17" s="98">
        <v>268</v>
      </c>
      <c r="I17" s="98">
        <v>193</v>
      </c>
      <c r="J17" s="98">
        <v>118</v>
      </c>
      <c r="K17" s="98">
        <v>77</v>
      </c>
      <c r="L17" s="99">
        <v>865</v>
      </c>
      <c r="M17" s="101">
        <v>868</v>
      </c>
      <c r="N17" s="102">
        <v>0</v>
      </c>
      <c r="O17" s="98">
        <v>0</v>
      </c>
      <c r="P17" s="99">
        <v>0</v>
      </c>
      <c r="Q17" s="100">
        <v>0</v>
      </c>
      <c r="R17" s="98">
        <v>1</v>
      </c>
      <c r="S17" s="98">
        <v>3</v>
      </c>
      <c r="T17" s="98">
        <v>4</v>
      </c>
      <c r="U17" s="98">
        <v>1</v>
      </c>
      <c r="V17" s="98">
        <v>3</v>
      </c>
      <c r="W17" s="99">
        <v>12</v>
      </c>
      <c r="X17" s="101">
        <v>12</v>
      </c>
      <c r="Y17" s="102">
        <v>1</v>
      </c>
      <c r="Z17" s="98">
        <v>2</v>
      </c>
      <c r="AA17" s="99">
        <v>3</v>
      </c>
      <c r="AB17" s="100">
        <v>0</v>
      </c>
      <c r="AC17" s="98">
        <v>210</v>
      </c>
      <c r="AD17" s="98">
        <v>271</v>
      </c>
      <c r="AE17" s="98">
        <v>197</v>
      </c>
      <c r="AF17" s="98">
        <v>119</v>
      </c>
      <c r="AG17" s="98">
        <v>80</v>
      </c>
      <c r="AH17" s="99">
        <v>877</v>
      </c>
      <c r="AI17" s="101">
        <v>880</v>
      </c>
    </row>
    <row r="18" spans="2:35" ht="21" customHeight="1" x14ac:dyDescent="0.2">
      <c r="B18" s="18" t="s">
        <v>17</v>
      </c>
      <c r="C18" s="97">
        <v>1</v>
      </c>
      <c r="D18" s="98">
        <v>4</v>
      </c>
      <c r="E18" s="99">
        <v>5</v>
      </c>
      <c r="F18" s="100">
        <v>0</v>
      </c>
      <c r="G18" s="98">
        <v>309</v>
      </c>
      <c r="H18" s="98">
        <v>407</v>
      </c>
      <c r="I18" s="98">
        <v>264</v>
      </c>
      <c r="J18" s="98">
        <v>209</v>
      </c>
      <c r="K18" s="98">
        <v>130</v>
      </c>
      <c r="L18" s="99">
        <v>1319</v>
      </c>
      <c r="M18" s="101">
        <v>1324</v>
      </c>
      <c r="N18" s="102">
        <v>0</v>
      </c>
      <c r="O18" s="98">
        <v>0</v>
      </c>
      <c r="P18" s="99">
        <v>0</v>
      </c>
      <c r="Q18" s="100">
        <v>0</v>
      </c>
      <c r="R18" s="98">
        <v>2</v>
      </c>
      <c r="S18" s="98">
        <v>15</v>
      </c>
      <c r="T18" s="98">
        <v>9</v>
      </c>
      <c r="U18" s="98">
        <v>12</v>
      </c>
      <c r="V18" s="98">
        <v>4</v>
      </c>
      <c r="W18" s="99">
        <v>42</v>
      </c>
      <c r="X18" s="101">
        <v>42</v>
      </c>
      <c r="Y18" s="102">
        <v>1</v>
      </c>
      <c r="Z18" s="98">
        <v>4</v>
      </c>
      <c r="AA18" s="99">
        <v>5</v>
      </c>
      <c r="AB18" s="100">
        <v>0</v>
      </c>
      <c r="AC18" s="98">
        <v>311</v>
      </c>
      <c r="AD18" s="98">
        <v>422</v>
      </c>
      <c r="AE18" s="98">
        <v>273</v>
      </c>
      <c r="AF18" s="98">
        <v>221</v>
      </c>
      <c r="AG18" s="98">
        <v>134</v>
      </c>
      <c r="AH18" s="99">
        <v>1361</v>
      </c>
      <c r="AI18" s="101">
        <v>1366</v>
      </c>
    </row>
    <row r="19" spans="2:35" ht="21" customHeight="1" x14ac:dyDescent="0.2">
      <c r="B19" s="18" t="s">
        <v>18</v>
      </c>
      <c r="C19" s="97">
        <v>12</v>
      </c>
      <c r="D19" s="98">
        <v>17</v>
      </c>
      <c r="E19" s="99">
        <v>29</v>
      </c>
      <c r="F19" s="100">
        <v>0</v>
      </c>
      <c r="G19" s="98">
        <v>367</v>
      </c>
      <c r="H19" s="98">
        <v>327</v>
      </c>
      <c r="I19" s="98">
        <v>268</v>
      </c>
      <c r="J19" s="98">
        <v>157</v>
      </c>
      <c r="K19" s="98">
        <v>91</v>
      </c>
      <c r="L19" s="99">
        <v>1210</v>
      </c>
      <c r="M19" s="101">
        <v>1239</v>
      </c>
      <c r="N19" s="102">
        <v>0</v>
      </c>
      <c r="O19" s="98">
        <v>0</v>
      </c>
      <c r="P19" s="99">
        <v>0</v>
      </c>
      <c r="Q19" s="100">
        <v>0</v>
      </c>
      <c r="R19" s="98">
        <v>3</v>
      </c>
      <c r="S19" s="98">
        <v>6</v>
      </c>
      <c r="T19" s="98">
        <v>2</v>
      </c>
      <c r="U19" s="98">
        <v>6</v>
      </c>
      <c r="V19" s="98">
        <v>3</v>
      </c>
      <c r="W19" s="99">
        <v>20</v>
      </c>
      <c r="X19" s="101">
        <v>20</v>
      </c>
      <c r="Y19" s="102">
        <v>12</v>
      </c>
      <c r="Z19" s="98">
        <v>17</v>
      </c>
      <c r="AA19" s="99">
        <v>29</v>
      </c>
      <c r="AB19" s="100">
        <v>0</v>
      </c>
      <c r="AC19" s="98">
        <v>370</v>
      </c>
      <c r="AD19" s="98">
        <v>333</v>
      </c>
      <c r="AE19" s="98">
        <v>270</v>
      </c>
      <c r="AF19" s="98">
        <v>163</v>
      </c>
      <c r="AG19" s="98">
        <v>94</v>
      </c>
      <c r="AH19" s="99">
        <v>1230</v>
      </c>
      <c r="AI19" s="101">
        <v>1259</v>
      </c>
    </row>
    <row r="20" spans="2:35" ht="21" customHeight="1" x14ac:dyDescent="0.2">
      <c r="B20" s="18" t="s">
        <v>19</v>
      </c>
      <c r="C20" s="97">
        <v>0</v>
      </c>
      <c r="D20" s="98">
        <v>2</v>
      </c>
      <c r="E20" s="99">
        <v>2</v>
      </c>
      <c r="F20" s="100">
        <v>0</v>
      </c>
      <c r="G20" s="98">
        <v>196</v>
      </c>
      <c r="H20" s="98">
        <v>194</v>
      </c>
      <c r="I20" s="98">
        <v>112</v>
      </c>
      <c r="J20" s="98">
        <v>74</v>
      </c>
      <c r="K20" s="98">
        <v>64</v>
      </c>
      <c r="L20" s="99">
        <v>640</v>
      </c>
      <c r="M20" s="101">
        <v>642</v>
      </c>
      <c r="N20" s="102">
        <v>0</v>
      </c>
      <c r="O20" s="98">
        <v>0</v>
      </c>
      <c r="P20" s="99">
        <v>0</v>
      </c>
      <c r="Q20" s="100">
        <v>0</v>
      </c>
      <c r="R20" s="98">
        <v>1</v>
      </c>
      <c r="S20" s="98">
        <v>1</v>
      </c>
      <c r="T20" s="98">
        <v>3</v>
      </c>
      <c r="U20" s="98">
        <v>2</v>
      </c>
      <c r="V20" s="98">
        <v>0</v>
      </c>
      <c r="W20" s="99">
        <v>7</v>
      </c>
      <c r="X20" s="101">
        <v>7</v>
      </c>
      <c r="Y20" s="102">
        <v>0</v>
      </c>
      <c r="Z20" s="98">
        <v>2</v>
      </c>
      <c r="AA20" s="99">
        <v>2</v>
      </c>
      <c r="AB20" s="100">
        <v>0</v>
      </c>
      <c r="AC20" s="98">
        <v>197</v>
      </c>
      <c r="AD20" s="98">
        <v>195</v>
      </c>
      <c r="AE20" s="98">
        <v>115</v>
      </c>
      <c r="AF20" s="98">
        <v>76</v>
      </c>
      <c r="AG20" s="98">
        <v>64</v>
      </c>
      <c r="AH20" s="99">
        <v>647</v>
      </c>
      <c r="AI20" s="101">
        <v>649</v>
      </c>
    </row>
    <row r="21" spans="2:35" ht="21" customHeight="1" x14ac:dyDescent="0.2">
      <c r="B21" s="18" t="s">
        <v>20</v>
      </c>
      <c r="C21" s="97">
        <v>1</v>
      </c>
      <c r="D21" s="98">
        <v>2</v>
      </c>
      <c r="E21" s="99">
        <v>3</v>
      </c>
      <c r="F21" s="100">
        <v>0</v>
      </c>
      <c r="G21" s="98">
        <v>219</v>
      </c>
      <c r="H21" s="98">
        <v>129</v>
      </c>
      <c r="I21" s="98">
        <v>103</v>
      </c>
      <c r="J21" s="98">
        <v>40</v>
      </c>
      <c r="K21" s="98">
        <v>17</v>
      </c>
      <c r="L21" s="99">
        <v>508</v>
      </c>
      <c r="M21" s="101">
        <v>511</v>
      </c>
      <c r="N21" s="102">
        <v>0</v>
      </c>
      <c r="O21" s="98">
        <v>0</v>
      </c>
      <c r="P21" s="99">
        <v>0</v>
      </c>
      <c r="Q21" s="100">
        <v>0</v>
      </c>
      <c r="R21" s="98">
        <v>5</v>
      </c>
      <c r="S21" s="98">
        <v>3</v>
      </c>
      <c r="T21" s="98">
        <v>1</v>
      </c>
      <c r="U21" s="98">
        <v>1</v>
      </c>
      <c r="V21" s="98">
        <v>0</v>
      </c>
      <c r="W21" s="99">
        <v>10</v>
      </c>
      <c r="X21" s="101">
        <v>10</v>
      </c>
      <c r="Y21" s="102">
        <v>1</v>
      </c>
      <c r="Z21" s="98">
        <v>2</v>
      </c>
      <c r="AA21" s="99">
        <v>3</v>
      </c>
      <c r="AB21" s="100">
        <v>0</v>
      </c>
      <c r="AC21" s="98">
        <v>224</v>
      </c>
      <c r="AD21" s="98">
        <v>132</v>
      </c>
      <c r="AE21" s="98">
        <v>104</v>
      </c>
      <c r="AF21" s="98">
        <v>41</v>
      </c>
      <c r="AG21" s="98">
        <v>17</v>
      </c>
      <c r="AH21" s="99">
        <v>518</v>
      </c>
      <c r="AI21" s="101">
        <v>521</v>
      </c>
    </row>
    <row r="22" spans="2:35" ht="21" customHeight="1" x14ac:dyDescent="0.2">
      <c r="B22" s="18" t="s">
        <v>21</v>
      </c>
      <c r="C22" s="97">
        <v>0</v>
      </c>
      <c r="D22" s="98">
        <v>0</v>
      </c>
      <c r="E22" s="99">
        <v>0</v>
      </c>
      <c r="F22" s="100">
        <v>0</v>
      </c>
      <c r="G22" s="98">
        <v>216</v>
      </c>
      <c r="H22" s="98">
        <v>231</v>
      </c>
      <c r="I22" s="98">
        <v>127</v>
      </c>
      <c r="J22" s="98">
        <v>52</v>
      </c>
      <c r="K22" s="98">
        <v>32</v>
      </c>
      <c r="L22" s="99">
        <v>658</v>
      </c>
      <c r="M22" s="101">
        <v>658</v>
      </c>
      <c r="N22" s="102">
        <v>0</v>
      </c>
      <c r="O22" s="98">
        <v>0</v>
      </c>
      <c r="P22" s="99">
        <v>0</v>
      </c>
      <c r="Q22" s="100">
        <v>0</v>
      </c>
      <c r="R22" s="98">
        <v>2</v>
      </c>
      <c r="S22" s="98">
        <v>5</v>
      </c>
      <c r="T22" s="98">
        <v>3</v>
      </c>
      <c r="U22" s="98">
        <v>3</v>
      </c>
      <c r="V22" s="98">
        <v>3</v>
      </c>
      <c r="W22" s="99">
        <v>16</v>
      </c>
      <c r="X22" s="101">
        <v>16</v>
      </c>
      <c r="Y22" s="102">
        <v>0</v>
      </c>
      <c r="Z22" s="98">
        <v>0</v>
      </c>
      <c r="AA22" s="99">
        <v>0</v>
      </c>
      <c r="AB22" s="100">
        <v>0</v>
      </c>
      <c r="AC22" s="98">
        <v>218</v>
      </c>
      <c r="AD22" s="98">
        <v>236</v>
      </c>
      <c r="AE22" s="98">
        <v>130</v>
      </c>
      <c r="AF22" s="98">
        <v>55</v>
      </c>
      <c r="AG22" s="98">
        <v>35</v>
      </c>
      <c r="AH22" s="99">
        <v>674</v>
      </c>
      <c r="AI22" s="101">
        <v>674</v>
      </c>
    </row>
    <row r="23" spans="2:35" ht="21" customHeight="1" x14ac:dyDescent="0.2">
      <c r="B23" s="18" t="s">
        <v>22</v>
      </c>
      <c r="C23" s="97">
        <v>3</v>
      </c>
      <c r="D23" s="98">
        <v>5</v>
      </c>
      <c r="E23" s="99">
        <v>8</v>
      </c>
      <c r="F23" s="100">
        <v>0</v>
      </c>
      <c r="G23" s="98">
        <v>170</v>
      </c>
      <c r="H23" s="98">
        <v>145</v>
      </c>
      <c r="I23" s="98">
        <v>71</v>
      </c>
      <c r="J23" s="98">
        <v>55</v>
      </c>
      <c r="K23" s="98">
        <v>19</v>
      </c>
      <c r="L23" s="99">
        <v>460</v>
      </c>
      <c r="M23" s="101">
        <v>468</v>
      </c>
      <c r="N23" s="102">
        <v>0</v>
      </c>
      <c r="O23" s="98">
        <v>0</v>
      </c>
      <c r="P23" s="99">
        <v>0</v>
      </c>
      <c r="Q23" s="100">
        <v>0</v>
      </c>
      <c r="R23" s="98">
        <v>3</v>
      </c>
      <c r="S23" s="98">
        <v>0</v>
      </c>
      <c r="T23" s="98">
        <v>2</v>
      </c>
      <c r="U23" s="98">
        <v>1</v>
      </c>
      <c r="V23" s="98">
        <v>0</v>
      </c>
      <c r="W23" s="99">
        <v>6</v>
      </c>
      <c r="X23" s="101">
        <v>6</v>
      </c>
      <c r="Y23" s="102">
        <v>3</v>
      </c>
      <c r="Z23" s="98">
        <v>5</v>
      </c>
      <c r="AA23" s="99">
        <v>8</v>
      </c>
      <c r="AB23" s="100">
        <v>0</v>
      </c>
      <c r="AC23" s="98">
        <v>173</v>
      </c>
      <c r="AD23" s="98">
        <v>145</v>
      </c>
      <c r="AE23" s="98">
        <v>73</v>
      </c>
      <c r="AF23" s="98">
        <v>56</v>
      </c>
      <c r="AG23" s="98">
        <v>19</v>
      </c>
      <c r="AH23" s="99">
        <v>466</v>
      </c>
      <c r="AI23" s="101">
        <v>474</v>
      </c>
    </row>
    <row r="24" spans="2:35" ht="21" customHeight="1" x14ac:dyDescent="0.2">
      <c r="B24" s="18" t="s">
        <v>23</v>
      </c>
      <c r="C24" s="97">
        <v>0</v>
      </c>
      <c r="D24" s="98">
        <v>1</v>
      </c>
      <c r="E24" s="99">
        <v>1</v>
      </c>
      <c r="F24" s="100">
        <v>0</v>
      </c>
      <c r="G24" s="98">
        <v>95</v>
      </c>
      <c r="H24" s="98">
        <v>60</v>
      </c>
      <c r="I24" s="98">
        <v>44</v>
      </c>
      <c r="J24" s="98">
        <v>25</v>
      </c>
      <c r="K24" s="98">
        <v>18</v>
      </c>
      <c r="L24" s="99">
        <v>242</v>
      </c>
      <c r="M24" s="101">
        <v>243</v>
      </c>
      <c r="N24" s="102">
        <v>0</v>
      </c>
      <c r="O24" s="98">
        <v>0</v>
      </c>
      <c r="P24" s="99">
        <v>0</v>
      </c>
      <c r="Q24" s="100">
        <v>0</v>
      </c>
      <c r="R24" s="98">
        <v>0</v>
      </c>
      <c r="S24" s="98">
        <v>1</v>
      </c>
      <c r="T24" s="98">
        <v>1</v>
      </c>
      <c r="U24" s="98">
        <v>0</v>
      </c>
      <c r="V24" s="98">
        <v>0</v>
      </c>
      <c r="W24" s="99">
        <v>2</v>
      </c>
      <c r="X24" s="101">
        <v>2</v>
      </c>
      <c r="Y24" s="102">
        <v>0</v>
      </c>
      <c r="Z24" s="98">
        <v>1</v>
      </c>
      <c r="AA24" s="99">
        <v>1</v>
      </c>
      <c r="AB24" s="100">
        <v>0</v>
      </c>
      <c r="AC24" s="98">
        <v>95</v>
      </c>
      <c r="AD24" s="98">
        <v>61</v>
      </c>
      <c r="AE24" s="98">
        <v>45</v>
      </c>
      <c r="AF24" s="98">
        <v>25</v>
      </c>
      <c r="AG24" s="98">
        <v>18</v>
      </c>
      <c r="AH24" s="99">
        <v>244</v>
      </c>
      <c r="AI24" s="101">
        <v>245</v>
      </c>
    </row>
    <row r="25" spans="2:35" ht="21" customHeight="1" x14ac:dyDescent="0.2">
      <c r="B25" s="18" t="s">
        <v>24</v>
      </c>
      <c r="C25" s="97">
        <v>4</v>
      </c>
      <c r="D25" s="98">
        <v>3</v>
      </c>
      <c r="E25" s="99">
        <v>7</v>
      </c>
      <c r="F25" s="100">
        <v>0</v>
      </c>
      <c r="G25" s="98">
        <v>50</v>
      </c>
      <c r="H25" s="98">
        <v>33</v>
      </c>
      <c r="I25" s="98">
        <v>33</v>
      </c>
      <c r="J25" s="98">
        <v>18</v>
      </c>
      <c r="K25" s="98">
        <v>8</v>
      </c>
      <c r="L25" s="99">
        <v>142</v>
      </c>
      <c r="M25" s="101">
        <v>149</v>
      </c>
      <c r="N25" s="102">
        <v>0</v>
      </c>
      <c r="O25" s="98">
        <v>0</v>
      </c>
      <c r="P25" s="99">
        <v>0</v>
      </c>
      <c r="Q25" s="100">
        <v>0</v>
      </c>
      <c r="R25" s="98">
        <v>0</v>
      </c>
      <c r="S25" s="98">
        <v>1</v>
      </c>
      <c r="T25" s="98">
        <v>0</v>
      </c>
      <c r="U25" s="98">
        <v>0</v>
      </c>
      <c r="V25" s="98">
        <v>0</v>
      </c>
      <c r="W25" s="99">
        <v>1</v>
      </c>
      <c r="X25" s="101">
        <v>1</v>
      </c>
      <c r="Y25" s="102">
        <v>4</v>
      </c>
      <c r="Z25" s="98">
        <v>3</v>
      </c>
      <c r="AA25" s="99">
        <v>7</v>
      </c>
      <c r="AB25" s="100">
        <v>0</v>
      </c>
      <c r="AC25" s="98">
        <v>50</v>
      </c>
      <c r="AD25" s="98">
        <v>34</v>
      </c>
      <c r="AE25" s="98">
        <v>33</v>
      </c>
      <c r="AF25" s="98">
        <v>18</v>
      </c>
      <c r="AG25" s="98">
        <v>8</v>
      </c>
      <c r="AH25" s="99">
        <v>143</v>
      </c>
      <c r="AI25" s="101">
        <v>150</v>
      </c>
    </row>
    <row r="26" spans="2:35" ht="21" customHeight="1" x14ac:dyDescent="0.2">
      <c r="B26" s="18" t="s">
        <v>25</v>
      </c>
      <c r="C26" s="97">
        <v>2</v>
      </c>
      <c r="D26" s="98">
        <v>0</v>
      </c>
      <c r="E26" s="99">
        <v>2</v>
      </c>
      <c r="F26" s="100">
        <v>0</v>
      </c>
      <c r="G26" s="98">
        <v>84</v>
      </c>
      <c r="H26" s="98">
        <v>52</v>
      </c>
      <c r="I26" s="98">
        <v>24</v>
      </c>
      <c r="J26" s="98">
        <v>11</v>
      </c>
      <c r="K26" s="98">
        <v>1</v>
      </c>
      <c r="L26" s="99">
        <v>172</v>
      </c>
      <c r="M26" s="101">
        <v>174</v>
      </c>
      <c r="N26" s="102">
        <v>0</v>
      </c>
      <c r="O26" s="98">
        <v>0</v>
      </c>
      <c r="P26" s="99">
        <v>0</v>
      </c>
      <c r="Q26" s="100">
        <v>0</v>
      </c>
      <c r="R26" s="98">
        <v>1</v>
      </c>
      <c r="S26" s="98">
        <v>1</v>
      </c>
      <c r="T26" s="98">
        <v>1</v>
      </c>
      <c r="U26" s="98">
        <v>0</v>
      </c>
      <c r="V26" s="98">
        <v>0</v>
      </c>
      <c r="W26" s="99">
        <v>3</v>
      </c>
      <c r="X26" s="101">
        <v>3</v>
      </c>
      <c r="Y26" s="102">
        <v>2</v>
      </c>
      <c r="Z26" s="98">
        <v>0</v>
      </c>
      <c r="AA26" s="99">
        <v>2</v>
      </c>
      <c r="AB26" s="100">
        <v>0</v>
      </c>
      <c r="AC26" s="98">
        <v>85</v>
      </c>
      <c r="AD26" s="98">
        <v>53</v>
      </c>
      <c r="AE26" s="98">
        <v>25</v>
      </c>
      <c r="AF26" s="98">
        <v>11</v>
      </c>
      <c r="AG26" s="98">
        <v>1</v>
      </c>
      <c r="AH26" s="99">
        <v>175</v>
      </c>
      <c r="AI26" s="101">
        <v>177</v>
      </c>
    </row>
    <row r="27" spans="2:35" ht="21" customHeight="1" x14ac:dyDescent="0.2">
      <c r="B27" s="18" t="s">
        <v>26</v>
      </c>
      <c r="C27" s="97">
        <v>1</v>
      </c>
      <c r="D27" s="98">
        <v>0</v>
      </c>
      <c r="E27" s="99">
        <v>1</v>
      </c>
      <c r="F27" s="100">
        <v>0</v>
      </c>
      <c r="G27" s="98">
        <v>67</v>
      </c>
      <c r="H27" s="98">
        <v>60</v>
      </c>
      <c r="I27" s="98">
        <v>48</v>
      </c>
      <c r="J27" s="98">
        <v>21</v>
      </c>
      <c r="K27" s="98">
        <v>10</v>
      </c>
      <c r="L27" s="99">
        <v>206</v>
      </c>
      <c r="M27" s="101">
        <v>207</v>
      </c>
      <c r="N27" s="102">
        <v>0</v>
      </c>
      <c r="O27" s="98">
        <v>0</v>
      </c>
      <c r="P27" s="99">
        <v>0</v>
      </c>
      <c r="Q27" s="100">
        <v>0</v>
      </c>
      <c r="R27" s="98">
        <v>1</v>
      </c>
      <c r="S27" s="98">
        <v>0</v>
      </c>
      <c r="T27" s="98">
        <v>1</v>
      </c>
      <c r="U27" s="98">
        <v>0</v>
      </c>
      <c r="V27" s="98">
        <v>0</v>
      </c>
      <c r="W27" s="99">
        <v>2</v>
      </c>
      <c r="X27" s="101">
        <v>2</v>
      </c>
      <c r="Y27" s="102">
        <v>1</v>
      </c>
      <c r="Z27" s="98">
        <v>0</v>
      </c>
      <c r="AA27" s="99">
        <v>1</v>
      </c>
      <c r="AB27" s="100">
        <v>0</v>
      </c>
      <c r="AC27" s="98">
        <v>68</v>
      </c>
      <c r="AD27" s="98">
        <v>60</v>
      </c>
      <c r="AE27" s="98">
        <v>49</v>
      </c>
      <c r="AF27" s="98">
        <v>21</v>
      </c>
      <c r="AG27" s="98">
        <v>10</v>
      </c>
      <c r="AH27" s="99">
        <v>208</v>
      </c>
      <c r="AI27" s="101">
        <v>209</v>
      </c>
    </row>
    <row r="28" spans="2:35" ht="21" customHeight="1" x14ac:dyDescent="0.2">
      <c r="B28" s="18" t="s">
        <v>27</v>
      </c>
      <c r="C28" s="97">
        <v>0</v>
      </c>
      <c r="D28" s="98">
        <v>0</v>
      </c>
      <c r="E28" s="99">
        <v>0</v>
      </c>
      <c r="F28" s="100">
        <v>0</v>
      </c>
      <c r="G28" s="98">
        <v>43</v>
      </c>
      <c r="H28" s="98">
        <v>21</v>
      </c>
      <c r="I28" s="98">
        <v>27</v>
      </c>
      <c r="J28" s="98">
        <v>18</v>
      </c>
      <c r="K28" s="98">
        <v>11</v>
      </c>
      <c r="L28" s="99">
        <v>120</v>
      </c>
      <c r="M28" s="101">
        <v>120</v>
      </c>
      <c r="N28" s="102">
        <v>0</v>
      </c>
      <c r="O28" s="98">
        <v>0</v>
      </c>
      <c r="P28" s="99">
        <v>0</v>
      </c>
      <c r="Q28" s="100">
        <v>0</v>
      </c>
      <c r="R28" s="98">
        <v>1</v>
      </c>
      <c r="S28" s="98">
        <v>0</v>
      </c>
      <c r="T28" s="98">
        <v>1</v>
      </c>
      <c r="U28" s="98">
        <v>0</v>
      </c>
      <c r="V28" s="98">
        <v>0</v>
      </c>
      <c r="W28" s="99">
        <v>2</v>
      </c>
      <c r="X28" s="101">
        <v>2</v>
      </c>
      <c r="Y28" s="102">
        <v>0</v>
      </c>
      <c r="Z28" s="98">
        <v>0</v>
      </c>
      <c r="AA28" s="99">
        <v>0</v>
      </c>
      <c r="AB28" s="100">
        <v>0</v>
      </c>
      <c r="AC28" s="98">
        <v>44</v>
      </c>
      <c r="AD28" s="98">
        <v>21</v>
      </c>
      <c r="AE28" s="98">
        <v>28</v>
      </c>
      <c r="AF28" s="98">
        <v>18</v>
      </c>
      <c r="AG28" s="98">
        <v>11</v>
      </c>
      <c r="AH28" s="99">
        <v>122</v>
      </c>
      <c r="AI28" s="101">
        <v>122</v>
      </c>
    </row>
    <row r="29" spans="2:35" ht="21" customHeight="1" x14ac:dyDescent="0.2">
      <c r="B29" s="18" t="s">
        <v>28</v>
      </c>
      <c r="C29" s="97">
        <v>0</v>
      </c>
      <c r="D29" s="98">
        <v>0</v>
      </c>
      <c r="E29" s="99">
        <v>0</v>
      </c>
      <c r="F29" s="100">
        <v>0</v>
      </c>
      <c r="G29" s="98">
        <v>23</v>
      </c>
      <c r="H29" s="98">
        <v>20</v>
      </c>
      <c r="I29" s="98">
        <v>11</v>
      </c>
      <c r="J29" s="98">
        <v>2</v>
      </c>
      <c r="K29" s="98">
        <v>4</v>
      </c>
      <c r="L29" s="99">
        <v>60</v>
      </c>
      <c r="M29" s="101">
        <v>60</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3</v>
      </c>
      <c r="AD29" s="98">
        <v>20</v>
      </c>
      <c r="AE29" s="98">
        <v>11</v>
      </c>
      <c r="AF29" s="98">
        <v>2</v>
      </c>
      <c r="AG29" s="98">
        <v>5</v>
      </c>
      <c r="AH29" s="99">
        <v>61</v>
      </c>
      <c r="AI29" s="101">
        <v>61</v>
      </c>
    </row>
    <row r="30" spans="2:35" ht="21" customHeight="1" x14ac:dyDescent="0.2">
      <c r="B30" s="18" t="s">
        <v>29</v>
      </c>
      <c r="C30" s="97">
        <v>0</v>
      </c>
      <c r="D30" s="98">
        <v>3</v>
      </c>
      <c r="E30" s="99">
        <v>3</v>
      </c>
      <c r="F30" s="100">
        <v>0</v>
      </c>
      <c r="G30" s="98">
        <v>30</v>
      </c>
      <c r="H30" s="98">
        <v>23</v>
      </c>
      <c r="I30" s="98">
        <v>26</v>
      </c>
      <c r="J30" s="98">
        <v>18</v>
      </c>
      <c r="K30" s="98">
        <v>8</v>
      </c>
      <c r="L30" s="99">
        <v>105</v>
      </c>
      <c r="M30" s="101">
        <v>108</v>
      </c>
      <c r="N30" s="102">
        <v>0</v>
      </c>
      <c r="O30" s="98">
        <v>0</v>
      </c>
      <c r="P30" s="99">
        <v>0</v>
      </c>
      <c r="Q30" s="100">
        <v>0</v>
      </c>
      <c r="R30" s="98">
        <v>0</v>
      </c>
      <c r="S30" s="98">
        <v>0</v>
      </c>
      <c r="T30" s="98">
        <v>0</v>
      </c>
      <c r="U30" s="98">
        <v>0</v>
      </c>
      <c r="V30" s="98">
        <v>0</v>
      </c>
      <c r="W30" s="99">
        <v>0</v>
      </c>
      <c r="X30" s="101">
        <v>0</v>
      </c>
      <c r="Y30" s="102">
        <v>0</v>
      </c>
      <c r="Z30" s="98">
        <v>3</v>
      </c>
      <c r="AA30" s="99">
        <v>3</v>
      </c>
      <c r="AB30" s="100">
        <v>0</v>
      </c>
      <c r="AC30" s="98">
        <v>30</v>
      </c>
      <c r="AD30" s="98">
        <v>23</v>
      </c>
      <c r="AE30" s="98">
        <v>26</v>
      </c>
      <c r="AF30" s="98">
        <v>18</v>
      </c>
      <c r="AG30" s="98">
        <v>8</v>
      </c>
      <c r="AH30" s="99">
        <v>105</v>
      </c>
      <c r="AI30" s="101">
        <v>108</v>
      </c>
    </row>
    <row r="31" spans="2:35" ht="21" customHeight="1" x14ac:dyDescent="0.2">
      <c r="B31" s="18" t="s">
        <v>30</v>
      </c>
      <c r="C31" s="97">
        <v>1</v>
      </c>
      <c r="D31" s="98">
        <v>0</v>
      </c>
      <c r="E31" s="99">
        <v>1</v>
      </c>
      <c r="F31" s="100">
        <v>0</v>
      </c>
      <c r="G31" s="98">
        <v>29</v>
      </c>
      <c r="H31" s="98">
        <v>14</v>
      </c>
      <c r="I31" s="98">
        <v>16</v>
      </c>
      <c r="J31" s="98">
        <v>10</v>
      </c>
      <c r="K31" s="98">
        <v>0</v>
      </c>
      <c r="L31" s="99">
        <v>69</v>
      </c>
      <c r="M31" s="101">
        <v>70</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0</v>
      </c>
      <c r="AD31" s="98">
        <v>14</v>
      </c>
      <c r="AE31" s="98">
        <v>16</v>
      </c>
      <c r="AF31" s="98">
        <v>10</v>
      </c>
      <c r="AG31" s="98">
        <v>0</v>
      </c>
      <c r="AH31" s="99">
        <v>70</v>
      </c>
      <c r="AI31" s="101">
        <v>71</v>
      </c>
    </row>
    <row r="32" spans="2:35" ht="21" customHeight="1" x14ac:dyDescent="0.2">
      <c r="B32" s="18" t="s">
        <v>31</v>
      </c>
      <c r="C32" s="97">
        <v>0</v>
      </c>
      <c r="D32" s="98">
        <v>2</v>
      </c>
      <c r="E32" s="99">
        <v>2</v>
      </c>
      <c r="F32" s="100">
        <v>0</v>
      </c>
      <c r="G32" s="98">
        <v>55</v>
      </c>
      <c r="H32" s="98">
        <v>32</v>
      </c>
      <c r="I32" s="98">
        <v>25</v>
      </c>
      <c r="J32" s="98">
        <v>16</v>
      </c>
      <c r="K32" s="98">
        <v>5</v>
      </c>
      <c r="L32" s="99">
        <v>133</v>
      </c>
      <c r="M32" s="101">
        <v>135</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5</v>
      </c>
      <c r="AD32" s="98">
        <v>32</v>
      </c>
      <c r="AE32" s="98">
        <v>25</v>
      </c>
      <c r="AF32" s="98">
        <v>16</v>
      </c>
      <c r="AG32" s="98">
        <v>5</v>
      </c>
      <c r="AH32" s="99">
        <v>133</v>
      </c>
      <c r="AI32" s="101">
        <v>135</v>
      </c>
    </row>
    <row r="33" spans="2:35" ht="21" customHeight="1" x14ac:dyDescent="0.2">
      <c r="B33" s="18" t="s">
        <v>32</v>
      </c>
      <c r="C33" s="97">
        <v>2</v>
      </c>
      <c r="D33" s="98">
        <v>3</v>
      </c>
      <c r="E33" s="99">
        <v>5</v>
      </c>
      <c r="F33" s="100">
        <v>0</v>
      </c>
      <c r="G33" s="98">
        <v>43</v>
      </c>
      <c r="H33" s="98">
        <v>40</v>
      </c>
      <c r="I33" s="98">
        <v>39</v>
      </c>
      <c r="J33" s="98">
        <v>20</v>
      </c>
      <c r="K33" s="98">
        <v>11</v>
      </c>
      <c r="L33" s="99">
        <v>153</v>
      </c>
      <c r="M33" s="101">
        <v>158</v>
      </c>
      <c r="N33" s="102">
        <v>0</v>
      </c>
      <c r="O33" s="98">
        <v>0</v>
      </c>
      <c r="P33" s="99">
        <v>0</v>
      </c>
      <c r="Q33" s="100">
        <v>0</v>
      </c>
      <c r="R33" s="98">
        <v>1</v>
      </c>
      <c r="S33" s="98">
        <v>1</v>
      </c>
      <c r="T33" s="98">
        <v>0</v>
      </c>
      <c r="U33" s="98">
        <v>0</v>
      </c>
      <c r="V33" s="98">
        <v>1</v>
      </c>
      <c r="W33" s="99">
        <v>3</v>
      </c>
      <c r="X33" s="101">
        <v>3</v>
      </c>
      <c r="Y33" s="102">
        <v>2</v>
      </c>
      <c r="Z33" s="98">
        <v>3</v>
      </c>
      <c r="AA33" s="99">
        <v>5</v>
      </c>
      <c r="AB33" s="100">
        <v>0</v>
      </c>
      <c r="AC33" s="98">
        <v>44</v>
      </c>
      <c r="AD33" s="98">
        <v>41</v>
      </c>
      <c r="AE33" s="98">
        <v>39</v>
      </c>
      <c r="AF33" s="98">
        <v>20</v>
      </c>
      <c r="AG33" s="98">
        <v>12</v>
      </c>
      <c r="AH33" s="99">
        <v>156</v>
      </c>
      <c r="AI33" s="101">
        <v>161</v>
      </c>
    </row>
    <row r="34" spans="2:35" ht="21" customHeight="1" x14ac:dyDescent="0.2">
      <c r="B34" s="18" t="s">
        <v>33</v>
      </c>
      <c r="C34" s="97">
        <v>0</v>
      </c>
      <c r="D34" s="98">
        <v>2</v>
      </c>
      <c r="E34" s="99">
        <v>2</v>
      </c>
      <c r="F34" s="100">
        <v>0</v>
      </c>
      <c r="G34" s="98">
        <v>35</v>
      </c>
      <c r="H34" s="98">
        <v>18</v>
      </c>
      <c r="I34" s="98">
        <v>24</v>
      </c>
      <c r="J34" s="98">
        <v>4</v>
      </c>
      <c r="K34" s="98">
        <v>7</v>
      </c>
      <c r="L34" s="99">
        <v>88</v>
      </c>
      <c r="M34" s="101">
        <v>90</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5</v>
      </c>
      <c r="AD34" s="98">
        <v>18</v>
      </c>
      <c r="AE34" s="98">
        <v>24</v>
      </c>
      <c r="AF34" s="98">
        <v>4</v>
      </c>
      <c r="AG34" s="98">
        <v>7</v>
      </c>
      <c r="AH34" s="99">
        <v>88</v>
      </c>
      <c r="AI34" s="101">
        <v>90</v>
      </c>
    </row>
    <row r="35" spans="2:35" ht="21" customHeight="1" x14ac:dyDescent="0.2">
      <c r="B35" s="18" t="s">
        <v>34</v>
      </c>
      <c r="C35" s="97">
        <v>1</v>
      </c>
      <c r="D35" s="98">
        <v>3</v>
      </c>
      <c r="E35" s="99">
        <v>4</v>
      </c>
      <c r="F35" s="100">
        <v>0</v>
      </c>
      <c r="G35" s="98">
        <v>30</v>
      </c>
      <c r="H35" s="98">
        <v>21</v>
      </c>
      <c r="I35" s="98">
        <v>10</v>
      </c>
      <c r="J35" s="98">
        <v>8</v>
      </c>
      <c r="K35" s="98">
        <v>9</v>
      </c>
      <c r="L35" s="99">
        <v>78</v>
      </c>
      <c r="M35" s="101">
        <v>82</v>
      </c>
      <c r="N35" s="102">
        <v>0</v>
      </c>
      <c r="O35" s="98">
        <v>0</v>
      </c>
      <c r="P35" s="99">
        <v>0</v>
      </c>
      <c r="Q35" s="100">
        <v>0</v>
      </c>
      <c r="R35" s="98">
        <v>0</v>
      </c>
      <c r="S35" s="98">
        <v>0</v>
      </c>
      <c r="T35" s="98">
        <v>0</v>
      </c>
      <c r="U35" s="98">
        <v>1</v>
      </c>
      <c r="V35" s="98">
        <v>0</v>
      </c>
      <c r="W35" s="99">
        <v>1</v>
      </c>
      <c r="X35" s="101">
        <v>1</v>
      </c>
      <c r="Y35" s="102">
        <v>1</v>
      </c>
      <c r="Z35" s="98">
        <v>3</v>
      </c>
      <c r="AA35" s="99">
        <v>4</v>
      </c>
      <c r="AB35" s="100">
        <v>0</v>
      </c>
      <c r="AC35" s="98">
        <v>30</v>
      </c>
      <c r="AD35" s="98">
        <v>21</v>
      </c>
      <c r="AE35" s="98">
        <v>10</v>
      </c>
      <c r="AF35" s="98">
        <v>9</v>
      </c>
      <c r="AG35" s="98">
        <v>9</v>
      </c>
      <c r="AH35" s="99">
        <v>79</v>
      </c>
      <c r="AI35" s="101">
        <v>83</v>
      </c>
    </row>
    <row r="36" spans="2:35" ht="21" customHeight="1" x14ac:dyDescent="0.2">
      <c r="B36" s="18" t="s">
        <v>35</v>
      </c>
      <c r="C36" s="97">
        <v>3</v>
      </c>
      <c r="D36" s="98">
        <v>2</v>
      </c>
      <c r="E36" s="99">
        <v>5</v>
      </c>
      <c r="F36" s="100">
        <v>0</v>
      </c>
      <c r="G36" s="98">
        <v>40</v>
      </c>
      <c r="H36" s="98">
        <v>35</v>
      </c>
      <c r="I36" s="98">
        <v>30</v>
      </c>
      <c r="J36" s="98">
        <v>28</v>
      </c>
      <c r="K36" s="98">
        <v>13</v>
      </c>
      <c r="L36" s="99">
        <v>146</v>
      </c>
      <c r="M36" s="101">
        <v>151</v>
      </c>
      <c r="N36" s="102">
        <v>0</v>
      </c>
      <c r="O36" s="98">
        <v>0</v>
      </c>
      <c r="P36" s="99">
        <v>0</v>
      </c>
      <c r="Q36" s="100">
        <v>0</v>
      </c>
      <c r="R36" s="98">
        <v>1</v>
      </c>
      <c r="S36" s="98">
        <v>1</v>
      </c>
      <c r="T36" s="98">
        <v>0</v>
      </c>
      <c r="U36" s="98">
        <v>0</v>
      </c>
      <c r="V36" s="98">
        <v>0</v>
      </c>
      <c r="W36" s="99">
        <v>2</v>
      </c>
      <c r="X36" s="101">
        <v>2</v>
      </c>
      <c r="Y36" s="102">
        <v>3</v>
      </c>
      <c r="Z36" s="98">
        <v>2</v>
      </c>
      <c r="AA36" s="99">
        <v>5</v>
      </c>
      <c r="AB36" s="100">
        <v>0</v>
      </c>
      <c r="AC36" s="98">
        <v>41</v>
      </c>
      <c r="AD36" s="98">
        <v>36</v>
      </c>
      <c r="AE36" s="98">
        <v>30</v>
      </c>
      <c r="AF36" s="98">
        <v>28</v>
      </c>
      <c r="AG36" s="98">
        <v>13</v>
      </c>
      <c r="AH36" s="99">
        <v>148</v>
      </c>
      <c r="AI36" s="101">
        <v>153</v>
      </c>
    </row>
    <row r="37" spans="2:35" ht="21" customHeight="1" x14ac:dyDescent="0.2">
      <c r="B37" s="18" t="s">
        <v>36</v>
      </c>
      <c r="C37" s="97">
        <v>3</v>
      </c>
      <c r="D37" s="98">
        <v>1</v>
      </c>
      <c r="E37" s="99">
        <v>4</v>
      </c>
      <c r="F37" s="100">
        <v>0</v>
      </c>
      <c r="G37" s="98">
        <v>82</v>
      </c>
      <c r="H37" s="98">
        <v>60</v>
      </c>
      <c r="I37" s="98">
        <v>49</v>
      </c>
      <c r="J37" s="98">
        <v>25</v>
      </c>
      <c r="K37" s="98">
        <v>19</v>
      </c>
      <c r="L37" s="99">
        <v>235</v>
      </c>
      <c r="M37" s="101">
        <v>239</v>
      </c>
      <c r="N37" s="102">
        <v>0</v>
      </c>
      <c r="O37" s="98">
        <v>0</v>
      </c>
      <c r="P37" s="99">
        <v>0</v>
      </c>
      <c r="Q37" s="100">
        <v>0</v>
      </c>
      <c r="R37" s="98">
        <v>1</v>
      </c>
      <c r="S37" s="98">
        <v>1</v>
      </c>
      <c r="T37" s="98">
        <v>2</v>
      </c>
      <c r="U37" s="98">
        <v>0</v>
      </c>
      <c r="V37" s="98">
        <v>0</v>
      </c>
      <c r="W37" s="99">
        <v>4</v>
      </c>
      <c r="X37" s="101">
        <v>4</v>
      </c>
      <c r="Y37" s="102">
        <v>3</v>
      </c>
      <c r="Z37" s="98">
        <v>1</v>
      </c>
      <c r="AA37" s="99">
        <v>4</v>
      </c>
      <c r="AB37" s="100">
        <v>0</v>
      </c>
      <c r="AC37" s="98">
        <v>83</v>
      </c>
      <c r="AD37" s="98">
        <v>61</v>
      </c>
      <c r="AE37" s="98">
        <v>51</v>
      </c>
      <c r="AF37" s="98">
        <v>25</v>
      </c>
      <c r="AG37" s="98">
        <v>19</v>
      </c>
      <c r="AH37" s="99">
        <v>239</v>
      </c>
      <c r="AI37" s="101">
        <v>243</v>
      </c>
    </row>
    <row r="38" spans="2:35" ht="21" customHeight="1" thickBot="1" x14ac:dyDescent="0.25">
      <c r="B38" s="19" t="s">
        <v>37</v>
      </c>
      <c r="C38" s="103">
        <v>0</v>
      </c>
      <c r="D38" s="104">
        <v>0</v>
      </c>
      <c r="E38" s="105">
        <v>0</v>
      </c>
      <c r="F38" s="106">
        <v>0</v>
      </c>
      <c r="G38" s="104">
        <v>14</v>
      </c>
      <c r="H38" s="104">
        <v>6</v>
      </c>
      <c r="I38" s="104">
        <v>13</v>
      </c>
      <c r="J38" s="104">
        <v>1</v>
      </c>
      <c r="K38" s="104">
        <v>3</v>
      </c>
      <c r="L38" s="105">
        <v>37</v>
      </c>
      <c r="M38" s="107">
        <v>37</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4</v>
      </c>
      <c r="AD38" s="104">
        <v>6</v>
      </c>
      <c r="AE38" s="104">
        <v>13</v>
      </c>
      <c r="AF38" s="104">
        <v>1</v>
      </c>
      <c r="AG38" s="104">
        <v>3</v>
      </c>
      <c r="AH38" s="105">
        <v>37</v>
      </c>
      <c r="AI38" s="107">
        <v>37</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6">
        <f>第１表!F2</f>
        <v>5</v>
      </c>
      <c r="J1" s="526"/>
      <c r="K1" s="248">
        <f>第１表!G2</f>
        <v>3</v>
      </c>
      <c r="L1" s="530">
        <f>IF(K1&lt;3,K1+12-2,K1-2)</f>
        <v>1</v>
      </c>
      <c r="M1" s="530"/>
    </row>
    <row r="2" spans="1:101" s="291" customFormat="1" ht="24" customHeight="1" thickBot="1" x14ac:dyDescent="0.25">
      <c r="A2" s="44"/>
      <c r="B2" s="290" t="s">
        <v>133</v>
      </c>
    </row>
    <row r="3" spans="1:101" ht="21" customHeight="1" thickBot="1" x14ac:dyDescent="0.25">
      <c r="B3" s="543"/>
      <c r="C3" s="534" t="s">
        <v>114</v>
      </c>
      <c r="D3" s="535"/>
      <c r="E3" s="535"/>
      <c r="F3" s="535"/>
      <c r="G3" s="535"/>
      <c r="H3" s="535"/>
      <c r="I3" s="535"/>
      <c r="J3" s="535"/>
      <c r="K3" s="535"/>
      <c r="L3" s="535"/>
      <c r="M3" s="536"/>
      <c r="N3" s="534" t="s">
        <v>115</v>
      </c>
      <c r="O3" s="535"/>
      <c r="P3" s="535"/>
      <c r="Q3" s="535"/>
      <c r="R3" s="535"/>
      <c r="S3" s="535"/>
      <c r="T3" s="535"/>
      <c r="U3" s="535"/>
      <c r="V3" s="535"/>
      <c r="W3" s="535"/>
      <c r="X3" s="536"/>
      <c r="Y3" s="534" t="s">
        <v>142</v>
      </c>
      <c r="Z3" s="535"/>
      <c r="AA3" s="535"/>
      <c r="AB3" s="535"/>
      <c r="AC3" s="535"/>
      <c r="AD3" s="535"/>
      <c r="AE3" s="535"/>
      <c r="AF3" s="535"/>
      <c r="AG3" s="535"/>
      <c r="AH3" s="535"/>
      <c r="AI3" s="536"/>
      <c r="AJ3" s="534" t="s">
        <v>90</v>
      </c>
      <c r="AK3" s="535"/>
      <c r="AL3" s="535"/>
      <c r="AM3" s="535"/>
      <c r="AN3" s="535"/>
      <c r="AO3" s="535"/>
      <c r="AP3" s="535"/>
      <c r="AQ3" s="535"/>
      <c r="AR3" s="535"/>
      <c r="AS3" s="535"/>
      <c r="AT3" s="536"/>
      <c r="AU3" s="547" t="s">
        <v>89</v>
      </c>
      <c r="AV3" s="548"/>
      <c r="AW3" s="548"/>
      <c r="AX3" s="548"/>
      <c r="AY3" s="548"/>
      <c r="AZ3" s="548"/>
      <c r="BA3" s="548"/>
      <c r="BB3" s="548"/>
      <c r="BC3" s="548"/>
      <c r="BD3" s="548"/>
      <c r="BE3" s="549"/>
      <c r="BF3" s="547" t="s">
        <v>91</v>
      </c>
      <c r="BG3" s="548"/>
      <c r="BH3" s="548"/>
      <c r="BI3" s="548"/>
      <c r="BJ3" s="548"/>
      <c r="BK3" s="548"/>
      <c r="BL3" s="548"/>
      <c r="BM3" s="548"/>
      <c r="BN3" s="548"/>
      <c r="BO3" s="548"/>
      <c r="BP3" s="549"/>
      <c r="BQ3" s="547" t="s">
        <v>92</v>
      </c>
      <c r="BR3" s="548"/>
      <c r="BS3" s="548"/>
      <c r="BT3" s="548"/>
      <c r="BU3" s="548"/>
      <c r="BV3" s="548"/>
      <c r="BW3" s="548"/>
      <c r="BX3" s="548"/>
      <c r="BY3" s="548"/>
      <c r="BZ3" s="548"/>
      <c r="CA3" s="549"/>
      <c r="CB3" s="547" t="s">
        <v>93</v>
      </c>
      <c r="CC3" s="548"/>
      <c r="CD3" s="548"/>
      <c r="CE3" s="548"/>
      <c r="CF3" s="548"/>
      <c r="CG3" s="548"/>
      <c r="CH3" s="548"/>
      <c r="CI3" s="548"/>
      <c r="CJ3" s="548"/>
      <c r="CK3" s="548"/>
      <c r="CL3" s="549"/>
      <c r="CM3" s="548" t="s">
        <v>141</v>
      </c>
      <c r="CN3" s="548"/>
      <c r="CO3" s="548"/>
      <c r="CP3" s="548"/>
      <c r="CQ3" s="548"/>
      <c r="CR3" s="548"/>
      <c r="CS3" s="548"/>
      <c r="CT3" s="548"/>
      <c r="CU3" s="548"/>
      <c r="CV3" s="548"/>
      <c r="CW3" s="549"/>
    </row>
    <row r="4" spans="1:101" ht="21" customHeight="1" x14ac:dyDescent="0.2">
      <c r="B4" s="544"/>
      <c r="C4" s="542" t="s">
        <v>61</v>
      </c>
      <c r="D4" s="538"/>
      <c r="E4" s="539"/>
      <c r="F4" s="537" t="s">
        <v>62</v>
      </c>
      <c r="G4" s="538"/>
      <c r="H4" s="538"/>
      <c r="I4" s="538"/>
      <c r="J4" s="538"/>
      <c r="K4" s="538"/>
      <c r="L4" s="546"/>
      <c r="M4" s="540" t="s">
        <v>52</v>
      </c>
      <c r="N4" s="542" t="s">
        <v>61</v>
      </c>
      <c r="O4" s="538"/>
      <c r="P4" s="539"/>
      <c r="Q4" s="537" t="s">
        <v>62</v>
      </c>
      <c r="R4" s="538"/>
      <c r="S4" s="538"/>
      <c r="T4" s="538"/>
      <c r="U4" s="538"/>
      <c r="V4" s="538"/>
      <c r="W4" s="539"/>
      <c r="X4" s="540" t="s">
        <v>52</v>
      </c>
      <c r="Y4" s="542" t="s">
        <v>61</v>
      </c>
      <c r="Z4" s="538"/>
      <c r="AA4" s="539"/>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65" t="s">
        <v>61</v>
      </c>
      <c r="AV4" s="563"/>
      <c r="AW4" s="564"/>
      <c r="AX4" s="562" t="s">
        <v>62</v>
      </c>
      <c r="AY4" s="563"/>
      <c r="AZ4" s="563"/>
      <c r="BA4" s="563"/>
      <c r="BB4" s="563"/>
      <c r="BC4" s="563"/>
      <c r="BD4" s="564"/>
      <c r="BE4" s="560" t="s">
        <v>52</v>
      </c>
      <c r="BF4" s="565" t="s">
        <v>61</v>
      </c>
      <c r="BG4" s="563"/>
      <c r="BH4" s="564"/>
      <c r="BI4" s="562" t="s">
        <v>62</v>
      </c>
      <c r="BJ4" s="563"/>
      <c r="BK4" s="563"/>
      <c r="BL4" s="563"/>
      <c r="BM4" s="563"/>
      <c r="BN4" s="563"/>
      <c r="BO4" s="564"/>
      <c r="BP4" s="560" t="s">
        <v>52</v>
      </c>
      <c r="BQ4" s="565" t="s">
        <v>61</v>
      </c>
      <c r="BR4" s="563"/>
      <c r="BS4" s="564"/>
      <c r="BT4" s="562" t="s">
        <v>62</v>
      </c>
      <c r="BU4" s="563"/>
      <c r="BV4" s="563"/>
      <c r="BW4" s="563"/>
      <c r="BX4" s="563"/>
      <c r="BY4" s="563"/>
      <c r="BZ4" s="564"/>
      <c r="CA4" s="560" t="s">
        <v>52</v>
      </c>
      <c r="CB4" s="565" t="s">
        <v>61</v>
      </c>
      <c r="CC4" s="563"/>
      <c r="CD4" s="564"/>
      <c r="CE4" s="562" t="s">
        <v>62</v>
      </c>
      <c r="CF4" s="563"/>
      <c r="CG4" s="563"/>
      <c r="CH4" s="563"/>
      <c r="CI4" s="563"/>
      <c r="CJ4" s="563"/>
      <c r="CK4" s="564"/>
      <c r="CL4" s="560" t="s">
        <v>52</v>
      </c>
      <c r="CM4" s="565" t="s">
        <v>61</v>
      </c>
      <c r="CN4" s="563"/>
      <c r="CO4" s="564"/>
      <c r="CP4" s="562" t="s">
        <v>62</v>
      </c>
      <c r="CQ4" s="563"/>
      <c r="CR4" s="563"/>
      <c r="CS4" s="563"/>
      <c r="CT4" s="563"/>
      <c r="CU4" s="563"/>
      <c r="CV4" s="564"/>
      <c r="CW4" s="560" t="s">
        <v>52</v>
      </c>
    </row>
    <row r="5" spans="1:101" ht="30" customHeight="1" thickBot="1" x14ac:dyDescent="0.25">
      <c r="B5" s="545"/>
      <c r="C5" s="263" t="s">
        <v>43</v>
      </c>
      <c r="D5" s="265" t="s">
        <v>44</v>
      </c>
      <c r="E5" s="266" t="s">
        <v>45</v>
      </c>
      <c r="F5" s="267" t="s">
        <v>83</v>
      </c>
      <c r="G5" s="259" t="s">
        <v>47</v>
      </c>
      <c r="H5" s="259" t="s">
        <v>48</v>
      </c>
      <c r="I5" s="259" t="s">
        <v>49</v>
      </c>
      <c r="J5" s="259" t="s">
        <v>50</v>
      </c>
      <c r="K5" s="259" t="s">
        <v>51</v>
      </c>
      <c r="L5" s="268" t="s">
        <v>45</v>
      </c>
      <c r="M5" s="541"/>
      <c r="N5" s="263" t="s">
        <v>43</v>
      </c>
      <c r="O5" s="259" t="s">
        <v>44</v>
      </c>
      <c r="P5" s="265" t="s">
        <v>45</v>
      </c>
      <c r="Q5" s="267" t="s">
        <v>83</v>
      </c>
      <c r="R5" s="259" t="s">
        <v>47</v>
      </c>
      <c r="S5" s="259" t="s">
        <v>48</v>
      </c>
      <c r="T5" s="259" t="s">
        <v>49</v>
      </c>
      <c r="U5" s="259" t="s">
        <v>50</v>
      </c>
      <c r="V5" s="259" t="s">
        <v>51</v>
      </c>
      <c r="W5" s="265" t="s">
        <v>45</v>
      </c>
      <c r="X5" s="541"/>
      <c r="Y5" s="263" t="s">
        <v>43</v>
      </c>
      <c r="Z5" s="259" t="s">
        <v>44</v>
      </c>
      <c r="AA5" s="265" t="s">
        <v>45</v>
      </c>
      <c r="AB5" s="267" t="s">
        <v>83</v>
      </c>
      <c r="AC5" s="259" t="s">
        <v>47</v>
      </c>
      <c r="AD5" s="259" t="s">
        <v>48</v>
      </c>
      <c r="AE5" s="259" t="s">
        <v>49</v>
      </c>
      <c r="AF5" s="259" t="s">
        <v>50</v>
      </c>
      <c r="AG5" s="259" t="s">
        <v>51</v>
      </c>
      <c r="AH5" s="265" t="s">
        <v>45</v>
      </c>
      <c r="AI5" s="541"/>
      <c r="AJ5" s="340" t="s">
        <v>43</v>
      </c>
      <c r="AK5" s="259" t="s">
        <v>44</v>
      </c>
      <c r="AL5" s="265" t="s">
        <v>45</v>
      </c>
      <c r="AM5" s="267" t="s">
        <v>83</v>
      </c>
      <c r="AN5" s="259" t="s">
        <v>47</v>
      </c>
      <c r="AO5" s="259" t="s">
        <v>48</v>
      </c>
      <c r="AP5" s="259" t="s">
        <v>49</v>
      </c>
      <c r="AQ5" s="259" t="s">
        <v>50</v>
      </c>
      <c r="AR5" s="259" t="s">
        <v>51</v>
      </c>
      <c r="AS5" s="265" t="s">
        <v>45</v>
      </c>
      <c r="AT5" s="541"/>
      <c r="AU5" s="340" t="s">
        <v>43</v>
      </c>
      <c r="AV5" s="259" t="s">
        <v>44</v>
      </c>
      <c r="AW5" s="265" t="s">
        <v>45</v>
      </c>
      <c r="AX5" s="267" t="s">
        <v>83</v>
      </c>
      <c r="AY5" s="259" t="s">
        <v>47</v>
      </c>
      <c r="AZ5" s="259" t="s">
        <v>48</v>
      </c>
      <c r="BA5" s="259" t="s">
        <v>49</v>
      </c>
      <c r="BB5" s="259" t="s">
        <v>50</v>
      </c>
      <c r="BC5" s="259" t="s">
        <v>51</v>
      </c>
      <c r="BD5" s="265" t="s">
        <v>45</v>
      </c>
      <c r="BE5" s="561"/>
      <c r="BF5" s="340" t="s">
        <v>43</v>
      </c>
      <c r="BG5" s="259" t="s">
        <v>44</v>
      </c>
      <c r="BH5" s="265" t="s">
        <v>45</v>
      </c>
      <c r="BI5" s="267" t="s">
        <v>83</v>
      </c>
      <c r="BJ5" s="259" t="s">
        <v>47</v>
      </c>
      <c r="BK5" s="259" t="s">
        <v>48</v>
      </c>
      <c r="BL5" s="259" t="s">
        <v>49</v>
      </c>
      <c r="BM5" s="259" t="s">
        <v>50</v>
      </c>
      <c r="BN5" s="259" t="s">
        <v>51</v>
      </c>
      <c r="BO5" s="265" t="s">
        <v>45</v>
      </c>
      <c r="BP5" s="561"/>
      <c r="BQ5" s="340" t="s">
        <v>43</v>
      </c>
      <c r="BR5" s="259" t="s">
        <v>44</v>
      </c>
      <c r="BS5" s="265" t="s">
        <v>45</v>
      </c>
      <c r="BT5" s="267" t="s">
        <v>83</v>
      </c>
      <c r="BU5" s="259" t="s">
        <v>47</v>
      </c>
      <c r="BV5" s="259" t="s">
        <v>48</v>
      </c>
      <c r="BW5" s="259" t="s">
        <v>49</v>
      </c>
      <c r="BX5" s="259" t="s">
        <v>50</v>
      </c>
      <c r="BY5" s="259" t="s">
        <v>51</v>
      </c>
      <c r="BZ5" s="265" t="s">
        <v>45</v>
      </c>
      <c r="CA5" s="561"/>
      <c r="CB5" s="340" t="s">
        <v>43</v>
      </c>
      <c r="CC5" s="259" t="s">
        <v>44</v>
      </c>
      <c r="CD5" s="265" t="s">
        <v>45</v>
      </c>
      <c r="CE5" s="267" t="s">
        <v>83</v>
      </c>
      <c r="CF5" s="259" t="s">
        <v>47</v>
      </c>
      <c r="CG5" s="259" t="s">
        <v>48</v>
      </c>
      <c r="CH5" s="259" t="s">
        <v>49</v>
      </c>
      <c r="CI5" s="259" t="s">
        <v>50</v>
      </c>
      <c r="CJ5" s="259" t="s">
        <v>51</v>
      </c>
      <c r="CK5" s="265" t="s">
        <v>45</v>
      </c>
      <c r="CL5" s="561"/>
      <c r="CM5" s="340" t="s">
        <v>43</v>
      </c>
      <c r="CN5" s="259" t="s">
        <v>44</v>
      </c>
      <c r="CO5" s="265" t="s">
        <v>45</v>
      </c>
      <c r="CP5" s="267" t="s">
        <v>83</v>
      </c>
      <c r="CQ5" s="259" t="s">
        <v>47</v>
      </c>
      <c r="CR5" s="259" t="s">
        <v>48</v>
      </c>
      <c r="CS5" s="259" t="s">
        <v>49</v>
      </c>
      <c r="CT5" s="259" t="s">
        <v>50</v>
      </c>
      <c r="CU5" s="259" t="s">
        <v>51</v>
      </c>
      <c r="CV5" s="265" t="s">
        <v>45</v>
      </c>
      <c r="CW5" s="561"/>
    </row>
    <row r="6" spans="1:101" ht="21" customHeight="1" x14ac:dyDescent="0.2">
      <c r="B6" s="260" t="s">
        <v>4</v>
      </c>
      <c r="C6" s="269">
        <v>0</v>
      </c>
      <c r="D6" s="270">
        <v>0</v>
      </c>
      <c r="E6" s="271">
        <v>0</v>
      </c>
      <c r="F6" s="272">
        <v>0</v>
      </c>
      <c r="G6" s="273">
        <v>330</v>
      </c>
      <c r="H6" s="273">
        <v>372</v>
      </c>
      <c r="I6" s="273">
        <v>363</v>
      </c>
      <c r="J6" s="273">
        <v>384</v>
      </c>
      <c r="K6" s="273">
        <v>360</v>
      </c>
      <c r="L6" s="274">
        <v>1809</v>
      </c>
      <c r="M6" s="275">
        <v>1809</v>
      </c>
      <c r="N6" s="269">
        <v>0</v>
      </c>
      <c r="O6" s="273">
        <v>0</v>
      </c>
      <c r="P6" s="270">
        <v>0</v>
      </c>
      <c r="Q6" s="272">
        <v>0</v>
      </c>
      <c r="R6" s="273">
        <v>206</v>
      </c>
      <c r="S6" s="273">
        <v>524</v>
      </c>
      <c r="T6" s="273">
        <v>489</v>
      </c>
      <c r="U6" s="273">
        <v>446</v>
      </c>
      <c r="V6" s="273">
        <v>412</v>
      </c>
      <c r="W6" s="270">
        <v>2077</v>
      </c>
      <c r="X6" s="275">
        <v>2077</v>
      </c>
      <c r="Y6" s="269">
        <v>0</v>
      </c>
      <c r="Z6" s="273">
        <v>0</v>
      </c>
      <c r="AA6" s="270">
        <v>0</v>
      </c>
      <c r="AB6" s="272">
        <v>0</v>
      </c>
      <c r="AC6" s="273">
        <v>13279</v>
      </c>
      <c r="AD6" s="273">
        <v>12014</v>
      </c>
      <c r="AE6" s="273">
        <v>5815</v>
      </c>
      <c r="AF6" s="273">
        <v>2948</v>
      </c>
      <c r="AG6" s="273">
        <v>1317</v>
      </c>
      <c r="AH6" s="270">
        <v>35373</v>
      </c>
      <c r="AI6" s="275">
        <v>35373</v>
      </c>
      <c r="AJ6" s="269">
        <v>11</v>
      </c>
      <c r="AK6" s="273">
        <v>7</v>
      </c>
      <c r="AL6" s="270">
        <v>18</v>
      </c>
      <c r="AM6" s="272">
        <v>0</v>
      </c>
      <c r="AN6" s="273">
        <v>805</v>
      </c>
      <c r="AO6" s="273">
        <v>943</v>
      </c>
      <c r="AP6" s="273">
        <v>1069</v>
      </c>
      <c r="AQ6" s="273">
        <v>582</v>
      </c>
      <c r="AR6" s="273">
        <v>432</v>
      </c>
      <c r="AS6" s="270">
        <v>3831</v>
      </c>
      <c r="AT6" s="275">
        <v>3849</v>
      </c>
      <c r="AU6" s="269">
        <v>172</v>
      </c>
      <c r="AV6" s="273">
        <v>275</v>
      </c>
      <c r="AW6" s="270">
        <v>447</v>
      </c>
      <c r="AX6" s="272">
        <v>0</v>
      </c>
      <c r="AY6" s="273">
        <v>1363</v>
      </c>
      <c r="AZ6" s="273">
        <v>1549</v>
      </c>
      <c r="BA6" s="273">
        <v>1356</v>
      </c>
      <c r="BB6" s="273">
        <v>953</v>
      </c>
      <c r="BC6" s="273">
        <v>497</v>
      </c>
      <c r="BD6" s="270">
        <v>5718</v>
      </c>
      <c r="BE6" s="275">
        <v>6165</v>
      </c>
      <c r="BF6" s="269">
        <v>0</v>
      </c>
      <c r="BG6" s="273">
        <v>41</v>
      </c>
      <c r="BH6" s="270">
        <v>41</v>
      </c>
      <c r="BI6" s="272">
        <v>0</v>
      </c>
      <c r="BJ6" s="273">
        <v>2522</v>
      </c>
      <c r="BK6" s="273">
        <v>3162</v>
      </c>
      <c r="BL6" s="273">
        <v>3494</v>
      </c>
      <c r="BM6" s="273">
        <v>2346</v>
      </c>
      <c r="BN6" s="273">
        <v>1613</v>
      </c>
      <c r="BO6" s="274">
        <v>13137</v>
      </c>
      <c r="BP6" s="275">
        <v>13178</v>
      </c>
      <c r="BQ6" s="269">
        <v>0</v>
      </c>
      <c r="BR6" s="273">
        <v>0</v>
      </c>
      <c r="BS6" s="270">
        <v>0</v>
      </c>
      <c r="BT6" s="272">
        <v>0</v>
      </c>
      <c r="BU6" s="273">
        <v>37</v>
      </c>
      <c r="BV6" s="273">
        <v>50</v>
      </c>
      <c r="BW6" s="273">
        <v>64</v>
      </c>
      <c r="BX6" s="273">
        <v>68</v>
      </c>
      <c r="BY6" s="273">
        <v>52</v>
      </c>
      <c r="BZ6" s="270">
        <v>271</v>
      </c>
      <c r="CA6" s="275">
        <v>271</v>
      </c>
      <c r="CB6" s="269">
        <v>0</v>
      </c>
      <c r="CC6" s="273">
        <v>0</v>
      </c>
      <c r="CD6" s="270">
        <v>0</v>
      </c>
      <c r="CE6" s="272">
        <v>0</v>
      </c>
      <c r="CF6" s="273">
        <v>12</v>
      </c>
      <c r="CG6" s="273">
        <v>33</v>
      </c>
      <c r="CH6" s="273">
        <v>234</v>
      </c>
      <c r="CI6" s="273">
        <v>340</v>
      </c>
      <c r="CJ6" s="273">
        <v>211</v>
      </c>
      <c r="CK6" s="270">
        <v>830</v>
      </c>
      <c r="CL6" s="275">
        <v>830</v>
      </c>
      <c r="CM6" s="269">
        <v>0</v>
      </c>
      <c r="CN6" s="273">
        <v>0</v>
      </c>
      <c r="CO6" s="270">
        <v>0</v>
      </c>
      <c r="CP6" s="272">
        <v>0</v>
      </c>
      <c r="CQ6" s="273">
        <v>186</v>
      </c>
      <c r="CR6" s="273">
        <v>292</v>
      </c>
      <c r="CS6" s="273">
        <v>291</v>
      </c>
      <c r="CT6" s="273">
        <v>355</v>
      </c>
      <c r="CU6" s="273">
        <v>442</v>
      </c>
      <c r="CV6" s="270">
        <v>1566</v>
      </c>
      <c r="CW6" s="275">
        <v>1566</v>
      </c>
    </row>
    <row r="7" spans="1:101" ht="21" customHeight="1" x14ac:dyDescent="0.2">
      <c r="B7" s="261" t="s">
        <v>5</v>
      </c>
      <c r="C7" s="276">
        <v>0</v>
      </c>
      <c r="D7" s="277">
        <v>0</v>
      </c>
      <c r="E7" s="278">
        <v>0</v>
      </c>
      <c r="F7" s="279">
        <v>0</v>
      </c>
      <c r="G7" s="280">
        <v>125</v>
      </c>
      <c r="H7" s="280">
        <v>160</v>
      </c>
      <c r="I7" s="280">
        <v>189</v>
      </c>
      <c r="J7" s="280">
        <v>182</v>
      </c>
      <c r="K7" s="280">
        <v>171</v>
      </c>
      <c r="L7" s="281">
        <v>827</v>
      </c>
      <c r="M7" s="282">
        <v>827</v>
      </c>
      <c r="N7" s="276">
        <v>0</v>
      </c>
      <c r="O7" s="280">
        <v>0</v>
      </c>
      <c r="P7" s="277">
        <v>0</v>
      </c>
      <c r="Q7" s="279">
        <v>0</v>
      </c>
      <c r="R7" s="280">
        <v>106</v>
      </c>
      <c r="S7" s="280">
        <v>382</v>
      </c>
      <c r="T7" s="280">
        <v>364</v>
      </c>
      <c r="U7" s="280">
        <v>312</v>
      </c>
      <c r="V7" s="280">
        <v>296</v>
      </c>
      <c r="W7" s="277">
        <v>1460</v>
      </c>
      <c r="X7" s="282">
        <v>1460</v>
      </c>
      <c r="Y7" s="276">
        <v>0</v>
      </c>
      <c r="Z7" s="280">
        <v>0</v>
      </c>
      <c r="AA7" s="277">
        <v>0</v>
      </c>
      <c r="AB7" s="279">
        <v>0</v>
      </c>
      <c r="AC7" s="280">
        <v>4614</v>
      </c>
      <c r="AD7" s="280">
        <v>5744</v>
      </c>
      <c r="AE7" s="280">
        <v>2628</v>
      </c>
      <c r="AF7" s="280">
        <v>1386</v>
      </c>
      <c r="AG7" s="280">
        <v>599</v>
      </c>
      <c r="AH7" s="277">
        <v>14971</v>
      </c>
      <c r="AI7" s="282">
        <v>14971</v>
      </c>
      <c r="AJ7" s="276">
        <v>4</v>
      </c>
      <c r="AK7" s="280">
        <v>2</v>
      </c>
      <c r="AL7" s="277">
        <v>6</v>
      </c>
      <c r="AM7" s="279">
        <v>0</v>
      </c>
      <c r="AN7" s="280">
        <v>383</v>
      </c>
      <c r="AO7" s="280">
        <v>499</v>
      </c>
      <c r="AP7" s="280">
        <v>564</v>
      </c>
      <c r="AQ7" s="280">
        <v>314</v>
      </c>
      <c r="AR7" s="280">
        <v>233</v>
      </c>
      <c r="AS7" s="277">
        <v>1993</v>
      </c>
      <c r="AT7" s="282">
        <v>1999</v>
      </c>
      <c r="AU7" s="276">
        <v>68</v>
      </c>
      <c r="AV7" s="280">
        <v>107</v>
      </c>
      <c r="AW7" s="277">
        <v>175</v>
      </c>
      <c r="AX7" s="279">
        <v>0</v>
      </c>
      <c r="AY7" s="280">
        <v>524</v>
      </c>
      <c r="AZ7" s="280">
        <v>667</v>
      </c>
      <c r="BA7" s="280">
        <v>566</v>
      </c>
      <c r="BB7" s="280">
        <v>413</v>
      </c>
      <c r="BC7" s="280">
        <v>256</v>
      </c>
      <c r="BD7" s="277">
        <v>2426</v>
      </c>
      <c r="BE7" s="282">
        <v>2601</v>
      </c>
      <c r="BF7" s="276">
        <v>0</v>
      </c>
      <c r="BG7" s="280">
        <v>11</v>
      </c>
      <c r="BH7" s="277">
        <v>11</v>
      </c>
      <c r="BI7" s="279">
        <v>0</v>
      </c>
      <c r="BJ7" s="280">
        <v>1125</v>
      </c>
      <c r="BK7" s="280">
        <v>1419</v>
      </c>
      <c r="BL7" s="280">
        <v>1472</v>
      </c>
      <c r="BM7" s="280">
        <v>994</v>
      </c>
      <c r="BN7" s="280">
        <v>737</v>
      </c>
      <c r="BO7" s="281">
        <v>5747</v>
      </c>
      <c r="BP7" s="282">
        <v>5758</v>
      </c>
      <c r="BQ7" s="276">
        <v>0</v>
      </c>
      <c r="BR7" s="280">
        <v>0</v>
      </c>
      <c r="BS7" s="277">
        <v>0</v>
      </c>
      <c r="BT7" s="279">
        <v>0</v>
      </c>
      <c r="BU7" s="280">
        <v>1</v>
      </c>
      <c r="BV7" s="280">
        <v>0</v>
      </c>
      <c r="BW7" s="280">
        <v>5</v>
      </c>
      <c r="BX7" s="280">
        <v>1</v>
      </c>
      <c r="BY7" s="280">
        <v>5</v>
      </c>
      <c r="BZ7" s="277">
        <v>12</v>
      </c>
      <c r="CA7" s="282">
        <v>12</v>
      </c>
      <c r="CB7" s="276">
        <v>0</v>
      </c>
      <c r="CC7" s="280">
        <v>0</v>
      </c>
      <c r="CD7" s="277">
        <v>0</v>
      </c>
      <c r="CE7" s="279">
        <v>0</v>
      </c>
      <c r="CF7" s="280">
        <v>5</v>
      </c>
      <c r="CG7" s="280">
        <v>12</v>
      </c>
      <c r="CH7" s="280">
        <v>29</v>
      </c>
      <c r="CI7" s="280">
        <v>39</v>
      </c>
      <c r="CJ7" s="280">
        <v>27</v>
      </c>
      <c r="CK7" s="277">
        <v>112</v>
      </c>
      <c r="CL7" s="282">
        <v>112</v>
      </c>
      <c r="CM7" s="276">
        <v>0</v>
      </c>
      <c r="CN7" s="280">
        <v>0</v>
      </c>
      <c r="CO7" s="277">
        <v>0</v>
      </c>
      <c r="CP7" s="279">
        <v>0</v>
      </c>
      <c r="CQ7" s="280">
        <v>29</v>
      </c>
      <c r="CR7" s="280">
        <v>58</v>
      </c>
      <c r="CS7" s="280">
        <v>71</v>
      </c>
      <c r="CT7" s="280">
        <v>102</v>
      </c>
      <c r="CU7" s="280">
        <v>165</v>
      </c>
      <c r="CV7" s="277">
        <v>425</v>
      </c>
      <c r="CW7" s="282">
        <v>425</v>
      </c>
    </row>
    <row r="8" spans="1:101" ht="21" customHeight="1" x14ac:dyDescent="0.2">
      <c r="B8" s="261" t="s">
        <v>6</v>
      </c>
      <c r="C8" s="276">
        <v>0</v>
      </c>
      <c r="D8" s="277">
        <v>0</v>
      </c>
      <c r="E8" s="278">
        <v>0</v>
      </c>
      <c r="F8" s="279">
        <v>0</v>
      </c>
      <c r="G8" s="280">
        <v>80</v>
      </c>
      <c r="H8" s="280">
        <v>78</v>
      </c>
      <c r="I8" s="280">
        <v>73</v>
      </c>
      <c r="J8" s="280">
        <v>95</v>
      </c>
      <c r="K8" s="280">
        <v>109</v>
      </c>
      <c r="L8" s="281">
        <v>435</v>
      </c>
      <c r="M8" s="282">
        <v>435</v>
      </c>
      <c r="N8" s="276">
        <v>0</v>
      </c>
      <c r="O8" s="280">
        <v>0</v>
      </c>
      <c r="P8" s="277">
        <v>0</v>
      </c>
      <c r="Q8" s="279">
        <v>0</v>
      </c>
      <c r="R8" s="280">
        <v>72</v>
      </c>
      <c r="S8" s="280">
        <v>109</v>
      </c>
      <c r="T8" s="280">
        <v>96</v>
      </c>
      <c r="U8" s="280">
        <v>103</v>
      </c>
      <c r="V8" s="280">
        <v>92</v>
      </c>
      <c r="W8" s="277">
        <v>472</v>
      </c>
      <c r="X8" s="282">
        <v>472</v>
      </c>
      <c r="Y8" s="276">
        <v>0</v>
      </c>
      <c r="Z8" s="280">
        <v>0</v>
      </c>
      <c r="AA8" s="277">
        <v>0</v>
      </c>
      <c r="AB8" s="279">
        <v>0</v>
      </c>
      <c r="AC8" s="280">
        <v>1947</v>
      </c>
      <c r="AD8" s="280">
        <v>1240</v>
      </c>
      <c r="AE8" s="280">
        <v>728</v>
      </c>
      <c r="AF8" s="280">
        <v>433</v>
      </c>
      <c r="AG8" s="280">
        <v>210</v>
      </c>
      <c r="AH8" s="277">
        <v>4558</v>
      </c>
      <c r="AI8" s="282">
        <v>4558</v>
      </c>
      <c r="AJ8" s="276">
        <v>2</v>
      </c>
      <c r="AK8" s="280">
        <v>1</v>
      </c>
      <c r="AL8" s="277">
        <v>3</v>
      </c>
      <c r="AM8" s="279">
        <v>0</v>
      </c>
      <c r="AN8" s="280">
        <v>192</v>
      </c>
      <c r="AO8" s="280">
        <v>190</v>
      </c>
      <c r="AP8" s="280">
        <v>205</v>
      </c>
      <c r="AQ8" s="280">
        <v>131</v>
      </c>
      <c r="AR8" s="280">
        <v>88</v>
      </c>
      <c r="AS8" s="277">
        <v>806</v>
      </c>
      <c r="AT8" s="282">
        <v>809</v>
      </c>
      <c r="AU8" s="276">
        <v>22</v>
      </c>
      <c r="AV8" s="280">
        <v>37</v>
      </c>
      <c r="AW8" s="277">
        <v>59</v>
      </c>
      <c r="AX8" s="279">
        <v>0</v>
      </c>
      <c r="AY8" s="280">
        <v>212</v>
      </c>
      <c r="AZ8" s="280">
        <v>230</v>
      </c>
      <c r="BA8" s="280">
        <v>183</v>
      </c>
      <c r="BB8" s="280">
        <v>150</v>
      </c>
      <c r="BC8" s="280">
        <v>66</v>
      </c>
      <c r="BD8" s="277">
        <v>841</v>
      </c>
      <c r="BE8" s="282">
        <v>900</v>
      </c>
      <c r="BF8" s="276">
        <v>0</v>
      </c>
      <c r="BG8" s="280">
        <v>6</v>
      </c>
      <c r="BH8" s="277">
        <v>6</v>
      </c>
      <c r="BI8" s="279">
        <v>0</v>
      </c>
      <c r="BJ8" s="280">
        <v>450</v>
      </c>
      <c r="BK8" s="280">
        <v>547</v>
      </c>
      <c r="BL8" s="280">
        <v>568</v>
      </c>
      <c r="BM8" s="280">
        <v>359</v>
      </c>
      <c r="BN8" s="280">
        <v>249</v>
      </c>
      <c r="BO8" s="281">
        <v>2173</v>
      </c>
      <c r="BP8" s="282">
        <v>2179</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6</v>
      </c>
      <c r="CH8" s="280">
        <v>71</v>
      </c>
      <c r="CI8" s="280">
        <v>96</v>
      </c>
      <c r="CJ8" s="280">
        <v>66</v>
      </c>
      <c r="CK8" s="277">
        <v>243</v>
      </c>
      <c r="CL8" s="282">
        <v>243</v>
      </c>
      <c r="CM8" s="276">
        <v>0</v>
      </c>
      <c r="CN8" s="280">
        <v>0</v>
      </c>
      <c r="CO8" s="277">
        <v>0</v>
      </c>
      <c r="CP8" s="279">
        <v>0</v>
      </c>
      <c r="CQ8" s="280">
        <v>65</v>
      </c>
      <c r="CR8" s="280">
        <v>92</v>
      </c>
      <c r="CS8" s="280">
        <v>77</v>
      </c>
      <c r="CT8" s="280">
        <v>91</v>
      </c>
      <c r="CU8" s="280">
        <v>97</v>
      </c>
      <c r="CV8" s="277">
        <v>422</v>
      </c>
      <c r="CW8" s="282">
        <v>422</v>
      </c>
    </row>
    <row r="9" spans="1:101" ht="21" customHeight="1" x14ac:dyDescent="0.2">
      <c r="B9" s="261" t="s">
        <v>14</v>
      </c>
      <c r="C9" s="276">
        <v>0</v>
      </c>
      <c r="D9" s="277">
        <v>0</v>
      </c>
      <c r="E9" s="278">
        <v>0</v>
      </c>
      <c r="F9" s="279">
        <v>0</v>
      </c>
      <c r="G9" s="280">
        <v>25</v>
      </c>
      <c r="H9" s="280">
        <v>19</v>
      </c>
      <c r="I9" s="280">
        <v>23</v>
      </c>
      <c r="J9" s="280">
        <v>18</v>
      </c>
      <c r="K9" s="280">
        <v>15</v>
      </c>
      <c r="L9" s="281">
        <v>100</v>
      </c>
      <c r="M9" s="282">
        <v>100</v>
      </c>
      <c r="N9" s="276">
        <v>0</v>
      </c>
      <c r="O9" s="280">
        <v>0</v>
      </c>
      <c r="P9" s="277">
        <v>0</v>
      </c>
      <c r="Q9" s="279">
        <v>0</v>
      </c>
      <c r="R9" s="280">
        <v>1</v>
      </c>
      <c r="S9" s="280">
        <v>1</v>
      </c>
      <c r="T9" s="280">
        <v>2</v>
      </c>
      <c r="U9" s="280">
        <v>3</v>
      </c>
      <c r="V9" s="280">
        <v>2</v>
      </c>
      <c r="W9" s="277">
        <v>9</v>
      </c>
      <c r="X9" s="282">
        <v>9</v>
      </c>
      <c r="Y9" s="276">
        <v>0</v>
      </c>
      <c r="Z9" s="280">
        <v>0</v>
      </c>
      <c r="AA9" s="277">
        <v>0</v>
      </c>
      <c r="AB9" s="279">
        <v>0</v>
      </c>
      <c r="AC9" s="280">
        <v>1001</v>
      </c>
      <c r="AD9" s="280">
        <v>1115</v>
      </c>
      <c r="AE9" s="280">
        <v>540</v>
      </c>
      <c r="AF9" s="280">
        <v>241</v>
      </c>
      <c r="AG9" s="280">
        <v>126</v>
      </c>
      <c r="AH9" s="277">
        <v>3023</v>
      </c>
      <c r="AI9" s="282">
        <v>3023</v>
      </c>
      <c r="AJ9" s="276">
        <v>2</v>
      </c>
      <c r="AK9" s="280">
        <v>0</v>
      </c>
      <c r="AL9" s="277">
        <v>2</v>
      </c>
      <c r="AM9" s="279">
        <v>0</v>
      </c>
      <c r="AN9" s="280">
        <v>17</v>
      </c>
      <c r="AO9" s="280">
        <v>22</v>
      </c>
      <c r="AP9" s="280">
        <v>37</v>
      </c>
      <c r="AQ9" s="280">
        <v>18</v>
      </c>
      <c r="AR9" s="280">
        <v>21</v>
      </c>
      <c r="AS9" s="277">
        <v>115</v>
      </c>
      <c r="AT9" s="282">
        <v>117</v>
      </c>
      <c r="AU9" s="276">
        <v>18</v>
      </c>
      <c r="AV9" s="280">
        <v>31</v>
      </c>
      <c r="AW9" s="277">
        <v>49</v>
      </c>
      <c r="AX9" s="279">
        <v>0</v>
      </c>
      <c r="AY9" s="280">
        <v>110</v>
      </c>
      <c r="AZ9" s="280">
        <v>139</v>
      </c>
      <c r="BA9" s="280">
        <v>122</v>
      </c>
      <c r="BB9" s="280">
        <v>78</v>
      </c>
      <c r="BC9" s="280">
        <v>19</v>
      </c>
      <c r="BD9" s="277">
        <v>468</v>
      </c>
      <c r="BE9" s="282">
        <v>517</v>
      </c>
      <c r="BF9" s="276">
        <v>0</v>
      </c>
      <c r="BG9" s="280">
        <v>3</v>
      </c>
      <c r="BH9" s="277">
        <v>3</v>
      </c>
      <c r="BI9" s="279">
        <v>0</v>
      </c>
      <c r="BJ9" s="280">
        <v>225</v>
      </c>
      <c r="BK9" s="280">
        <v>284</v>
      </c>
      <c r="BL9" s="280">
        <v>353</v>
      </c>
      <c r="BM9" s="280">
        <v>213</v>
      </c>
      <c r="BN9" s="280">
        <v>143</v>
      </c>
      <c r="BO9" s="281">
        <v>1218</v>
      </c>
      <c r="BP9" s="282">
        <v>1221</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6</v>
      </c>
      <c r="CI9" s="280">
        <v>29</v>
      </c>
      <c r="CJ9" s="280">
        <v>12</v>
      </c>
      <c r="CK9" s="277">
        <v>59</v>
      </c>
      <c r="CL9" s="282">
        <v>59</v>
      </c>
      <c r="CM9" s="276">
        <v>0</v>
      </c>
      <c r="CN9" s="280">
        <v>0</v>
      </c>
      <c r="CO9" s="277">
        <v>0</v>
      </c>
      <c r="CP9" s="279">
        <v>0</v>
      </c>
      <c r="CQ9" s="280">
        <v>14</v>
      </c>
      <c r="CR9" s="280">
        <v>20</v>
      </c>
      <c r="CS9" s="280">
        <v>24</v>
      </c>
      <c r="CT9" s="280">
        <v>28</v>
      </c>
      <c r="CU9" s="280">
        <v>22</v>
      </c>
      <c r="CV9" s="277">
        <v>108</v>
      </c>
      <c r="CW9" s="282">
        <v>108</v>
      </c>
    </row>
    <row r="10" spans="1:101" ht="21" customHeight="1" x14ac:dyDescent="0.2">
      <c r="B10" s="261" t="s">
        <v>7</v>
      </c>
      <c r="C10" s="276">
        <v>0</v>
      </c>
      <c r="D10" s="277">
        <v>0</v>
      </c>
      <c r="E10" s="278">
        <v>0</v>
      </c>
      <c r="F10" s="279">
        <v>0</v>
      </c>
      <c r="G10" s="280">
        <v>6</v>
      </c>
      <c r="H10" s="280">
        <v>8</v>
      </c>
      <c r="I10" s="280">
        <v>4</v>
      </c>
      <c r="J10" s="280">
        <v>10</v>
      </c>
      <c r="K10" s="280">
        <v>6</v>
      </c>
      <c r="L10" s="281">
        <v>34</v>
      </c>
      <c r="M10" s="282">
        <v>34</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23</v>
      </c>
      <c r="AD10" s="280">
        <v>640</v>
      </c>
      <c r="AE10" s="280">
        <v>319</v>
      </c>
      <c r="AF10" s="280">
        <v>122</v>
      </c>
      <c r="AG10" s="280">
        <v>51</v>
      </c>
      <c r="AH10" s="277">
        <v>2255</v>
      </c>
      <c r="AI10" s="282">
        <v>2255</v>
      </c>
      <c r="AJ10" s="276">
        <v>0</v>
      </c>
      <c r="AK10" s="280">
        <v>0</v>
      </c>
      <c r="AL10" s="277">
        <v>0</v>
      </c>
      <c r="AM10" s="279">
        <v>0</v>
      </c>
      <c r="AN10" s="280">
        <v>85</v>
      </c>
      <c r="AO10" s="280">
        <v>98</v>
      </c>
      <c r="AP10" s="280">
        <v>93</v>
      </c>
      <c r="AQ10" s="280">
        <v>45</v>
      </c>
      <c r="AR10" s="280">
        <v>22</v>
      </c>
      <c r="AS10" s="277">
        <v>343</v>
      </c>
      <c r="AT10" s="282">
        <v>343</v>
      </c>
      <c r="AU10" s="276">
        <v>5</v>
      </c>
      <c r="AV10" s="280">
        <v>10</v>
      </c>
      <c r="AW10" s="277">
        <v>15</v>
      </c>
      <c r="AX10" s="279">
        <v>0</v>
      </c>
      <c r="AY10" s="280">
        <v>48</v>
      </c>
      <c r="AZ10" s="280">
        <v>34</v>
      </c>
      <c r="BA10" s="280">
        <v>34</v>
      </c>
      <c r="BB10" s="280">
        <v>22</v>
      </c>
      <c r="BC10" s="280">
        <v>6</v>
      </c>
      <c r="BD10" s="277">
        <v>144</v>
      </c>
      <c r="BE10" s="282">
        <v>159</v>
      </c>
      <c r="BF10" s="276">
        <v>0</v>
      </c>
      <c r="BG10" s="280">
        <v>0</v>
      </c>
      <c r="BH10" s="277">
        <v>0</v>
      </c>
      <c r="BI10" s="279">
        <v>0</v>
      </c>
      <c r="BJ10" s="280">
        <v>116</v>
      </c>
      <c r="BK10" s="280">
        <v>143</v>
      </c>
      <c r="BL10" s="280">
        <v>174</v>
      </c>
      <c r="BM10" s="280">
        <v>131</v>
      </c>
      <c r="BN10" s="280">
        <v>74</v>
      </c>
      <c r="BO10" s="281">
        <v>638</v>
      </c>
      <c r="BP10" s="282">
        <v>638</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0</v>
      </c>
      <c r="CR10" s="280">
        <v>14</v>
      </c>
      <c r="CS10" s="280">
        <v>12</v>
      </c>
      <c r="CT10" s="280">
        <v>10</v>
      </c>
      <c r="CU10" s="280">
        <v>20</v>
      </c>
      <c r="CV10" s="277">
        <v>66</v>
      </c>
      <c r="CW10" s="282">
        <v>66</v>
      </c>
    </row>
    <row r="11" spans="1:101" ht="21" customHeight="1" x14ac:dyDescent="0.2">
      <c r="B11" s="261" t="s">
        <v>8</v>
      </c>
      <c r="C11" s="276">
        <v>0</v>
      </c>
      <c r="D11" s="277">
        <v>0</v>
      </c>
      <c r="E11" s="278">
        <v>0</v>
      </c>
      <c r="F11" s="279">
        <v>0</v>
      </c>
      <c r="G11" s="280">
        <v>4</v>
      </c>
      <c r="H11" s="280">
        <v>7</v>
      </c>
      <c r="I11" s="280">
        <v>3</v>
      </c>
      <c r="J11" s="280">
        <v>7</v>
      </c>
      <c r="K11" s="280">
        <v>2</v>
      </c>
      <c r="L11" s="281">
        <v>23</v>
      </c>
      <c r="M11" s="282">
        <v>23</v>
      </c>
      <c r="N11" s="276">
        <v>0</v>
      </c>
      <c r="O11" s="280">
        <v>0</v>
      </c>
      <c r="P11" s="277">
        <v>0</v>
      </c>
      <c r="Q11" s="279">
        <v>0</v>
      </c>
      <c r="R11" s="280">
        <v>3</v>
      </c>
      <c r="S11" s="280">
        <v>1</v>
      </c>
      <c r="T11" s="280">
        <v>1</v>
      </c>
      <c r="U11" s="280">
        <v>1</v>
      </c>
      <c r="V11" s="280">
        <v>5</v>
      </c>
      <c r="W11" s="277">
        <v>11</v>
      </c>
      <c r="X11" s="282">
        <v>11</v>
      </c>
      <c r="Y11" s="276">
        <v>0</v>
      </c>
      <c r="Z11" s="280">
        <v>0</v>
      </c>
      <c r="AA11" s="277">
        <v>0</v>
      </c>
      <c r="AB11" s="279">
        <v>0</v>
      </c>
      <c r="AC11" s="280">
        <v>617</v>
      </c>
      <c r="AD11" s="280">
        <v>515</v>
      </c>
      <c r="AE11" s="280">
        <v>233</v>
      </c>
      <c r="AF11" s="280">
        <v>90</v>
      </c>
      <c r="AG11" s="280">
        <v>44</v>
      </c>
      <c r="AH11" s="277">
        <v>1499</v>
      </c>
      <c r="AI11" s="282">
        <v>1499</v>
      </c>
      <c r="AJ11" s="276">
        <v>0</v>
      </c>
      <c r="AK11" s="280">
        <v>0</v>
      </c>
      <c r="AL11" s="277">
        <v>0</v>
      </c>
      <c r="AM11" s="279">
        <v>0</v>
      </c>
      <c r="AN11" s="280">
        <v>8</v>
      </c>
      <c r="AO11" s="280">
        <v>9</v>
      </c>
      <c r="AP11" s="280">
        <v>10</v>
      </c>
      <c r="AQ11" s="280">
        <v>6</v>
      </c>
      <c r="AR11" s="280">
        <v>8</v>
      </c>
      <c r="AS11" s="277">
        <v>41</v>
      </c>
      <c r="AT11" s="282">
        <v>41</v>
      </c>
      <c r="AU11" s="276">
        <v>7</v>
      </c>
      <c r="AV11" s="280">
        <v>10</v>
      </c>
      <c r="AW11" s="277">
        <v>17</v>
      </c>
      <c r="AX11" s="279">
        <v>0</v>
      </c>
      <c r="AY11" s="280">
        <v>65</v>
      </c>
      <c r="AZ11" s="280">
        <v>47</v>
      </c>
      <c r="BA11" s="280">
        <v>54</v>
      </c>
      <c r="BB11" s="280">
        <v>28</v>
      </c>
      <c r="BC11" s="280">
        <v>10</v>
      </c>
      <c r="BD11" s="277">
        <v>204</v>
      </c>
      <c r="BE11" s="282">
        <v>221</v>
      </c>
      <c r="BF11" s="276">
        <v>0</v>
      </c>
      <c r="BG11" s="280">
        <v>0</v>
      </c>
      <c r="BH11" s="277">
        <v>0</v>
      </c>
      <c r="BI11" s="279">
        <v>0</v>
      </c>
      <c r="BJ11" s="280">
        <v>64</v>
      </c>
      <c r="BK11" s="280">
        <v>74</v>
      </c>
      <c r="BL11" s="280">
        <v>74</v>
      </c>
      <c r="BM11" s="280">
        <v>63</v>
      </c>
      <c r="BN11" s="280">
        <v>37</v>
      </c>
      <c r="BO11" s="281">
        <v>312</v>
      </c>
      <c r="BP11" s="282">
        <v>312</v>
      </c>
      <c r="BQ11" s="276">
        <v>0</v>
      </c>
      <c r="BR11" s="280">
        <v>0</v>
      </c>
      <c r="BS11" s="277">
        <v>0</v>
      </c>
      <c r="BT11" s="279">
        <v>0</v>
      </c>
      <c r="BU11" s="280">
        <v>2</v>
      </c>
      <c r="BV11" s="280">
        <v>10</v>
      </c>
      <c r="BW11" s="280">
        <v>12</v>
      </c>
      <c r="BX11" s="280">
        <v>13</v>
      </c>
      <c r="BY11" s="280">
        <v>5</v>
      </c>
      <c r="BZ11" s="277">
        <v>42</v>
      </c>
      <c r="CA11" s="282">
        <v>42</v>
      </c>
      <c r="CB11" s="276">
        <v>0</v>
      </c>
      <c r="CC11" s="280">
        <v>0</v>
      </c>
      <c r="CD11" s="277">
        <v>0</v>
      </c>
      <c r="CE11" s="279">
        <v>0</v>
      </c>
      <c r="CF11" s="280">
        <v>0</v>
      </c>
      <c r="CG11" s="280">
        <v>1</v>
      </c>
      <c r="CH11" s="280">
        <v>13</v>
      </c>
      <c r="CI11" s="280">
        <v>18</v>
      </c>
      <c r="CJ11" s="280">
        <v>11</v>
      </c>
      <c r="CK11" s="277">
        <v>43</v>
      </c>
      <c r="CL11" s="282">
        <v>43</v>
      </c>
      <c r="CM11" s="276">
        <v>0</v>
      </c>
      <c r="CN11" s="280">
        <v>0</v>
      </c>
      <c r="CO11" s="277">
        <v>0</v>
      </c>
      <c r="CP11" s="279">
        <v>0</v>
      </c>
      <c r="CQ11" s="280">
        <v>11</v>
      </c>
      <c r="CR11" s="280">
        <v>15</v>
      </c>
      <c r="CS11" s="280">
        <v>15</v>
      </c>
      <c r="CT11" s="280">
        <v>11</v>
      </c>
      <c r="CU11" s="280">
        <v>6</v>
      </c>
      <c r="CV11" s="277">
        <v>58</v>
      </c>
      <c r="CW11" s="282">
        <v>58</v>
      </c>
    </row>
    <row r="12" spans="1:101" ht="21" customHeight="1" x14ac:dyDescent="0.2">
      <c r="B12" s="261" t="s">
        <v>9</v>
      </c>
      <c r="C12" s="276">
        <v>0</v>
      </c>
      <c r="D12" s="277">
        <v>0</v>
      </c>
      <c r="E12" s="278">
        <v>0</v>
      </c>
      <c r="F12" s="279">
        <v>0</v>
      </c>
      <c r="G12" s="280">
        <v>2</v>
      </c>
      <c r="H12" s="280">
        <v>6</v>
      </c>
      <c r="I12" s="280">
        <v>4</v>
      </c>
      <c r="J12" s="280">
        <v>8</v>
      </c>
      <c r="K12" s="280">
        <v>7</v>
      </c>
      <c r="L12" s="281">
        <v>27</v>
      </c>
      <c r="M12" s="282">
        <v>27</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51</v>
      </c>
      <c r="AD12" s="280">
        <v>270</v>
      </c>
      <c r="AE12" s="280">
        <v>174</v>
      </c>
      <c r="AF12" s="280">
        <v>83</v>
      </c>
      <c r="AG12" s="280">
        <v>31</v>
      </c>
      <c r="AH12" s="277">
        <v>1009</v>
      </c>
      <c r="AI12" s="282">
        <v>1009</v>
      </c>
      <c r="AJ12" s="276">
        <v>0</v>
      </c>
      <c r="AK12" s="280">
        <v>0</v>
      </c>
      <c r="AL12" s="277">
        <v>0</v>
      </c>
      <c r="AM12" s="279">
        <v>0</v>
      </c>
      <c r="AN12" s="280">
        <v>6</v>
      </c>
      <c r="AO12" s="280">
        <v>8</v>
      </c>
      <c r="AP12" s="280">
        <v>13</v>
      </c>
      <c r="AQ12" s="280">
        <v>5</v>
      </c>
      <c r="AR12" s="280">
        <v>5</v>
      </c>
      <c r="AS12" s="277">
        <v>37</v>
      </c>
      <c r="AT12" s="282">
        <v>37</v>
      </c>
      <c r="AU12" s="276">
        <v>5</v>
      </c>
      <c r="AV12" s="280">
        <v>3</v>
      </c>
      <c r="AW12" s="277">
        <v>8</v>
      </c>
      <c r="AX12" s="279">
        <v>0</v>
      </c>
      <c r="AY12" s="280">
        <v>30</v>
      </c>
      <c r="AZ12" s="280">
        <v>34</v>
      </c>
      <c r="BA12" s="280">
        <v>14</v>
      </c>
      <c r="BB12" s="280">
        <v>18</v>
      </c>
      <c r="BC12" s="280">
        <v>5</v>
      </c>
      <c r="BD12" s="277">
        <v>101</v>
      </c>
      <c r="BE12" s="282">
        <v>109</v>
      </c>
      <c r="BF12" s="276">
        <v>0</v>
      </c>
      <c r="BG12" s="280">
        <v>1</v>
      </c>
      <c r="BH12" s="277">
        <v>1</v>
      </c>
      <c r="BI12" s="279">
        <v>0</v>
      </c>
      <c r="BJ12" s="280">
        <v>30</v>
      </c>
      <c r="BK12" s="280">
        <v>53</v>
      </c>
      <c r="BL12" s="280">
        <v>76</v>
      </c>
      <c r="BM12" s="280">
        <v>50</v>
      </c>
      <c r="BN12" s="280">
        <v>29</v>
      </c>
      <c r="BO12" s="281">
        <v>238</v>
      </c>
      <c r="BP12" s="282">
        <v>239</v>
      </c>
      <c r="BQ12" s="276">
        <v>0</v>
      </c>
      <c r="BR12" s="280">
        <v>0</v>
      </c>
      <c r="BS12" s="277">
        <v>0</v>
      </c>
      <c r="BT12" s="279">
        <v>0</v>
      </c>
      <c r="BU12" s="280">
        <v>5</v>
      </c>
      <c r="BV12" s="280">
        <v>5</v>
      </c>
      <c r="BW12" s="280">
        <v>5</v>
      </c>
      <c r="BX12" s="280">
        <v>5</v>
      </c>
      <c r="BY12" s="280">
        <v>5</v>
      </c>
      <c r="BZ12" s="277">
        <v>25</v>
      </c>
      <c r="CA12" s="282">
        <v>25</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7</v>
      </c>
      <c r="CR12" s="280">
        <v>4</v>
      </c>
      <c r="CS12" s="280">
        <v>12</v>
      </c>
      <c r="CT12" s="280">
        <v>9</v>
      </c>
      <c r="CU12" s="280">
        <v>12</v>
      </c>
      <c r="CV12" s="277">
        <v>44</v>
      </c>
      <c r="CW12" s="282">
        <v>44</v>
      </c>
    </row>
    <row r="13" spans="1:101" ht="21" customHeight="1" x14ac:dyDescent="0.2">
      <c r="B13" s="261" t="s">
        <v>10</v>
      </c>
      <c r="C13" s="276">
        <v>0</v>
      </c>
      <c r="D13" s="277">
        <v>0</v>
      </c>
      <c r="E13" s="278">
        <v>0</v>
      </c>
      <c r="F13" s="279">
        <v>0</v>
      </c>
      <c r="G13" s="280">
        <v>20</v>
      </c>
      <c r="H13" s="280">
        <v>17</v>
      </c>
      <c r="I13" s="280">
        <v>16</v>
      </c>
      <c r="J13" s="280">
        <v>19</v>
      </c>
      <c r="K13" s="280">
        <v>13</v>
      </c>
      <c r="L13" s="281">
        <v>85</v>
      </c>
      <c r="M13" s="282">
        <v>85</v>
      </c>
      <c r="N13" s="276">
        <v>0</v>
      </c>
      <c r="O13" s="280">
        <v>0</v>
      </c>
      <c r="P13" s="277">
        <v>0</v>
      </c>
      <c r="Q13" s="279">
        <v>0</v>
      </c>
      <c r="R13" s="280">
        <v>12</v>
      </c>
      <c r="S13" s="280">
        <v>13</v>
      </c>
      <c r="T13" s="280">
        <v>9</v>
      </c>
      <c r="U13" s="280">
        <v>11</v>
      </c>
      <c r="V13" s="280">
        <v>8</v>
      </c>
      <c r="W13" s="277">
        <v>53</v>
      </c>
      <c r="X13" s="282">
        <v>53</v>
      </c>
      <c r="Y13" s="276">
        <v>0</v>
      </c>
      <c r="Z13" s="280">
        <v>0</v>
      </c>
      <c r="AA13" s="277">
        <v>0</v>
      </c>
      <c r="AB13" s="279">
        <v>0</v>
      </c>
      <c r="AC13" s="280">
        <v>556</v>
      </c>
      <c r="AD13" s="280">
        <v>249</v>
      </c>
      <c r="AE13" s="280">
        <v>123</v>
      </c>
      <c r="AF13" s="280">
        <v>73</v>
      </c>
      <c r="AG13" s="280">
        <v>27</v>
      </c>
      <c r="AH13" s="277">
        <v>1028</v>
      </c>
      <c r="AI13" s="282">
        <v>1028</v>
      </c>
      <c r="AJ13" s="276">
        <v>0</v>
      </c>
      <c r="AK13" s="280">
        <v>1</v>
      </c>
      <c r="AL13" s="277">
        <v>1</v>
      </c>
      <c r="AM13" s="279">
        <v>0</v>
      </c>
      <c r="AN13" s="280">
        <v>17</v>
      </c>
      <c r="AO13" s="280">
        <v>10</v>
      </c>
      <c r="AP13" s="280">
        <v>24</v>
      </c>
      <c r="AQ13" s="280">
        <v>9</v>
      </c>
      <c r="AR13" s="280">
        <v>11</v>
      </c>
      <c r="AS13" s="277">
        <v>71</v>
      </c>
      <c r="AT13" s="282">
        <v>72</v>
      </c>
      <c r="AU13" s="276">
        <v>10</v>
      </c>
      <c r="AV13" s="280">
        <v>17</v>
      </c>
      <c r="AW13" s="277">
        <v>27</v>
      </c>
      <c r="AX13" s="279">
        <v>0</v>
      </c>
      <c r="AY13" s="280">
        <v>90</v>
      </c>
      <c r="AZ13" s="280">
        <v>76</v>
      </c>
      <c r="BA13" s="280">
        <v>79</v>
      </c>
      <c r="BB13" s="280">
        <v>48</v>
      </c>
      <c r="BC13" s="280">
        <v>40</v>
      </c>
      <c r="BD13" s="277">
        <v>333</v>
      </c>
      <c r="BE13" s="282">
        <v>360</v>
      </c>
      <c r="BF13" s="276">
        <v>0</v>
      </c>
      <c r="BG13" s="280">
        <v>2</v>
      </c>
      <c r="BH13" s="277">
        <v>2</v>
      </c>
      <c r="BI13" s="279">
        <v>0</v>
      </c>
      <c r="BJ13" s="280">
        <v>98</v>
      </c>
      <c r="BK13" s="280">
        <v>116</v>
      </c>
      <c r="BL13" s="280">
        <v>106</v>
      </c>
      <c r="BM13" s="280">
        <v>92</v>
      </c>
      <c r="BN13" s="280">
        <v>83</v>
      </c>
      <c r="BO13" s="281">
        <v>495</v>
      </c>
      <c r="BP13" s="282">
        <v>497</v>
      </c>
      <c r="BQ13" s="276">
        <v>0</v>
      </c>
      <c r="BR13" s="280">
        <v>0</v>
      </c>
      <c r="BS13" s="277">
        <v>0</v>
      </c>
      <c r="BT13" s="279">
        <v>0</v>
      </c>
      <c r="BU13" s="280">
        <v>29</v>
      </c>
      <c r="BV13" s="280">
        <v>28</v>
      </c>
      <c r="BW13" s="280">
        <v>34</v>
      </c>
      <c r="BX13" s="280">
        <v>31</v>
      </c>
      <c r="BY13" s="280">
        <v>31</v>
      </c>
      <c r="BZ13" s="277">
        <v>153</v>
      </c>
      <c r="CA13" s="282">
        <v>153</v>
      </c>
      <c r="CB13" s="276">
        <v>0</v>
      </c>
      <c r="CC13" s="280">
        <v>0</v>
      </c>
      <c r="CD13" s="277">
        <v>0</v>
      </c>
      <c r="CE13" s="279">
        <v>0</v>
      </c>
      <c r="CF13" s="280">
        <v>0</v>
      </c>
      <c r="CG13" s="280">
        <v>1</v>
      </c>
      <c r="CH13" s="280">
        <v>4</v>
      </c>
      <c r="CI13" s="280">
        <v>22</v>
      </c>
      <c r="CJ13" s="280">
        <v>16</v>
      </c>
      <c r="CK13" s="277">
        <v>43</v>
      </c>
      <c r="CL13" s="282">
        <v>43</v>
      </c>
      <c r="CM13" s="276">
        <v>0</v>
      </c>
      <c r="CN13" s="280">
        <v>0</v>
      </c>
      <c r="CO13" s="277">
        <v>0</v>
      </c>
      <c r="CP13" s="279">
        <v>0</v>
      </c>
      <c r="CQ13" s="280">
        <v>19</v>
      </c>
      <c r="CR13" s="280">
        <v>35</v>
      </c>
      <c r="CS13" s="280">
        <v>33</v>
      </c>
      <c r="CT13" s="280">
        <v>40</v>
      </c>
      <c r="CU13" s="280">
        <v>35</v>
      </c>
      <c r="CV13" s="277">
        <v>162</v>
      </c>
      <c r="CW13" s="282">
        <v>162</v>
      </c>
    </row>
    <row r="14" spans="1:101" ht="21" customHeight="1" x14ac:dyDescent="0.2">
      <c r="B14" s="261" t="s">
        <v>11</v>
      </c>
      <c r="C14" s="276">
        <v>0</v>
      </c>
      <c r="D14" s="277">
        <v>0</v>
      </c>
      <c r="E14" s="278">
        <v>0</v>
      </c>
      <c r="F14" s="279">
        <v>0</v>
      </c>
      <c r="G14" s="280">
        <v>12</v>
      </c>
      <c r="H14" s="280">
        <v>10</v>
      </c>
      <c r="I14" s="280">
        <v>5</v>
      </c>
      <c r="J14" s="280">
        <v>7</v>
      </c>
      <c r="K14" s="280">
        <v>6</v>
      </c>
      <c r="L14" s="281">
        <v>40</v>
      </c>
      <c r="M14" s="282">
        <v>40</v>
      </c>
      <c r="N14" s="276">
        <v>0</v>
      </c>
      <c r="O14" s="280">
        <v>0</v>
      </c>
      <c r="P14" s="277">
        <v>0</v>
      </c>
      <c r="Q14" s="279">
        <v>0</v>
      </c>
      <c r="R14" s="280">
        <v>10</v>
      </c>
      <c r="S14" s="280">
        <v>13</v>
      </c>
      <c r="T14" s="280">
        <v>12</v>
      </c>
      <c r="U14" s="280">
        <v>11</v>
      </c>
      <c r="V14" s="280">
        <v>5</v>
      </c>
      <c r="W14" s="277">
        <v>51</v>
      </c>
      <c r="X14" s="282">
        <v>51</v>
      </c>
      <c r="Y14" s="276">
        <v>0</v>
      </c>
      <c r="Z14" s="280">
        <v>0</v>
      </c>
      <c r="AA14" s="277">
        <v>0</v>
      </c>
      <c r="AB14" s="279">
        <v>0</v>
      </c>
      <c r="AC14" s="280">
        <v>522</v>
      </c>
      <c r="AD14" s="280">
        <v>255</v>
      </c>
      <c r="AE14" s="280">
        <v>125</v>
      </c>
      <c r="AF14" s="280">
        <v>71</v>
      </c>
      <c r="AG14" s="280">
        <v>24</v>
      </c>
      <c r="AH14" s="277">
        <v>997</v>
      </c>
      <c r="AI14" s="282">
        <v>997</v>
      </c>
      <c r="AJ14" s="276">
        <v>0</v>
      </c>
      <c r="AK14" s="280">
        <v>1</v>
      </c>
      <c r="AL14" s="277">
        <v>1</v>
      </c>
      <c r="AM14" s="279">
        <v>0</v>
      </c>
      <c r="AN14" s="280">
        <v>13</v>
      </c>
      <c r="AO14" s="280">
        <v>16</v>
      </c>
      <c r="AP14" s="280">
        <v>16</v>
      </c>
      <c r="AQ14" s="280">
        <v>0</v>
      </c>
      <c r="AR14" s="280">
        <v>2</v>
      </c>
      <c r="AS14" s="277">
        <v>47</v>
      </c>
      <c r="AT14" s="282">
        <v>48</v>
      </c>
      <c r="AU14" s="276">
        <v>0</v>
      </c>
      <c r="AV14" s="280">
        <v>5</v>
      </c>
      <c r="AW14" s="277">
        <v>5</v>
      </c>
      <c r="AX14" s="279">
        <v>0</v>
      </c>
      <c r="AY14" s="280">
        <v>36</v>
      </c>
      <c r="AZ14" s="280">
        <v>41</v>
      </c>
      <c r="BA14" s="280">
        <v>31</v>
      </c>
      <c r="BB14" s="280">
        <v>20</v>
      </c>
      <c r="BC14" s="280">
        <v>7</v>
      </c>
      <c r="BD14" s="277">
        <v>135</v>
      </c>
      <c r="BE14" s="282">
        <v>140</v>
      </c>
      <c r="BF14" s="276">
        <v>0</v>
      </c>
      <c r="BG14" s="280">
        <v>6</v>
      </c>
      <c r="BH14" s="277">
        <v>6</v>
      </c>
      <c r="BI14" s="279">
        <v>0</v>
      </c>
      <c r="BJ14" s="280">
        <v>54</v>
      </c>
      <c r="BK14" s="280">
        <v>66</v>
      </c>
      <c r="BL14" s="280">
        <v>79</v>
      </c>
      <c r="BM14" s="280">
        <v>55</v>
      </c>
      <c r="BN14" s="280">
        <v>25</v>
      </c>
      <c r="BO14" s="281">
        <v>279</v>
      </c>
      <c r="BP14" s="282">
        <v>285</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5</v>
      </c>
      <c r="CR14" s="280">
        <v>4</v>
      </c>
      <c r="CS14" s="280">
        <v>4</v>
      </c>
      <c r="CT14" s="280">
        <v>6</v>
      </c>
      <c r="CU14" s="280">
        <v>4</v>
      </c>
      <c r="CV14" s="277">
        <v>23</v>
      </c>
      <c r="CW14" s="282">
        <v>23</v>
      </c>
    </row>
    <row r="15" spans="1:101" ht="21" customHeight="1" x14ac:dyDescent="0.2">
      <c r="B15" s="261" t="s">
        <v>12</v>
      </c>
      <c r="C15" s="276">
        <v>0</v>
      </c>
      <c r="D15" s="277">
        <v>0</v>
      </c>
      <c r="E15" s="278">
        <v>0</v>
      </c>
      <c r="F15" s="279">
        <v>0</v>
      </c>
      <c r="G15" s="280">
        <v>8</v>
      </c>
      <c r="H15" s="280">
        <v>6</v>
      </c>
      <c r="I15" s="280">
        <v>4</v>
      </c>
      <c r="J15" s="280">
        <v>3</v>
      </c>
      <c r="K15" s="280">
        <v>7</v>
      </c>
      <c r="L15" s="281">
        <v>28</v>
      </c>
      <c r="M15" s="282">
        <v>28</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44</v>
      </c>
      <c r="AD15" s="280">
        <v>226</v>
      </c>
      <c r="AE15" s="280">
        <v>138</v>
      </c>
      <c r="AF15" s="280">
        <v>66</v>
      </c>
      <c r="AG15" s="280">
        <v>31</v>
      </c>
      <c r="AH15" s="277">
        <v>805</v>
      </c>
      <c r="AI15" s="282">
        <v>805</v>
      </c>
      <c r="AJ15" s="276">
        <v>0</v>
      </c>
      <c r="AK15" s="280">
        <v>0</v>
      </c>
      <c r="AL15" s="277">
        <v>0</v>
      </c>
      <c r="AM15" s="279">
        <v>0</v>
      </c>
      <c r="AN15" s="280">
        <v>4</v>
      </c>
      <c r="AO15" s="280">
        <v>4</v>
      </c>
      <c r="AP15" s="280">
        <v>1</v>
      </c>
      <c r="AQ15" s="280">
        <v>1</v>
      </c>
      <c r="AR15" s="280">
        <v>0</v>
      </c>
      <c r="AS15" s="277">
        <v>10</v>
      </c>
      <c r="AT15" s="282">
        <v>10</v>
      </c>
      <c r="AU15" s="276">
        <v>0</v>
      </c>
      <c r="AV15" s="280">
        <v>0</v>
      </c>
      <c r="AW15" s="277">
        <v>0</v>
      </c>
      <c r="AX15" s="279">
        <v>0</v>
      </c>
      <c r="AY15" s="280">
        <v>16</v>
      </c>
      <c r="AZ15" s="280">
        <v>23</v>
      </c>
      <c r="BA15" s="280">
        <v>43</v>
      </c>
      <c r="BB15" s="280">
        <v>43</v>
      </c>
      <c r="BC15" s="280">
        <v>24</v>
      </c>
      <c r="BD15" s="277">
        <v>149</v>
      </c>
      <c r="BE15" s="282">
        <v>149</v>
      </c>
      <c r="BF15" s="276">
        <v>0</v>
      </c>
      <c r="BG15" s="280">
        <v>0</v>
      </c>
      <c r="BH15" s="277">
        <v>0</v>
      </c>
      <c r="BI15" s="279">
        <v>0</v>
      </c>
      <c r="BJ15" s="280">
        <v>40</v>
      </c>
      <c r="BK15" s="280">
        <v>45</v>
      </c>
      <c r="BL15" s="280">
        <v>47</v>
      </c>
      <c r="BM15" s="280">
        <v>38</v>
      </c>
      <c r="BN15" s="280">
        <v>35</v>
      </c>
      <c r="BO15" s="281">
        <v>205</v>
      </c>
      <c r="BP15" s="282">
        <v>205</v>
      </c>
      <c r="BQ15" s="276">
        <v>0</v>
      </c>
      <c r="BR15" s="280">
        <v>0</v>
      </c>
      <c r="BS15" s="277">
        <v>0</v>
      </c>
      <c r="BT15" s="279">
        <v>0</v>
      </c>
      <c r="BU15" s="280">
        <v>0</v>
      </c>
      <c r="BV15" s="280">
        <v>7</v>
      </c>
      <c r="BW15" s="280">
        <v>4</v>
      </c>
      <c r="BX15" s="280">
        <v>11</v>
      </c>
      <c r="BY15" s="280">
        <v>3</v>
      </c>
      <c r="BZ15" s="277">
        <v>25</v>
      </c>
      <c r="CA15" s="282">
        <v>25</v>
      </c>
      <c r="CB15" s="276">
        <v>0</v>
      </c>
      <c r="CC15" s="280">
        <v>0</v>
      </c>
      <c r="CD15" s="277">
        <v>0</v>
      </c>
      <c r="CE15" s="279">
        <v>0</v>
      </c>
      <c r="CF15" s="280">
        <v>0</v>
      </c>
      <c r="CG15" s="280">
        <v>1</v>
      </c>
      <c r="CH15" s="280">
        <v>11</v>
      </c>
      <c r="CI15" s="280">
        <v>10</v>
      </c>
      <c r="CJ15" s="280">
        <v>7</v>
      </c>
      <c r="CK15" s="277">
        <v>29</v>
      </c>
      <c r="CL15" s="282">
        <v>29</v>
      </c>
      <c r="CM15" s="276">
        <v>0</v>
      </c>
      <c r="CN15" s="280">
        <v>0</v>
      </c>
      <c r="CO15" s="277">
        <v>0</v>
      </c>
      <c r="CP15" s="279">
        <v>0</v>
      </c>
      <c r="CQ15" s="280">
        <v>5</v>
      </c>
      <c r="CR15" s="280">
        <v>9</v>
      </c>
      <c r="CS15" s="280">
        <v>17</v>
      </c>
      <c r="CT15" s="280">
        <v>19</v>
      </c>
      <c r="CU15" s="280">
        <v>19</v>
      </c>
      <c r="CV15" s="277">
        <v>69</v>
      </c>
      <c r="CW15" s="282">
        <v>69</v>
      </c>
    </row>
    <row r="16" spans="1:101" ht="21" customHeight="1" x14ac:dyDescent="0.2">
      <c r="B16" s="261" t="s">
        <v>13</v>
      </c>
      <c r="C16" s="276">
        <v>0</v>
      </c>
      <c r="D16" s="277">
        <v>0</v>
      </c>
      <c r="E16" s="278">
        <v>0</v>
      </c>
      <c r="F16" s="279">
        <v>0</v>
      </c>
      <c r="G16" s="280">
        <v>1</v>
      </c>
      <c r="H16" s="280">
        <v>1</v>
      </c>
      <c r="I16" s="280">
        <v>2</v>
      </c>
      <c r="J16" s="280">
        <v>1</v>
      </c>
      <c r="K16" s="280">
        <v>1</v>
      </c>
      <c r="L16" s="281">
        <v>6</v>
      </c>
      <c r="M16" s="282">
        <v>6</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35</v>
      </c>
      <c r="AD16" s="280">
        <v>119</v>
      </c>
      <c r="AE16" s="280">
        <v>64</v>
      </c>
      <c r="AF16" s="280">
        <v>32</v>
      </c>
      <c r="AG16" s="280">
        <v>10</v>
      </c>
      <c r="AH16" s="277">
        <v>360</v>
      </c>
      <c r="AI16" s="282">
        <v>360</v>
      </c>
      <c r="AJ16" s="276">
        <v>0</v>
      </c>
      <c r="AK16" s="280">
        <v>0</v>
      </c>
      <c r="AL16" s="277">
        <v>0</v>
      </c>
      <c r="AM16" s="279">
        <v>0</v>
      </c>
      <c r="AN16" s="280">
        <v>1</v>
      </c>
      <c r="AO16" s="280">
        <v>5</v>
      </c>
      <c r="AP16" s="280">
        <v>9</v>
      </c>
      <c r="AQ16" s="280">
        <v>5</v>
      </c>
      <c r="AR16" s="280">
        <v>4</v>
      </c>
      <c r="AS16" s="277">
        <v>24</v>
      </c>
      <c r="AT16" s="282">
        <v>24</v>
      </c>
      <c r="AU16" s="276">
        <v>1</v>
      </c>
      <c r="AV16" s="280">
        <v>3</v>
      </c>
      <c r="AW16" s="277">
        <v>4</v>
      </c>
      <c r="AX16" s="279">
        <v>0</v>
      </c>
      <c r="AY16" s="280">
        <v>12</v>
      </c>
      <c r="AZ16" s="280">
        <v>9</v>
      </c>
      <c r="BA16" s="280">
        <v>9</v>
      </c>
      <c r="BB16" s="280">
        <v>1</v>
      </c>
      <c r="BC16" s="280">
        <v>0</v>
      </c>
      <c r="BD16" s="277">
        <v>31</v>
      </c>
      <c r="BE16" s="282">
        <v>35</v>
      </c>
      <c r="BF16" s="276">
        <v>0</v>
      </c>
      <c r="BG16" s="280">
        <v>0</v>
      </c>
      <c r="BH16" s="277">
        <v>0</v>
      </c>
      <c r="BI16" s="279">
        <v>0</v>
      </c>
      <c r="BJ16" s="280">
        <v>11</v>
      </c>
      <c r="BK16" s="280">
        <v>14</v>
      </c>
      <c r="BL16" s="280">
        <v>27</v>
      </c>
      <c r="BM16" s="280">
        <v>14</v>
      </c>
      <c r="BN16" s="280">
        <v>10</v>
      </c>
      <c r="BO16" s="281">
        <v>76</v>
      </c>
      <c r="BP16" s="282">
        <v>76</v>
      </c>
      <c r="BQ16" s="276">
        <v>0</v>
      </c>
      <c r="BR16" s="280">
        <v>0</v>
      </c>
      <c r="BS16" s="277">
        <v>0</v>
      </c>
      <c r="BT16" s="279">
        <v>0</v>
      </c>
      <c r="BU16" s="280">
        <v>0</v>
      </c>
      <c r="BV16" s="280">
        <v>0</v>
      </c>
      <c r="BW16" s="280">
        <v>4</v>
      </c>
      <c r="BX16" s="280">
        <v>7</v>
      </c>
      <c r="BY16" s="280">
        <v>3</v>
      </c>
      <c r="BZ16" s="277">
        <v>14</v>
      </c>
      <c r="CA16" s="282">
        <v>14</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3</v>
      </c>
      <c r="H17" s="280">
        <v>3</v>
      </c>
      <c r="I17" s="280">
        <v>4</v>
      </c>
      <c r="J17" s="280">
        <v>5</v>
      </c>
      <c r="K17" s="280">
        <v>5</v>
      </c>
      <c r="L17" s="281">
        <v>20</v>
      </c>
      <c r="M17" s="282">
        <v>2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49</v>
      </c>
      <c r="AD17" s="280">
        <v>178</v>
      </c>
      <c r="AE17" s="280">
        <v>76</v>
      </c>
      <c r="AF17" s="280">
        <v>39</v>
      </c>
      <c r="AG17" s="280">
        <v>15</v>
      </c>
      <c r="AH17" s="277">
        <v>457</v>
      </c>
      <c r="AI17" s="282">
        <v>457</v>
      </c>
      <c r="AJ17" s="276">
        <v>0</v>
      </c>
      <c r="AK17" s="280">
        <v>0</v>
      </c>
      <c r="AL17" s="277">
        <v>0</v>
      </c>
      <c r="AM17" s="279">
        <v>0</v>
      </c>
      <c r="AN17" s="280">
        <v>2</v>
      </c>
      <c r="AO17" s="280">
        <v>8</v>
      </c>
      <c r="AP17" s="280">
        <v>6</v>
      </c>
      <c r="AQ17" s="280">
        <v>2</v>
      </c>
      <c r="AR17" s="280">
        <v>2</v>
      </c>
      <c r="AS17" s="277">
        <v>20</v>
      </c>
      <c r="AT17" s="282">
        <v>20</v>
      </c>
      <c r="AU17" s="276">
        <v>4</v>
      </c>
      <c r="AV17" s="280">
        <v>12</v>
      </c>
      <c r="AW17" s="277">
        <v>16</v>
      </c>
      <c r="AX17" s="279">
        <v>0</v>
      </c>
      <c r="AY17" s="280">
        <v>20</v>
      </c>
      <c r="AZ17" s="280">
        <v>17</v>
      </c>
      <c r="BA17" s="280">
        <v>7</v>
      </c>
      <c r="BB17" s="280">
        <v>7</v>
      </c>
      <c r="BC17" s="280">
        <v>4</v>
      </c>
      <c r="BD17" s="277">
        <v>55</v>
      </c>
      <c r="BE17" s="282">
        <v>71</v>
      </c>
      <c r="BF17" s="276">
        <v>0</v>
      </c>
      <c r="BG17" s="280">
        <v>4</v>
      </c>
      <c r="BH17" s="277">
        <v>4</v>
      </c>
      <c r="BI17" s="279">
        <v>0</v>
      </c>
      <c r="BJ17" s="280">
        <v>35</v>
      </c>
      <c r="BK17" s="280">
        <v>33</v>
      </c>
      <c r="BL17" s="280">
        <v>41</v>
      </c>
      <c r="BM17" s="280">
        <v>29</v>
      </c>
      <c r="BN17" s="280">
        <v>15</v>
      </c>
      <c r="BO17" s="281">
        <v>153</v>
      </c>
      <c r="BP17" s="282">
        <v>157</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8</v>
      </c>
      <c r="CI17" s="280">
        <v>17</v>
      </c>
      <c r="CJ17" s="280">
        <v>8</v>
      </c>
      <c r="CK17" s="277">
        <v>33</v>
      </c>
      <c r="CL17" s="282">
        <v>33</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2</v>
      </c>
      <c r="H18" s="280">
        <v>14</v>
      </c>
      <c r="I18" s="280">
        <v>14</v>
      </c>
      <c r="J18" s="280">
        <v>9</v>
      </c>
      <c r="K18" s="280">
        <v>10</v>
      </c>
      <c r="L18" s="281">
        <v>59</v>
      </c>
      <c r="M18" s="282">
        <v>59</v>
      </c>
      <c r="N18" s="276">
        <v>0</v>
      </c>
      <c r="O18" s="280">
        <v>0</v>
      </c>
      <c r="P18" s="277">
        <v>0</v>
      </c>
      <c r="Q18" s="279">
        <v>0</v>
      </c>
      <c r="R18" s="280">
        <v>1</v>
      </c>
      <c r="S18" s="280">
        <v>1</v>
      </c>
      <c r="T18" s="280">
        <v>3</v>
      </c>
      <c r="U18" s="280">
        <v>2</v>
      </c>
      <c r="V18" s="280">
        <v>3</v>
      </c>
      <c r="W18" s="277">
        <v>10</v>
      </c>
      <c r="X18" s="282">
        <v>10</v>
      </c>
      <c r="Y18" s="276">
        <v>0</v>
      </c>
      <c r="Z18" s="280">
        <v>0</v>
      </c>
      <c r="AA18" s="277">
        <v>0</v>
      </c>
      <c r="AB18" s="279">
        <v>0</v>
      </c>
      <c r="AC18" s="280">
        <v>167</v>
      </c>
      <c r="AD18" s="280">
        <v>170</v>
      </c>
      <c r="AE18" s="280">
        <v>88</v>
      </c>
      <c r="AF18" s="280">
        <v>40</v>
      </c>
      <c r="AG18" s="280">
        <v>16</v>
      </c>
      <c r="AH18" s="277">
        <v>481</v>
      </c>
      <c r="AI18" s="282">
        <v>481</v>
      </c>
      <c r="AJ18" s="276">
        <v>0</v>
      </c>
      <c r="AK18" s="280">
        <v>0</v>
      </c>
      <c r="AL18" s="277">
        <v>0</v>
      </c>
      <c r="AM18" s="279">
        <v>0</v>
      </c>
      <c r="AN18" s="280">
        <v>5</v>
      </c>
      <c r="AO18" s="280">
        <v>8</v>
      </c>
      <c r="AP18" s="280">
        <v>6</v>
      </c>
      <c r="AQ18" s="280">
        <v>4</v>
      </c>
      <c r="AR18" s="280">
        <v>3</v>
      </c>
      <c r="AS18" s="277">
        <v>26</v>
      </c>
      <c r="AT18" s="282">
        <v>26</v>
      </c>
      <c r="AU18" s="276">
        <v>1</v>
      </c>
      <c r="AV18" s="280">
        <v>2</v>
      </c>
      <c r="AW18" s="277">
        <v>3</v>
      </c>
      <c r="AX18" s="279">
        <v>0</v>
      </c>
      <c r="AY18" s="280">
        <v>10</v>
      </c>
      <c r="AZ18" s="280">
        <v>32</v>
      </c>
      <c r="BA18" s="280">
        <v>14</v>
      </c>
      <c r="BB18" s="280">
        <v>16</v>
      </c>
      <c r="BC18" s="280">
        <v>6</v>
      </c>
      <c r="BD18" s="277">
        <v>78</v>
      </c>
      <c r="BE18" s="282">
        <v>81</v>
      </c>
      <c r="BF18" s="276">
        <v>0</v>
      </c>
      <c r="BG18" s="280">
        <v>0</v>
      </c>
      <c r="BH18" s="277">
        <v>0</v>
      </c>
      <c r="BI18" s="279">
        <v>0</v>
      </c>
      <c r="BJ18" s="280">
        <v>17</v>
      </c>
      <c r="BK18" s="280">
        <v>41</v>
      </c>
      <c r="BL18" s="280">
        <v>60</v>
      </c>
      <c r="BM18" s="280">
        <v>39</v>
      </c>
      <c r="BN18" s="280">
        <v>32</v>
      </c>
      <c r="BO18" s="281">
        <v>189</v>
      </c>
      <c r="BP18" s="282">
        <v>189</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8</v>
      </c>
      <c r="CJ18" s="280">
        <v>8</v>
      </c>
      <c r="CK18" s="277">
        <v>29</v>
      </c>
      <c r="CL18" s="282">
        <v>29</v>
      </c>
      <c r="CM18" s="276">
        <v>0</v>
      </c>
      <c r="CN18" s="280">
        <v>0</v>
      </c>
      <c r="CO18" s="277">
        <v>0</v>
      </c>
      <c r="CP18" s="279">
        <v>0</v>
      </c>
      <c r="CQ18" s="280">
        <v>2</v>
      </c>
      <c r="CR18" s="280">
        <v>6</v>
      </c>
      <c r="CS18" s="280">
        <v>5</v>
      </c>
      <c r="CT18" s="280">
        <v>5</v>
      </c>
      <c r="CU18" s="280">
        <v>4</v>
      </c>
      <c r="CV18" s="277">
        <v>22</v>
      </c>
      <c r="CW18" s="282">
        <v>22</v>
      </c>
    </row>
    <row r="19" spans="2:101" ht="21" customHeight="1" x14ac:dyDescent="0.2">
      <c r="B19" s="261" t="s">
        <v>17</v>
      </c>
      <c r="C19" s="276">
        <v>0</v>
      </c>
      <c r="D19" s="277">
        <v>0</v>
      </c>
      <c r="E19" s="278">
        <v>0</v>
      </c>
      <c r="F19" s="279">
        <v>0</v>
      </c>
      <c r="G19" s="280">
        <v>3</v>
      </c>
      <c r="H19" s="280">
        <v>5</v>
      </c>
      <c r="I19" s="280">
        <v>3</v>
      </c>
      <c r="J19" s="280">
        <v>5</v>
      </c>
      <c r="K19" s="280">
        <v>0</v>
      </c>
      <c r="L19" s="281">
        <v>16</v>
      </c>
      <c r="M19" s="282">
        <v>16</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34</v>
      </c>
      <c r="AD19" s="280">
        <v>312</v>
      </c>
      <c r="AE19" s="280">
        <v>134</v>
      </c>
      <c r="AF19" s="280">
        <v>84</v>
      </c>
      <c r="AG19" s="280">
        <v>52</v>
      </c>
      <c r="AH19" s="277">
        <v>816</v>
      </c>
      <c r="AI19" s="282">
        <v>816</v>
      </c>
      <c r="AJ19" s="276">
        <v>1</v>
      </c>
      <c r="AK19" s="280">
        <v>2</v>
      </c>
      <c r="AL19" s="277">
        <v>3</v>
      </c>
      <c r="AM19" s="279">
        <v>0</v>
      </c>
      <c r="AN19" s="280">
        <v>18</v>
      </c>
      <c r="AO19" s="280">
        <v>19</v>
      </c>
      <c r="AP19" s="280">
        <v>18</v>
      </c>
      <c r="AQ19" s="280">
        <v>17</v>
      </c>
      <c r="AR19" s="280">
        <v>3</v>
      </c>
      <c r="AS19" s="277">
        <v>75</v>
      </c>
      <c r="AT19" s="282">
        <v>78</v>
      </c>
      <c r="AU19" s="276">
        <v>0</v>
      </c>
      <c r="AV19" s="280">
        <v>2</v>
      </c>
      <c r="AW19" s="277">
        <v>2</v>
      </c>
      <c r="AX19" s="279">
        <v>0</v>
      </c>
      <c r="AY19" s="280">
        <v>19</v>
      </c>
      <c r="AZ19" s="280">
        <v>26</v>
      </c>
      <c r="BA19" s="280">
        <v>34</v>
      </c>
      <c r="BB19" s="280">
        <v>22</v>
      </c>
      <c r="BC19" s="280">
        <v>13</v>
      </c>
      <c r="BD19" s="277">
        <v>114</v>
      </c>
      <c r="BE19" s="282">
        <v>116</v>
      </c>
      <c r="BF19" s="276">
        <v>0</v>
      </c>
      <c r="BG19" s="280">
        <v>0</v>
      </c>
      <c r="BH19" s="277">
        <v>0</v>
      </c>
      <c r="BI19" s="279">
        <v>0</v>
      </c>
      <c r="BJ19" s="280">
        <v>39</v>
      </c>
      <c r="BK19" s="280">
        <v>59</v>
      </c>
      <c r="BL19" s="280">
        <v>56</v>
      </c>
      <c r="BM19" s="280">
        <v>53</v>
      </c>
      <c r="BN19" s="280">
        <v>22</v>
      </c>
      <c r="BO19" s="281">
        <v>229</v>
      </c>
      <c r="BP19" s="282">
        <v>229</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7</v>
      </c>
      <c r="CI19" s="280">
        <v>37</v>
      </c>
      <c r="CJ19" s="280">
        <v>35</v>
      </c>
      <c r="CK19" s="277">
        <v>101</v>
      </c>
      <c r="CL19" s="282">
        <v>101</v>
      </c>
      <c r="CM19" s="276">
        <v>0</v>
      </c>
      <c r="CN19" s="280">
        <v>0</v>
      </c>
      <c r="CO19" s="277">
        <v>0</v>
      </c>
      <c r="CP19" s="279">
        <v>0</v>
      </c>
      <c r="CQ19" s="280">
        <v>1</v>
      </c>
      <c r="CR19" s="280">
        <v>4</v>
      </c>
      <c r="CS19" s="280">
        <v>3</v>
      </c>
      <c r="CT19" s="280">
        <v>5</v>
      </c>
      <c r="CU19" s="280">
        <v>9</v>
      </c>
      <c r="CV19" s="277">
        <v>22</v>
      </c>
      <c r="CW19" s="282">
        <v>22</v>
      </c>
    </row>
    <row r="20" spans="2:101" ht="21" customHeight="1" x14ac:dyDescent="0.2">
      <c r="B20" s="261" t="s">
        <v>18</v>
      </c>
      <c r="C20" s="276">
        <v>0</v>
      </c>
      <c r="D20" s="277">
        <v>0</v>
      </c>
      <c r="E20" s="278">
        <v>0</v>
      </c>
      <c r="F20" s="279">
        <v>0</v>
      </c>
      <c r="G20" s="280">
        <v>2</v>
      </c>
      <c r="H20" s="280">
        <v>3</v>
      </c>
      <c r="I20" s="280">
        <v>2</v>
      </c>
      <c r="J20" s="280">
        <v>1</v>
      </c>
      <c r="K20" s="280">
        <v>1</v>
      </c>
      <c r="L20" s="281">
        <v>9</v>
      </c>
      <c r="M20" s="282">
        <v>9</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66</v>
      </c>
      <c r="AD20" s="280">
        <v>193</v>
      </c>
      <c r="AE20" s="280">
        <v>93</v>
      </c>
      <c r="AF20" s="280">
        <v>39</v>
      </c>
      <c r="AG20" s="280">
        <v>12</v>
      </c>
      <c r="AH20" s="277">
        <v>603</v>
      </c>
      <c r="AI20" s="282">
        <v>603</v>
      </c>
      <c r="AJ20" s="276">
        <v>0</v>
      </c>
      <c r="AK20" s="280">
        <v>0</v>
      </c>
      <c r="AL20" s="277">
        <v>0</v>
      </c>
      <c r="AM20" s="279">
        <v>0</v>
      </c>
      <c r="AN20" s="280">
        <v>10</v>
      </c>
      <c r="AO20" s="280">
        <v>4</v>
      </c>
      <c r="AP20" s="280">
        <v>24</v>
      </c>
      <c r="AQ20" s="280">
        <v>9</v>
      </c>
      <c r="AR20" s="280">
        <v>16</v>
      </c>
      <c r="AS20" s="277">
        <v>63</v>
      </c>
      <c r="AT20" s="282">
        <v>63</v>
      </c>
      <c r="AU20" s="276">
        <v>12</v>
      </c>
      <c r="AV20" s="280">
        <v>13</v>
      </c>
      <c r="AW20" s="277">
        <v>25</v>
      </c>
      <c r="AX20" s="279">
        <v>0</v>
      </c>
      <c r="AY20" s="280">
        <v>38</v>
      </c>
      <c r="AZ20" s="280">
        <v>52</v>
      </c>
      <c r="BA20" s="280">
        <v>42</v>
      </c>
      <c r="BB20" s="280">
        <v>23</v>
      </c>
      <c r="BC20" s="280">
        <v>11</v>
      </c>
      <c r="BD20" s="277">
        <v>166</v>
      </c>
      <c r="BE20" s="282">
        <v>191</v>
      </c>
      <c r="BF20" s="276">
        <v>0</v>
      </c>
      <c r="BG20" s="280">
        <v>4</v>
      </c>
      <c r="BH20" s="277">
        <v>4</v>
      </c>
      <c r="BI20" s="279">
        <v>0</v>
      </c>
      <c r="BJ20" s="280">
        <v>51</v>
      </c>
      <c r="BK20" s="280">
        <v>71</v>
      </c>
      <c r="BL20" s="280">
        <v>99</v>
      </c>
      <c r="BM20" s="280">
        <v>61</v>
      </c>
      <c r="BN20" s="280">
        <v>30</v>
      </c>
      <c r="BO20" s="281">
        <v>312</v>
      </c>
      <c r="BP20" s="282">
        <v>316</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2</v>
      </c>
      <c r="CH20" s="280">
        <v>5</v>
      </c>
      <c r="CI20" s="280">
        <v>16</v>
      </c>
      <c r="CJ20" s="280">
        <v>4</v>
      </c>
      <c r="CK20" s="277">
        <v>27</v>
      </c>
      <c r="CL20" s="282">
        <v>27</v>
      </c>
      <c r="CM20" s="276">
        <v>0</v>
      </c>
      <c r="CN20" s="280">
        <v>0</v>
      </c>
      <c r="CO20" s="277">
        <v>0</v>
      </c>
      <c r="CP20" s="279">
        <v>0</v>
      </c>
      <c r="CQ20" s="280">
        <v>3</v>
      </c>
      <c r="CR20" s="280">
        <v>9</v>
      </c>
      <c r="CS20" s="280">
        <v>8</v>
      </c>
      <c r="CT20" s="280">
        <v>16</v>
      </c>
      <c r="CU20" s="280">
        <v>21</v>
      </c>
      <c r="CV20" s="277">
        <v>57</v>
      </c>
      <c r="CW20" s="282">
        <v>57</v>
      </c>
    </row>
    <row r="21" spans="2:101" ht="21" customHeight="1" x14ac:dyDescent="0.2">
      <c r="B21" s="261" t="s">
        <v>19</v>
      </c>
      <c r="C21" s="276">
        <v>0</v>
      </c>
      <c r="D21" s="277">
        <v>0</v>
      </c>
      <c r="E21" s="278">
        <v>0</v>
      </c>
      <c r="F21" s="279">
        <v>0</v>
      </c>
      <c r="G21" s="280">
        <v>15</v>
      </c>
      <c r="H21" s="280">
        <v>13</v>
      </c>
      <c r="I21" s="280">
        <v>4</v>
      </c>
      <c r="J21" s="280">
        <v>4</v>
      </c>
      <c r="K21" s="280">
        <v>6</v>
      </c>
      <c r="L21" s="281">
        <v>42</v>
      </c>
      <c r="M21" s="282">
        <v>42</v>
      </c>
      <c r="N21" s="276">
        <v>0</v>
      </c>
      <c r="O21" s="280">
        <v>0</v>
      </c>
      <c r="P21" s="277">
        <v>0</v>
      </c>
      <c r="Q21" s="279">
        <v>0</v>
      </c>
      <c r="R21" s="280">
        <v>1</v>
      </c>
      <c r="S21" s="280">
        <v>4</v>
      </c>
      <c r="T21" s="280">
        <v>2</v>
      </c>
      <c r="U21" s="280">
        <v>3</v>
      </c>
      <c r="V21" s="280">
        <v>1</v>
      </c>
      <c r="W21" s="277">
        <v>11</v>
      </c>
      <c r="X21" s="282">
        <v>11</v>
      </c>
      <c r="Y21" s="276">
        <v>0</v>
      </c>
      <c r="Z21" s="280">
        <v>0</v>
      </c>
      <c r="AA21" s="277">
        <v>0</v>
      </c>
      <c r="AB21" s="279">
        <v>0</v>
      </c>
      <c r="AC21" s="280">
        <v>136</v>
      </c>
      <c r="AD21" s="280">
        <v>101</v>
      </c>
      <c r="AE21" s="280">
        <v>41</v>
      </c>
      <c r="AF21" s="280">
        <v>23</v>
      </c>
      <c r="AG21" s="280">
        <v>14</v>
      </c>
      <c r="AH21" s="277">
        <v>315</v>
      </c>
      <c r="AI21" s="282">
        <v>315</v>
      </c>
      <c r="AJ21" s="276">
        <v>0</v>
      </c>
      <c r="AK21" s="280">
        <v>0</v>
      </c>
      <c r="AL21" s="277">
        <v>0</v>
      </c>
      <c r="AM21" s="279">
        <v>0</v>
      </c>
      <c r="AN21" s="280">
        <v>15</v>
      </c>
      <c r="AO21" s="280">
        <v>22</v>
      </c>
      <c r="AP21" s="280">
        <v>15</v>
      </c>
      <c r="AQ21" s="280">
        <v>3</v>
      </c>
      <c r="AR21" s="280">
        <v>2</v>
      </c>
      <c r="AS21" s="277">
        <v>57</v>
      </c>
      <c r="AT21" s="282">
        <v>57</v>
      </c>
      <c r="AU21" s="276">
        <v>0</v>
      </c>
      <c r="AV21" s="280">
        <v>2</v>
      </c>
      <c r="AW21" s="277">
        <v>2</v>
      </c>
      <c r="AX21" s="279">
        <v>0</v>
      </c>
      <c r="AY21" s="280">
        <v>22</v>
      </c>
      <c r="AZ21" s="280">
        <v>34</v>
      </c>
      <c r="BA21" s="280">
        <v>23</v>
      </c>
      <c r="BB21" s="280">
        <v>17</v>
      </c>
      <c r="BC21" s="280">
        <v>13</v>
      </c>
      <c r="BD21" s="277">
        <v>109</v>
      </c>
      <c r="BE21" s="282">
        <v>111</v>
      </c>
      <c r="BF21" s="276">
        <v>0</v>
      </c>
      <c r="BG21" s="280">
        <v>0</v>
      </c>
      <c r="BH21" s="277">
        <v>0</v>
      </c>
      <c r="BI21" s="279">
        <v>0</v>
      </c>
      <c r="BJ21" s="280">
        <v>12</v>
      </c>
      <c r="BK21" s="280">
        <v>23</v>
      </c>
      <c r="BL21" s="280">
        <v>28</v>
      </c>
      <c r="BM21" s="280">
        <v>21</v>
      </c>
      <c r="BN21" s="280">
        <v>14</v>
      </c>
      <c r="BO21" s="281">
        <v>98</v>
      </c>
      <c r="BP21" s="282">
        <v>98</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1</v>
      </c>
      <c r="CR21" s="280">
        <v>3</v>
      </c>
      <c r="CS21" s="280">
        <v>4</v>
      </c>
      <c r="CT21" s="280">
        <v>2</v>
      </c>
      <c r="CU21" s="280">
        <v>13</v>
      </c>
      <c r="CV21" s="277">
        <v>23</v>
      </c>
      <c r="CW21" s="282">
        <v>23</v>
      </c>
    </row>
    <row r="22" spans="2:101" ht="21" customHeight="1" x14ac:dyDescent="0.2">
      <c r="B22" s="261" t="s">
        <v>20</v>
      </c>
      <c r="C22" s="276">
        <v>0</v>
      </c>
      <c r="D22" s="277">
        <v>0</v>
      </c>
      <c r="E22" s="278">
        <v>0</v>
      </c>
      <c r="F22" s="279">
        <v>0</v>
      </c>
      <c r="G22" s="280">
        <v>1</v>
      </c>
      <c r="H22" s="280">
        <v>1</v>
      </c>
      <c r="I22" s="280">
        <v>0</v>
      </c>
      <c r="J22" s="280">
        <v>0</v>
      </c>
      <c r="K22" s="280">
        <v>0</v>
      </c>
      <c r="L22" s="281">
        <v>2</v>
      </c>
      <c r="M22" s="282">
        <v>2</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92</v>
      </c>
      <c r="AD22" s="280">
        <v>91</v>
      </c>
      <c r="AE22" s="280">
        <v>52</v>
      </c>
      <c r="AF22" s="280">
        <v>17</v>
      </c>
      <c r="AG22" s="280">
        <v>2</v>
      </c>
      <c r="AH22" s="277">
        <v>354</v>
      </c>
      <c r="AI22" s="282">
        <v>354</v>
      </c>
      <c r="AJ22" s="276">
        <v>0</v>
      </c>
      <c r="AK22" s="280">
        <v>0</v>
      </c>
      <c r="AL22" s="277">
        <v>0</v>
      </c>
      <c r="AM22" s="279">
        <v>0</v>
      </c>
      <c r="AN22" s="280">
        <v>1</v>
      </c>
      <c r="AO22" s="280">
        <v>2</v>
      </c>
      <c r="AP22" s="280">
        <v>3</v>
      </c>
      <c r="AQ22" s="280">
        <v>0</v>
      </c>
      <c r="AR22" s="280">
        <v>2</v>
      </c>
      <c r="AS22" s="277">
        <v>8</v>
      </c>
      <c r="AT22" s="282">
        <v>8</v>
      </c>
      <c r="AU22" s="276">
        <v>1</v>
      </c>
      <c r="AV22" s="280">
        <v>1</v>
      </c>
      <c r="AW22" s="277">
        <v>2</v>
      </c>
      <c r="AX22" s="279">
        <v>0</v>
      </c>
      <c r="AY22" s="280">
        <v>13</v>
      </c>
      <c r="AZ22" s="280">
        <v>14</v>
      </c>
      <c r="BA22" s="280">
        <v>11</v>
      </c>
      <c r="BB22" s="280">
        <v>3</v>
      </c>
      <c r="BC22" s="280">
        <v>1</v>
      </c>
      <c r="BD22" s="277">
        <v>42</v>
      </c>
      <c r="BE22" s="282">
        <v>44</v>
      </c>
      <c r="BF22" s="276">
        <v>0</v>
      </c>
      <c r="BG22" s="280">
        <v>1</v>
      </c>
      <c r="BH22" s="277">
        <v>1</v>
      </c>
      <c r="BI22" s="279">
        <v>0</v>
      </c>
      <c r="BJ22" s="280">
        <v>17</v>
      </c>
      <c r="BK22" s="280">
        <v>24</v>
      </c>
      <c r="BL22" s="280">
        <v>38</v>
      </c>
      <c r="BM22" s="280">
        <v>21</v>
      </c>
      <c r="BN22" s="280">
        <v>12</v>
      </c>
      <c r="BO22" s="281">
        <v>112</v>
      </c>
      <c r="BP22" s="282">
        <v>113</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3</v>
      </c>
      <c r="H23" s="280">
        <v>7</v>
      </c>
      <c r="I23" s="280">
        <v>0</v>
      </c>
      <c r="J23" s="280">
        <v>4</v>
      </c>
      <c r="K23" s="280">
        <v>0</v>
      </c>
      <c r="L23" s="281">
        <v>14</v>
      </c>
      <c r="M23" s="282">
        <v>14</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84</v>
      </c>
      <c r="AD23" s="280">
        <v>185</v>
      </c>
      <c r="AE23" s="280">
        <v>73</v>
      </c>
      <c r="AF23" s="280">
        <v>27</v>
      </c>
      <c r="AG23" s="280">
        <v>12</v>
      </c>
      <c r="AH23" s="277">
        <v>481</v>
      </c>
      <c r="AI23" s="282">
        <v>481</v>
      </c>
      <c r="AJ23" s="276">
        <v>0</v>
      </c>
      <c r="AK23" s="280">
        <v>0</v>
      </c>
      <c r="AL23" s="277">
        <v>0</v>
      </c>
      <c r="AM23" s="279">
        <v>0</v>
      </c>
      <c r="AN23" s="280">
        <v>0</v>
      </c>
      <c r="AO23" s="280">
        <v>0</v>
      </c>
      <c r="AP23" s="280">
        <v>1</v>
      </c>
      <c r="AQ23" s="280">
        <v>0</v>
      </c>
      <c r="AR23" s="280">
        <v>1</v>
      </c>
      <c r="AS23" s="277">
        <v>2</v>
      </c>
      <c r="AT23" s="282">
        <v>2</v>
      </c>
      <c r="AU23" s="276">
        <v>0</v>
      </c>
      <c r="AV23" s="280">
        <v>0</v>
      </c>
      <c r="AW23" s="277">
        <v>0</v>
      </c>
      <c r="AX23" s="279">
        <v>0</v>
      </c>
      <c r="AY23" s="280">
        <v>6</v>
      </c>
      <c r="AZ23" s="280">
        <v>5</v>
      </c>
      <c r="BA23" s="280">
        <v>16</v>
      </c>
      <c r="BB23" s="280">
        <v>7</v>
      </c>
      <c r="BC23" s="280">
        <v>4</v>
      </c>
      <c r="BD23" s="277">
        <v>38</v>
      </c>
      <c r="BE23" s="282">
        <v>38</v>
      </c>
      <c r="BF23" s="276">
        <v>0</v>
      </c>
      <c r="BG23" s="280">
        <v>0</v>
      </c>
      <c r="BH23" s="277">
        <v>0</v>
      </c>
      <c r="BI23" s="279">
        <v>0</v>
      </c>
      <c r="BJ23" s="280">
        <v>22</v>
      </c>
      <c r="BK23" s="280">
        <v>35</v>
      </c>
      <c r="BL23" s="280">
        <v>40</v>
      </c>
      <c r="BM23" s="280">
        <v>14</v>
      </c>
      <c r="BN23" s="280">
        <v>12</v>
      </c>
      <c r="BO23" s="281">
        <v>123</v>
      </c>
      <c r="BP23" s="282">
        <v>123</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0</v>
      </c>
      <c r="CT23" s="280">
        <v>2</v>
      </c>
      <c r="CU23" s="280">
        <v>6</v>
      </c>
      <c r="CV23" s="277">
        <v>13</v>
      </c>
      <c r="CW23" s="282">
        <v>13</v>
      </c>
    </row>
    <row r="24" spans="2:101" ht="21" customHeight="1" x14ac:dyDescent="0.2">
      <c r="B24" s="261" t="s">
        <v>22</v>
      </c>
      <c r="C24" s="276">
        <v>0</v>
      </c>
      <c r="D24" s="277">
        <v>0</v>
      </c>
      <c r="E24" s="278">
        <v>0</v>
      </c>
      <c r="F24" s="279">
        <v>0</v>
      </c>
      <c r="G24" s="280">
        <v>3</v>
      </c>
      <c r="H24" s="280">
        <v>6</v>
      </c>
      <c r="I24" s="280">
        <v>5</v>
      </c>
      <c r="J24" s="280">
        <v>1</v>
      </c>
      <c r="K24" s="280">
        <v>0</v>
      </c>
      <c r="L24" s="281">
        <v>15</v>
      </c>
      <c r="M24" s="282">
        <v>15</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36</v>
      </c>
      <c r="AD24" s="280">
        <v>95</v>
      </c>
      <c r="AE24" s="280">
        <v>30</v>
      </c>
      <c r="AF24" s="280">
        <v>16</v>
      </c>
      <c r="AG24" s="280">
        <v>6</v>
      </c>
      <c r="AH24" s="277">
        <v>283</v>
      </c>
      <c r="AI24" s="282">
        <v>283</v>
      </c>
      <c r="AJ24" s="276">
        <v>1</v>
      </c>
      <c r="AK24" s="280">
        <v>0</v>
      </c>
      <c r="AL24" s="277">
        <v>1</v>
      </c>
      <c r="AM24" s="279">
        <v>0</v>
      </c>
      <c r="AN24" s="280">
        <v>5</v>
      </c>
      <c r="AO24" s="280">
        <v>6</v>
      </c>
      <c r="AP24" s="280">
        <v>2</v>
      </c>
      <c r="AQ24" s="280">
        <v>4</v>
      </c>
      <c r="AR24" s="280">
        <v>1</v>
      </c>
      <c r="AS24" s="277">
        <v>18</v>
      </c>
      <c r="AT24" s="282">
        <v>19</v>
      </c>
      <c r="AU24" s="276">
        <v>2</v>
      </c>
      <c r="AV24" s="280">
        <v>4</v>
      </c>
      <c r="AW24" s="277">
        <v>6</v>
      </c>
      <c r="AX24" s="279">
        <v>0</v>
      </c>
      <c r="AY24" s="280">
        <v>13</v>
      </c>
      <c r="AZ24" s="280">
        <v>18</v>
      </c>
      <c r="BA24" s="280">
        <v>19</v>
      </c>
      <c r="BB24" s="280">
        <v>10</v>
      </c>
      <c r="BC24" s="280">
        <v>3</v>
      </c>
      <c r="BD24" s="277">
        <v>63</v>
      </c>
      <c r="BE24" s="282">
        <v>69</v>
      </c>
      <c r="BF24" s="276">
        <v>0</v>
      </c>
      <c r="BG24" s="280">
        <v>0</v>
      </c>
      <c r="BH24" s="277">
        <v>0</v>
      </c>
      <c r="BI24" s="279">
        <v>0</v>
      </c>
      <c r="BJ24" s="280">
        <v>14</v>
      </c>
      <c r="BK24" s="280">
        <v>21</v>
      </c>
      <c r="BL24" s="280">
        <v>12</v>
      </c>
      <c r="BM24" s="280">
        <v>6</v>
      </c>
      <c r="BN24" s="280">
        <v>1</v>
      </c>
      <c r="BO24" s="281">
        <v>54</v>
      </c>
      <c r="BP24" s="282">
        <v>5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4</v>
      </c>
      <c r="CI24" s="280">
        <v>20</v>
      </c>
      <c r="CJ24" s="280">
        <v>8</v>
      </c>
      <c r="CK24" s="277">
        <v>32</v>
      </c>
      <c r="CL24" s="282">
        <v>32</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1</v>
      </c>
      <c r="L25" s="281">
        <v>2</v>
      </c>
      <c r="M25" s="282">
        <v>2</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59</v>
      </c>
      <c r="AD25" s="280">
        <v>41</v>
      </c>
      <c r="AE25" s="280">
        <v>18</v>
      </c>
      <c r="AF25" s="280">
        <v>11</v>
      </c>
      <c r="AG25" s="280">
        <v>5</v>
      </c>
      <c r="AH25" s="277">
        <v>134</v>
      </c>
      <c r="AI25" s="282">
        <v>134</v>
      </c>
      <c r="AJ25" s="276">
        <v>0</v>
      </c>
      <c r="AK25" s="280">
        <v>0</v>
      </c>
      <c r="AL25" s="277">
        <v>0</v>
      </c>
      <c r="AM25" s="279">
        <v>0</v>
      </c>
      <c r="AN25" s="280">
        <v>0</v>
      </c>
      <c r="AO25" s="280">
        <v>1</v>
      </c>
      <c r="AP25" s="280">
        <v>3</v>
      </c>
      <c r="AQ25" s="280">
        <v>1</v>
      </c>
      <c r="AR25" s="280">
        <v>0</v>
      </c>
      <c r="AS25" s="277">
        <v>5</v>
      </c>
      <c r="AT25" s="282">
        <v>5</v>
      </c>
      <c r="AU25" s="276">
        <v>0</v>
      </c>
      <c r="AV25" s="280">
        <v>0</v>
      </c>
      <c r="AW25" s="277">
        <v>0</v>
      </c>
      <c r="AX25" s="279">
        <v>0</v>
      </c>
      <c r="AY25" s="280">
        <v>6</v>
      </c>
      <c r="AZ25" s="280">
        <v>4</v>
      </c>
      <c r="BA25" s="280">
        <v>3</v>
      </c>
      <c r="BB25" s="280">
        <v>1</v>
      </c>
      <c r="BC25" s="280">
        <v>2</v>
      </c>
      <c r="BD25" s="277">
        <v>16</v>
      </c>
      <c r="BE25" s="282">
        <v>16</v>
      </c>
      <c r="BF25" s="276">
        <v>0</v>
      </c>
      <c r="BG25" s="280">
        <v>1</v>
      </c>
      <c r="BH25" s="277">
        <v>1</v>
      </c>
      <c r="BI25" s="279">
        <v>0</v>
      </c>
      <c r="BJ25" s="280">
        <v>30</v>
      </c>
      <c r="BK25" s="280">
        <v>14</v>
      </c>
      <c r="BL25" s="280">
        <v>22</v>
      </c>
      <c r="BM25" s="280">
        <v>11</v>
      </c>
      <c r="BN25" s="280">
        <v>10</v>
      </c>
      <c r="BO25" s="281">
        <v>87</v>
      </c>
      <c r="BP25" s="282">
        <v>8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3</v>
      </c>
      <c r="H26" s="280">
        <v>3</v>
      </c>
      <c r="I26" s="280">
        <v>2</v>
      </c>
      <c r="J26" s="280">
        <v>2</v>
      </c>
      <c r="K26" s="280">
        <v>0</v>
      </c>
      <c r="L26" s="281">
        <v>10</v>
      </c>
      <c r="M26" s="282">
        <v>10</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6</v>
      </c>
      <c r="AD26" s="280">
        <v>14</v>
      </c>
      <c r="AE26" s="280">
        <v>14</v>
      </c>
      <c r="AF26" s="280">
        <v>4</v>
      </c>
      <c r="AG26" s="280">
        <v>1</v>
      </c>
      <c r="AH26" s="277">
        <v>59</v>
      </c>
      <c r="AI26" s="282">
        <v>59</v>
      </c>
      <c r="AJ26" s="276">
        <v>0</v>
      </c>
      <c r="AK26" s="280">
        <v>0</v>
      </c>
      <c r="AL26" s="277">
        <v>0</v>
      </c>
      <c r="AM26" s="279">
        <v>0</v>
      </c>
      <c r="AN26" s="280">
        <v>9</v>
      </c>
      <c r="AO26" s="280">
        <v>4</v>
      </c>
      <c r="AP26" s="280">
        <v>4</v>
      </c>
      <c r="AQ26" s="280">
        <v>2</v>
      </c>
      <c r="AR26" s="280">
        <v>1</v>
      </c>
      <c r="AS26" s="277">
        <v>20</v>
      </c>
      <c r="AT26" s="282">
        <v>20</v>
      </c>
      <c r="AU26" s="276">
        <v>4</v>
      </c>
      <c r="AV26" s="280">
        <v>2</v>
      </c>
      <c r="AW26" s="277">
        <v>6</v>
      </c>
      <c r="AX26" s="279">
        <v>0</v>
      </c>
      <c r="AY26" s="280">
        <v>15</v>
      </c>
      <c r="AZ26" s="280">
        <v>10</v>
      </c>
      <c r="BA26" s="280">
        <v>8</v>
      </c>
      <c r="BB26" s="280">
        <v>5</v>
      </c>
      <c r="BC26" s="280">
        <v>1</v>
      </c>
      <c r="BD26" s="277">
        <v>39</v>
      </c>
      <c r="BE26" s="282">
        <v>45</v>
      </c>
      <c r="BF26" s="276">
        <v>0</v>
      </c>
      <c r="BG26" s="280">
        <v>0</v>
      </c>
      <c r="BH26" s="277">
        <v>0</v>
      </c>
      <c r="BI26" s="279">
        <v>0</v>
      </c>
      <c r="BJ26" s="280">
        <v>1</v>
      </c>
      <c r="BK26" s="280">
        <v>4</v>
      </c>
      <c r="BL26" s="280">
        <v>8</v>
      </c>
      <c r="BM26" s="280">
        <v>8</v>
      </c>
      <c r="BN26" s="280">
        <v>5</v>
      </c>
      <c r="BO26" s="281">
        <v>26</v>
      </c>
      <c r="BP26" s="282">
        <v>26</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77</v>
      </c>
      <c r="AD27" s="280">
        <v>36</v>
      </c>
      <c r="AE27" s="280">
        <v>14</v>
      </c>
      <c r="AF27" s="280">
        <v>4</v>
      </c>
      <c r="AG27" s="280">
        <v>1</v>
      </c>
      <c r="AH27" s="277">
        <v>132</v>
      </c>
      <c r="AI27" s="282">
        <v>132</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2</v>
      </c>
      <c r="AZ27" s="280">
        <v>7</v>
      </c>
      <c r="BA27" s="280">
        <v>3</v>
      </c>
      <c r="BB27" s="280">
        <v>0</v>
      </c>
      <c r="BC27" s="280">
        <v>0</v>
      </c>
      <c r="BD27" s="277">
        <v>12</v>
      </c>
      <c r="BE27" s="282">
        <v>14</v>
      </c>
      <c r="BF27" s="276">
        <v>0</v>
      </c>
      <c r="BG27" s="280">
        <v>0</v>
      </c>
      <c r="BH27" s="277">
        <v>0</v>
      </c>
      <c r="BI27" s="279">
        <v>0</v>
      </c>
      <c r="BJ27" s="280">
        <v>6</v>
      </c>
      <c r="BK27" s="280">
        <v>10</v>
      </c>
      <c r="BL27" s="280">
        <v>8</v>
      </c>
      <c r="BM27" s="280">
        <v>7</v>
      </c>
      <c r="BN27" s="280">
        <v>0</v>
      </c>
      <c r="BO27" s="281">
        <v>31</v>
      </c>
      <c r="BP27" s="282">
        <v>3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7</v>
      </c>
      <c r="AD28" s="280">
        <v>42</v>
      </c>
      <c r="AE28" s="280">
        <v>22</v>
      </c>
      <c r="AF28" s="280">
        <v>9</v>
      </c>
      <c r="AG28" s="280">
        <v>7</v>
      </c>
      <c r="AH28" s="277">
        <v>127</v>
      </c>
      <c r="AI28" s="282">
        <v>127</v>
      </c>
      <c r="AJ28" s="276">
        <v>0</v>
      </c>
      <c r="AK28" s="280">
        <v>0</v>
      </c>
      <c r="AL28" s="277">
        <v>0</v>
      </c>
      <c r="AM28" s="279">
        <v>0</v>
      </c>
      <c r="AN28" s="280">
        <v>2</v>
      </c>
      <c r="AO28" s="280">
        <v>2</v>
      </c>
      <c r="AP28" s="280">
        <v>6</v>
      </c>
      <c r="AQ28" s="280">
        <v>2</v>
      </c>
      <c r="AR28" s="280">
        <v>2</v>
      </c>
      <c r="AS28" s="277">
        <v>14</v>
      </c>
      <c r="AT28" s="282">
        <v>14</v>
      </c>
      <c r="AU28" s="276">
        <v>1</v>
      </c>
      <c r="AV28" s="280">
        <v>0</v>
      </c>
      <c r="AW28" s="277">
        <v>1</v>
      </c>
      <c r="AX28" s="279">
        <v>0</v>
      </c>
      <c r="AY28" s="280">
        <v>7</v>
      </c>
      <c r="AZ28" s="280">
        <v>4</v>
      </c>
      <c r="BA28" s="280">
        <v>3</v>
      </c>
      <c r="BB28" s="280">
        <v>0</v>
      </c>
      <c r="BC28" s="280">
        <v>1</v>
      </c>
      <c r="BD28" s="277">
        <v>15</v>
      </c>
      <c r="BE28" s="282">
        <v>16</v>
      </c>
      <c r="BF28" s="276">
        <v>0</v>
      </c>
      <c r="BG28" s="280">
        <v>0</v>
      </c>
      <c r="BH28" s="277">
        <v>0</v>
      </c>
      <c r="BI28" s="279">
        <v>0</v>
      </c>
      <c r="BJ28" s="280">
        <v>12</v>
      </c>
      <c r="BK28" s="280">
        <v>12</v>
      </c>
      <c r="BL28" s="280">
        <v>18</v>
      </c>
      <c r="BM28" s="280">
        <v>10</v>
      </c>
      <c r="BN28" s="280">
        <v>0</v>
      </c>
      <c r="BO28" s="281">
        <v>52</v>
      </c>
      <c r="BP28" s="282">
        <v>5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0</v>
      </c>
      <c r="AD29" s="280">
        <v>14</v>
      </c>
      <c r="AE29" s="280">
        <v>7</v>
      </c>
      <c r="AF29" s="280">
        <v>3</v>
      </c>
      <c r="AG29" s="280">
        <v>0</v>
      </c>
      <c r="AH29" s="277">
        <v>54</v>
      </c>
      <c r="AI29" s="282">
        <v>54</v>
      </c>
      <c r="AJ29" s="276">
        <v>0</v>
      </c>
      <c r="AK29" s="280">
        <v>0</v>
      </c>
      <c r="AL29" s="277">
        <v>0</v>
      </c>
      <c r="AM29" s="279">
        <v>0</v>
      </c>
      <c r="AN29" s="280">
        <v>3</v>
      </c>
      <c r="AO29" s="280">
        <v>1</v>
      </c>
      <c r="AP29" s="280">
        <v>1</v>
      </c>
      <c r="AQ29" s="280">
        <v>2</v>
      </c>
      <c r="AR29" s="280">
        <v>1</v>
      </c>
      <c r="AS29" s="277">
        <v>8</v>
      </c>
      <c r="AT29" s="282">
        <v>8</v>
      </c>
      <c r="AU29" s="276">
        <v>0</v>
      </c>
      <c r="AV29" s="280">
        <v>0</v>
      </c>
      <c r="AW29" s="277">
        <v>0</v>
      </c>
      <c r="AX29" s="279">
        <v>0</v>
      </c>
      <c r="AY29" s="280">
        <v>0</v>
      </c>
      <c r="AZ29" s="280">
        <v>1</v>
      </c>
      <c r="BA29" s="280">
        <v>0</v>
      </c>
      <c r="BB29" s="280">
        <v>0</v>
      </c>
      <c r="BC29" s="280">
        <v>0</v>
      </c>
      <c r="BD29" s="277">
        <v>1</v>
      </c>
      <c r="BE29" s="282">
        <v>1</v>
      </c>
      <c r="BF29" s="276">
        <v>0</v>
      </c>
      <c r="BG29" s="280">
        <v>0</v>
      </c>
      <c r="BH29" s="277">
        <v>0</v>
      </c>
      <c r="BI29" s="279">
        <v>0</v>
      </c>
      <c r="BJ29" s="280">
        <v>10</v>
      </c>
      <c r="BK29" s="280">
        <v>5</v>
      </c>
      <c r="BL29" s="280">
        <v>9</v>
      </c>
      <c r="BM29" s="280">
        <v>5</v>
      </c>
      <c r="BN29" s="280">
        <v>4</v>
      </c>
      <c r="BO29" s="281">
        <v>33</v>
      </c>
      <c r="BP29" s="282">
        <v>33</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0</v>
      </c>
      <c r="CI29" s="280">
        <v>9</v>
      </c>
      <c r="CJ29" s="280">
        <v>4</v>
      </c>
      <c r="CK29" s="277">
        <v>23</v>
      </c>
      <c r="CL29" s="282">
        <v>23</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2</v>
      </c>
      <c r="AD30" s="280">
        <v>14</v>
      </c>
      <c r="AE30" s="280">
        <v>3</v>
      </c>
      <c r="AF30" s="280">
        <v>1</v>
      </c>
      <c r="AG30" s="280">
        <v>1</v>
      </c>
      <c r="AH30" s="277">
        <v>41</v>
      </c>
      <c r="AI30" s="282">
        <v>41</v>
      </c>
      <c r="AJ30" s="276">
        <v>0</v>
      </c>
      <c r="AK30" s="280">
        <v>0</v>
      </c>
      <c r="AL30" s="277">
        <v>0</v>
      </c>
      <c r="AM30" s="279">
        <v>0</v>
      </c>
      <c r="AN30" s="280">
        <v>2</v>
      </c>
      <c r="AO30" s="280">
        <v>2</v>
      </c>
      <c r="AP30" s="280">
        <v>1</v>
      </c>
      <c r="AQ30" s="280">
        <v>0</v>
      </c>
      <c r="AR30" s="280">
        <v>0</v>
      </c>
      <c r="AS30" s="277">
        <v>5</v>
      </c>
      <c r="AT30" s="282">
        <v>5</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4</v>
      </c>
      <c r="BL30" s="280">
        <v>6</v>
      </c>
      <c r="BM30" s="280">
        <v>1</v>
      </c>
      <c r="BN30" s="280">
        <v>4</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1</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4</v>
      </c>
      <c r="AD31" s="280">
        <v>15</v>
      </c>
      <c r="AE31" s="280">
        <v>2</v>
      </c>
      <c r="AF31" s="280">
        <v>4</v>
      </c>
      <c r="AG31" s="280">
        <v>0</v>
      </c>
      <c r="AH31" s="277">
        <v>35</v>
      </c>
      <c r="AI31" s="282">
        <v>35</v>
      </c>
      <c r="AJ31" s="276">
        <v>0</v>
      </c>
      <c r="AK31" s="280">
        <v>0</v>
      </c>
      <c r="AL31" s="277">
        <v>0</v>
      </c>
      <c r="AM31" s="279">
        <v>0</v>
      </c>
      <c r="AN31" s="280">
        <v>1</v>
      </c>
      <c r="AO31" s="280">
        <v>0</v>
      </c>
      <c r="AP31" s="280">
        <v>1</v>
      </c>
      <c r="AQ31" s="280">
        <v>1</v>
      </c>
      <c r="AR31" s="280">
        <v>0</v>
      </c>
      <c r="AS31" s="277">
        <v>3</v>
      </c>
      <c r="AT31" s="282">
        <v>3</v>
      </c>
      <c r="AU31" s="276">
        <v>0</v>
      </c>
      <c r="AV31" s="280">
        <v>3</v>
      </c>
      <c r="AW31" s="277">
        <v>3</v>
      </c>
      <c r="AX31" s="279">
        <v>0</v>
      </c>
      <c r="AY31" s="280">
        <v>8</v>
      </c>
      <c r="AZ31" s="280">
        <v>3</v>
      </c>
      <c r="BA31" s="280">
        <v>8</v>
      </c>
      <c r="BB31" s="280">
        <v>5</v>
      </c>
      <c r="BC31" s="280">
        <v>0</v>
      </c>
      <c r="BD31" s="277">
        <v>24</v>
      </c>
      <c r="BE31" s="282">
        <v>27</v>
      </c>
      <c r="BF31" s="276">
        <v>0</v>
      </c>
      <c r="BG31" s="280">
        <v>0</v>
      </c>
      <c r="BH31" s="277">
        <v>0</v>
      </c>
      <c r="BI31" s="279">
        <v>0</v>
      </c>
      <c r="BJ31" s="280">
        <v>5</v>
      </c>
      <c r="BK31" s="280">
        <v>4</v>
      </c>
      <c r="BL31" s="280">
        <v>4</v>
      </c>
      <c r="BM31" s="280">
        <v>0</v>
      </c>
      <c r="BN31" s="280">
        <v>4</v>
      </c>
      <c r="BO31" s="281">
        <v>17</v>
      </c>
      <c r="BP31" s="282">
        <v>17</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2</v>
      </c>
      <c r="CG31" s="280">
        <v>1</v>
      </c>
      <c r="CH31" s="280">
        <v>10</v>
      </c>
      <c r="CI31" s="280">
        <v>9</v>
      </c>
      <c r="CJ31" s="280">
        <v>4</v>
      </c>
      <c r="CK31" s="277">
        <v>26</v>
      </c>
      <c r="CL31" s="282">
        <v>26</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2</v>
      </c>
      <c r="J32" s="280">
        <v>0</v>
      </c>
      <c r="K32" s="280">
        <v>0</v>
      </c>
      <c r="L32" s="281">
        <v>2</v>
      </c>
      <c r="M32" s="282">
        <v>2</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2</v>
      </c>
      <c r="AD32" s="280">
        <v>8</v>
      </c>
      <c r="AE32" s="280">
        <v>8</v>
      </c>
      <c r="AF32" s="280">
        <v>3</v>
      </c>
      <c r="AG32" s="280">
        <v>0</v>
      </c>
      <c r="AH32" s="277">
        <v>41</v>
      </c>
      <c r="AI32" s="282">
        <v>41</v>
      </c>
      <c r="AJ32" s="276">
        <v>1</v>
      </c>
      <c r="AK32" s="280">
        <v>0</v>
      </c>
      <c r="AL32" s="277">
        <v>1</v>
      </c>
      <c r="AM32" s="279">
        <v>0</v>
      </c>
      <c r="AN32" s="280">
        <v>2</v>
      </c>
      <c r="AO32" s="280">
        <v>2</v>
      </c>
      <c r="AP32" s="280">
        <v>2</v>
      </c>
      <c r="AQ32" s="280">
        <v>0</v>
      </c>
      <c r="AR32" s="280">
        <v>0</v>
      </c>
      <c r="AS32" s="277">
        <v>6</v>
      </c>
      <c r="AT32" s="282">
        <v>7</v>
      </c>
      <c r="AU32" s="276">
        <v>0</v>
      </c>
      <c r="AV32" s="280">
        <v>0</v>
      </c>
      <c r="AW32" s="277">
        <v>0</v>
      </c>
      <c r="AX32" s="279">
        <v>0</v>
      </c>
      <c r="AY32" s="280">
        <v>0</v>
      </c>
      <c r="AZ32" s="280">
        <v>0</v>
      </c>
      <c r="BA32" s="280">
        <v>0</v>
      </c>
      <c r="BB32" s="280">
        <v>1</v>
      </c>
      <c r="BC32" s="280">
        <v>0</v>
      </c>
      <c r="BD32" s="277">
        <v>1</v>
      </c>
      <c r="BE32" s="282">
        <v>1</v>
      </c>
      <c r="BF32" s="276">
        <v>0</v>
      </c>
      <c r="BG32" s="280">
        <v>0</v>
      </c>
      <c r="BH32" s="277">
        <v>0</v>
      </c>
      <c r="BI32" s="279">
        <v>0</v>
      </c>
      <c r="BJ32" s="280">
        <v>6</v>
      </c>
      <c r="BK32" s="280">
        <v>4</v>
      </c>
      <c r="BL32" s="280">
        <v>4</v>
      </c>
      <c r="BM32" s="280">
        <v>6</v>
      </c>
      <c r="BN32" s="280">
        <v>0</v>
      </c>
      <c r="BO32" s="281">
        <v>20</v>
      </c>
      <c r="BP32" s="282">
        <v>2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40</v>
      </c>
      <c r="AD33" s="280">
        <v>17</v>
      </c>
      <c r="AE33" s="280">
        <v>7</v>
      </c>
      <c r="AF33" s="280">
        <v>2</v>
      </c>
      <c r="AG33" s="280">
        <v>0</v>
      </c>
      <c r="AH33" s="277">
        <v>66</v>
      </c>
      <c r="AI33" s="282">
        <v>66</v>
      </c>
      <c r="AJ33" s="276">
        <v>0</v>
      </c>
      <c r="AK33" s="280">
        <v>0</v>
      </c>
      <c r="AL33" s="277">
        <v>0</v>
      </c>
      <c r="AM33" s="279">
        <v>0</v>
      </c>
      <c r="AN33" s="280">
        <v>0</v>
      </c>
      <c r="AO33" s="280">
        <v>0</v>
      </c>
      <c r="AP33" s="280">
        <v>1</v>
      </c>
      <c r="AQ33" s="280">
        <v>0</v>
      </c>
      <c r="AR33" s="280">
        <v>1</v>
      </c>
      <c r="AS33" s="277">
        <v>2</v>
      </c>
      <c r="AT33" s="282">
        <v>2</v>
      </c>
      <c r="AU33" s="276">
        <v>0</v>
      </c>
      <c r="AV33" s="280">
        <v>2</v>
      </c>
      <c r="AW33" s="277">
        <v>2</v>
      </c>
      <c r="AX33" s="279">
        <v>0</v>
      </c>
      <c r="AY33" s="280">
        <v>9</v>
      </c>
      <c r="AZ33" s="280">
        <v>4</v>
      </c>
      <c r="BA33" s="280">
        <v>5</v>
      </c>
      <c r="BB33" s="280">
        <v>3</v>
      </c>
      <c r="BC33" s="280">
        <v>1</v>
      </c>
      <c r="BD33" s="277">
        <v>22</v>
      </c>
      <c r="BE33" s="282">
        <v>24</v>
      </c>
      <c r="BF33" s="276">
        <v>0</v>
      </c>
      <c r="BG33" s="280">
        <v>0</v>
      </c>
      <c r="BH33" s="277">
        <v>0</v>
      </c>
      <c r="BI33" s="279">
        <v>0</v>
      </c>
      <c r="BJ33" s="280">
        <v>6</v>
      </c>
      <c r="BK33" s="280">
        <v>9</v>
      </c>
      <c r="BL33" s="280">
        <v>12</v>
      </c>
      <c r="BM33" s="280">
        <v>11</v>
      </c>
      <c r="BN33" s="280">
        <v>3</v>
      </c>
      <c r="BO33" s="281">
        <v>41</v>
      </c>
      <c r="BP33" s="282">
        <v>4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2</v>
      </c>
      <c r="K34" s="280">
        <v>0</v>
      </c>
      <c r="L34" s="281">
        <v>5</v>
      </c>
      <c r="M34" s="282">
        <v>5</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5</v>
      </c>
      <c r="AD34" s="280">
        <v>34</v>
      </c>
      <c r="AE34" s="280">
        <v>8</v>
      </c>
      <c r="AF34" s="280">
        <v>0</v>
      </c>
      <c r="AG34" s="280">
        <v>3</v>
      </c>
      <c r="AH34" s="277">
        <v>80</v>
      </c>
      <c r="AI34" s="282">
        <v>80</v>
      </c>
      <c r="AJ34" s="276">
        <v>0</v>
      </c>
      <c r="AK34" s="280">
        <v>0</v>
      </c>
      <c r="AL34" s="277">
        <v>0</v>
      </c>
      <c r="AM34" s="279">
        <v>0</v>
      </c>
      <c r="AN34" s="280">
        <v>3</v>
      </c>
      <c r="AO34" s="280">
        <v>1</v>
      </c>
      <c r="AP34" s="280">
        <v>2</v>
      </c>
      <c r="AQ34" s="280">
        <v>0</v>
      </c>
      <c r="AR34" s="280">
        <v>1</v>
      </c>
      <c r="AS34" s="277">
        <v>7</v>
      </c>
      <c r="AT34" s="282">
        <v>7</v>
      </c>
      <c r="AU34" s="276">
        <v>2</v>
      </c>
      <c r="AV34" s="280">
        <v>3</v>
      </c>
      <c r="AW34" s="277">
        <v>5</v>
      </c>
      <c r="AX34" s="279">
        <v>0</v>
      </c>
      <c r="AY34" s="280">
        <v>2</v>
      </c>
      <c r="AZ34" s="280">
        <v>1</v>
      </c>
      <c r="BA34" s="280">
        <v>3</v>
      </c>
      <c r="BB34" s="280">
        <v>1</v>
      </c>
      <c r="BC34" s="280">
        <v>0</v>
      </c>
      <c r="BD34" s="277">
        <v>7</v>
      </c>
      <c r="BE34" s="282">
        <v>12</v>
      </c>
      <c r="BF34" s="276">
        <v>0</v>
      </c>
      <c r="BG34" s="280">
        <v>0</v>
      </c>
      <c r="BH34" s="277">
        <v>0</v>
      </c>
      <c r="BI34" s="279">
        <v>0</v>
      </c>
      <c r="BJ34" s="280">
        <v>1</v>
      </c>
      <c r="BK34" s="280">
        <v>3</v>
      </c>
      <c r="BL34" s="280">
        <v>11</v>
      </c>
      <c r="BM34" s="280">
        <v>9</v>
      </c>
      <c r="BN34" s="280">
        <v>7</v>
      </c>
      <c r="BO34" s="281">
        <v>31</v>
      </c>
      <c r="BP34" s="282">
        <v>3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5</v>
      </c>
      <c r="CI34" s="280">
        <v>9</v>
      </c>
      <c r="CJ34" s="280">
        <v>1</v>
      </c>
      <c r="CK34" s="277">
        <v>27</v>
      </c>
      <c r="CL34" s="282">
        <v>27</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8</v>
      </c>
      <c r="AD35" s="280">
        <v>9</v>
      </c>
      <c r="AE35" s="280">
        <v>10</v>
      </c>
      <c r="AF35" s="280">
        <v>0</v>
      </c>
      <c r="AG35" s="280">
        <v>1</v>
      </c>
      <c r="AH35" s="277">
        <v>48</v>
      </c>
      <c r="AI35" s="282">
        <v>48</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8</v>
      </c>
      <c r="BM35" s="280">
        <v>1</v>
      </c>
      <c r="BN35" s="280">
        <v>1</v>
      </c>
      <c r="BO35" s="281">
        <v>15</v>
      </c>
      <c r="BP35" s="282">
        <v>17</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5</v>
      </c>
      <c r="CR35" s="280">
        <v>6</v>
      </c>
      <c r="CS35" s="280">
        <v>5</v>
      </c>
      <c r="CT35" s="280">
        <v>3</v>
      </c>
      <c r="CU35" s="280">
        <v>5</v>
      </c>
      <c r="CV35" s="277">
        <v>24</v>
      </c>
      <c r="CW35" s="282">
        <v>24</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4</v>
      </c>
      <c r="AD36" s="280">
        <v>6</v>
      </c>
      <c r="AE36" s="280">
        <v>2</v>
      </c>
      <c r="AF36" s="280">
        <v>2</v>
      </c>
      <c r="AG36" s="280">
        <v>1</v>
      </c>
      <c r="AH36" s="277">
        <v>25</v>
      </c>
      <c r="AI36" s="282">
        <v>25</v>
      </c>
      <c r="AJ36" s="276">
        <v>0</v>
      </c>
      <c r="AK36" s="280">
        <v>0</v>
      </c>
      <c r="AL36" s="277">
        <v>0</v>
      </c>
      <c r="AM36" s="279">
        <v>0</v>
      </c>
      <c r="AN36" s="280">
        <v>0</v>
      </c>
      <c r="AO36" s="280">
        <v>0</v>
      </c>
      <c r="AP36" s="280">
        <v>0</v>
      </c>
      <c r="AQ36" s="280">
        <v>0</v>
      </c>
      <c r="AR36" s="280">
        <v>1</v>
      </c>
      <c r="AS36" s="277">
        <v>1</v>
      </c>
      <c r="AT36" s="282">
        <v>1</v>
      </c>
      <c r="AU36" s="276">
        <v>1</v>
      </c>
      <c r="AV36" s="280">
        <v>3</v>
      </c>
      <c r="AW36" s="277">
        <v>4</v>
      </c>
      <c r="AX36" s="279">
        <v>0</v>
      </c>
      <c r="AY36" s="280">
        <v>7</v>
      </c>
      <c r="AZ36" s="280">
        <v>5</v>
      </c>
      <c r="BA36" s="280">
        <v>6</v>
      </c>
      <c r="BB36" s="280">
        <v>2</v>
      </c>
      <c r="BC36" s="280">
        <v>1</v>
      </c>
      <c r="BD36" s="277">
        <v>21</v>
      </c>
      <c r="BE36" s="282">
        <v>25</v>
      </c>
      <c r="BF36" s="276">
        <v>0</v>
      </c>
      <c r="BG36" s="280">
        <v>0</v>
      </c>
      <c r="BH36" s="277">
        <v>0</v>
      </c>
      <c r="BI36" s="279">
        <v>0</v>
      </c>
      <c r="BJ36" s="280">
        <v>3</v>
      </c>
      <c r="BK36" s="280">
        <v>2</v>
      </c>
      <c r="BL36" s="280">
        <v>1</v>
      </c>
      <c r="BM36" s="280">
        <v>2</v>
      </c>
      <c r="BN36" s="280">
        <v>3</v>
      </c>
      <c r="BO36" s="281">
        <v>11</v>
      </c>
      <c r="BP36" s="282">
        <v>1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7</v>
      </c>
      <c r="CR36" s="280">
        <v>10</v>
      </c>
      <c r="CS36" s="280">
        <v>1</v>
      </c>
      <c r="CT36" s="280">
        <v>4</v>
      </c>
      <c r="CU36" s="280">
        <v>4</v>
      </c>
      <c r="CV36" s="277">
        <v>26</v>
      </c>
      <c r="CW36" s="282">
        <v>26</v>
      </c>
    </row>
    <row r="37" spans="2:101" ht="21" customHeight="1" x14ac:dyDescent="0.2">
      <c r="B37" s="261" t="s">
        <v>35</v>
      </c>
      <c r="C37" s="276">
        <v>0</v>
      </c>
      <c r="D37" s="277">
        <v>0</v>
      </c>
      <c r="E37" s="278">
        <v>0</v>
      </c>
      <c r="F37" s="279">
        <v>0</v>
      </c>
      <c r="G37" s="280">
        <v>0</v>
      </c>
      <c r="H37" s="280">
        <v>1</v>
      </c>
      <c r="I37" s="280">
        <v>1</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8</v>
      </c>
      <c r="AD37" s="280">
        <v>15</v>
      </c>
      <c r="AE37" s="280">
        <v>8</v>
      </c>
      <c r="AF37" s="280">
        <v>8</v>
      </c>
      <c r="AG37" s="280">
        <v>3</v>
      </c>
      <c r="AH37" s="277">
        <v>52</v>
      </c>
      <c r="AI37" s="282">
        <v>52</v>
      </c>
      <c r="AJ37" s="276">
        <v>0</v>
      </c>
      <c r="AK37" s="280">
        <v>0</v>
      </c>
      <c r="AL37" s="277">
        <v>0</v>
      </c>
      <c r="AM37" s="279">
        <v>0</v>
      </c>
      <c r="AN37" s="280">
        <v>0</v>
      </c>
      <c r="AO37" s="280">
        <v>0</v>
      </c>
      <c r="AP37" s="280">
        <v>0</v>
      </c>
      <c r="AQ37" s="280">
        <v>0</v>
      </c>
      <c r="AR37" s="280">
        <v>0</v>
      </c>
      <c r="AS37" s="277">
        <v>0</v>
      </c>
      <c r="AT37" s="282">
        <v>0</v>
      </c>
      <c r="AU37" s="276">
        <v>3</v>
      </c>
      <c r="AV37" s="280">
        <v>2</v>
      </c>
      <c r="AW37" s="277">
        <v>5</v>
      </c>
      <c r="AX37" s="279">
        <v>0</v>
      </c>
      <c r="AY37" s="280">
        <v>10</v>
      </c>
      <c r="AZ37" s="280">
        <v>6</v>
      </c>
      <c r="BA37" s="280">
        <v>6</v>
      </c>
      <c r="BB37" s="280">
        <v>4</v>
      </c>
      <c r="BC37" s="280">
        <v>3</v>
      </c>
      <c r="BD37" s="277">
        <v>29</v>
      </c>
      <c r="BE37" s="282">
        <v>34</v>
      </c>
      <c r="BF37" s="276">
        <v>0</v>
      </c>
      <c r="BG37" s="280">
        <v>0</v>
      </c>
      <c r="BH37" s="277">
        <v>0</v>
      </c>
      <c r="BI37" s="279">
        <v>0</v>
      </c>
      <c r="BJ37" s="280">
        <v>13</v>
      </c>
      <c r="BK37" s="280">
        <v>12</v>
      </c>
      <c r="BL37" s="280">
        <v>16</v>
      </c>
      <c r="BM37" s="280">
        <v>15</v>
      </c>
      <c r="BN37" s="280">
        <v>6</v>
      </c>
      <c r="BO37" s="281">
        <v>62</v>
      </c>
      <c r="BP37" s="282">
        <v>62</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3</v>
      </c>
      <c r="AD38" s="280">
        <v>45</v>
      </c>
      <c r="AE38" s="280">
        <v>24</v>
      </c>
      <c r="AF38" s="280">
        <v>15</v>
      </c>
      <c r="AG38" s="280">
        <v>10</v>
      </c>
      <c r="AH38" s="277">
        <v>157</v>
      </c>
      <c r="AI38" s="282">
        <v>157</v>
      </c>
      <c r="AJ38" s="276">
        <v>0</v>
      </c>
      <c r="AK38" s="280">
        <v>0</v>
      </c>
      <c r="AL38" s="277">
        <v>0</v>
      </c>
      <c r="AM38" s="279">
        <v>0</v>
      </c>
      <c r="AN38" s="280">
        <v>0</v>
      </c>
      <c r="AO38" s="280">
        <v>0</v>
      </c>
      <c r="AP38" s="280">
        <v>0</v>
      </c>
      <c r="AQ38" s="280">
        <v>0</v>
      </c>
      <c r="AR38" s="280">
        <v>0</v>
      </c>
      <c r="AS38" s="277">
        <v>0</v>
      </c>
      <c r="AT38" s="282">
        <v>0</v>
      </c>
      <c r="AU38" s="276">
        <v>3</v>
      </c>
      <c r="AV38" s="280">
        <v>1</v>
      </c>
      <c r="AW38" s="277">
        <v>4</v>
      </c>
      <c r="AX38" s="279">
        <v>0</v>
      </c>
      <c r="AY38" s="280">
        <v>13</v>
      </c>
      <c r="AZ38" s="280">
        <v>6</v>
      </c>
      <c r="BA38" s="280">
        <v>10</v>
      </c>
      <c r="BB38" s="280">
        <v>5</v>
      </c>
      <c r="BC38" s="280">
        <v>0</v>
      </c>
      <c r="BD38" s="277">
        <v>34</v>
      </c>
      <c r="BE38" s="282">
        <v>38</v>
      </c>
      <c r="BF38" s="276">
        <v>0</v>
      </c>
      <c r="BG38" s="280">
        <v>0</v>
      </c>
      <c r="BH38" s="277">
        <v>0</v>
      </c>
      <c r="BI38" s="279">
        <v>0</v>
      </c>
      <c r="BJ38" s="280">
        <v>6</v>
      </c>
      <c r="BK38" s="280">
        <v>8</v>
      </c>
      <c r="BL38" s="280">
        <v>14</v>
      </c>
      <c r="BM38" s="280">
        <v>7</v>
      </c>
      <c r="BN38" s="280">
        <v>6</v>
      </c>
      <c r="BO38" s="281">
        <v>41</v>
      </c>
      <c r="BP38" s="282">
        <v>4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1</v>
      </c>
      <c r="J39" s="287">
        <v>0</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0</v>
      </c>
      <c r="AD39" s="287">
        <v>6</v>
      </c>
      <c r="AE39" s="287">
        <v>9</v>
      </c>
      <c r="AF39" s="287">
        <v>0</v>
      </c>
      <c r="AG39" s="287">
        <v>2</v>
      </c>
      <c r="AH39" s="284">
        <v>27</v>
      </c>
      <c r="AI39" s="289">
        <v>27</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0</v>
      </c>
      <c r="BL39" s="287">
        <v>3</v>
      </c>
      <c r="BM39" s="287">
        <v>0</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6">
        <f>第１表!F2</f>
        <v>5</v>
      </c>
      <c r="J1" s="526"/>
      <c r="K1" s="248">
        <f>第１表!G2</f>
        <v>3</v>
      </c>
      <c r="L1" s="530">
        <f>IF(K1&lt;3,K1+12-2,K1-2)</f>
        <v>1</v>
      </c>
      <c r="M1" s="530"/>
    </row>
    <row r="2" spans="1:101" s="291" customFormat="1" ht="24" customHeight="1" thickBot="1" x14ac:dyDescent="0.25">
      <c r="A2" s="44"/>
      <c r="B2" s="290" t="s">
        <v>131</v>
      </c>
    </row>
    <row r="3" spans="1:101" ht="21" customHeight="1" thickBot="1" x14ac:dyDescent="0.25">
      <c r="B3" s="543"/>
      <c r="C3" s="534" t="s">
        <v>94</v>
      </c>
      <c r="D3" s="535"/>
      <c r="E3" s="535"/>
      <c r="F3" s="535"/>
      <c r="G3" s="535"/>
      <c r="H3" s="535"/>
      <c r="I3" s="535"/>
      <c r="J3" s="535"/>
      <c r="K3" s="535"/>
      <c r="L3" s="535"/>
      <c r="M3" s="536"/>
      <c r="N3" s="534" t="s">
        <v>88</v>
      </c>
      <c r="O3" s="535"/>
      <c r="P3" s="535"/>
      <c r="Q3" s="535"/>
      <c r="R3" s="535"/>
      <c r="S3" s="535"/>
      <c r="T3" s="535"/>
      <c r="U3" s="535"/>
      <c r="V3" s="535"/>
      <c r="W3" s="535"/>
      <c r="X3" s="536"/>
      <c r="Y3" s="534" t="s">
        <v>142</v>
      </c>
      <c r="Z3" s="535"/>
      <c r="AA3" s="535"/>
      <c r="AB3" s="535"/>
      <c r="AC3" s="535"/>
      <c r="AD3" s="535"/>
      <c r="AE3" s="535"/>
      <c r="AF3" s="535"/>
      <c r="AG3" s="535"/>
      <c r="AH3" s="535"/>
      <c r="AI3" s="536"/>
      <c r="AJ3" s="534" t="s">
        <v>90</v>
      </c>
      <c r="AK3" s="535"/>
      <c r="AL3" s="535"/>
      <c r="AM3" s="535"/>
      <c r="AN3" s="535"/>
      <c r="AO3" s="535"/>
      <c r="AP3" s="535"/>
      <c r="AQ3" s="535"/>
      <c r="AR3" s="535"/>
      <c r="AS3" s="535"/>
      <c r="AT3" s="536"/>
      <c r="AU3" s="547" t="s">
        <v>89</v>
      </c>
      <c r="AV3" s="548"/>
      <c r="AW3" s="548"/>
      <c r="AX3" s="548"/>
      <c r="AY3" s="548"/>
      <c r="AZ3" s="548"/>
      <c r="BA3" s="548"/>
      <c r="BB3" s="548"/>
      <c r="BC3" s="548"/>
      <c r="BD3" s="548"/>
      <c r="BE3" s="549"/>
      <c r="BF3" s="547" t="s">
        <v>91</v>
      </c>
      <c r="BG3" s="548"/>
      <c r="BH3" s="548"/>
      <c r="BI3" s="548"/>
      <c r="BJ3" s="548"/>
      <c r="BK3" s="548"/>
      <c r="BL3" s="548"/>
      <c r="BM3" s="548"/>
      <c r="BN3" s="548"/>
      <c r="BO3" s="548"/>
      <c r="BP3" s="549"/>
      <c r="BQ3" s="547" t="s">
        <v>92</v>
      </c>
      <c r="BR3" s="548"/>
      <c r="BS3" s="548"/>
      <c r="BT3" s="548"/>
      <c r="BU3" s="548"/>
      <c r="BV3" s="548"/>
      <c r="BW3" s="548"/>
      <c r="BX3" s="548"/>
      <c r="BY3" s="548"/>
      <c r="BZ3" s="548"/>
      <c r="CA3" s="549"/>
      <c r="CB3" s="547" t="s">
        <v>93</v>
      </c>
      <c r="CC3" s="548"/>
      <c r="CD3" s="548"/>
      <c r="CE3" s="548"/>
      <c r="CF3" s="548"/>
      <c r="CG3" s="548"/>
      <c r="CH3" s="548"/>
      <c r="CI3" s="548"/>
      <c r="CJ3" s="548"/>
      <c r="CK3" s="548"/>
      <c r="CL3" s="549"/>
      <c r="CM3" s="548" t="s">
        <v>141</v>
      </c>
      <c r="CN3" s="548"/>
      <c r="CO3" s="548"/>
      <c r="CP3" s="548"/>
      <c r="CQ3" s="548"/>
      <c r="CR3" s="548"/>
      <c r="CS3" s="548"/>
      <c r="CT3" s="548"/>
      <c r="CU3" s="548"/>
      <c r="CV3" s="548"/>
      <c r="CW3" s="549"/>
    </row>
    <row r="4" spans="1:101" ht="21" customHeight="1" x14ac:dyDescent="0.2">
      <c r="B4" s="544"/>
      <c r="C4" s="542" t="s">
        <v>61</v>
      </c>
      <c r="D4" s="538"/>
      <c r="E4" s="539"/>
      <c r="F4" s="537" t="s">
        <v>62</v>
      </c>
      <c r="G4" s="538"/>
      <c r="H4" s="538"/>
      <c r="I4" s="538"/>
      <c r="J4" s="538"/>
      <c r="K4" s="538"/>
      <c r="L4" s="546"/>
      <c r="M4" s="540" t="s">
        <v>52</v>
      </c>
      <c r="N4" s="542" t="s">
        <v>61</v>
      </c>
      <c r="O4" s="538"/>
      <c r="P4" s="539"/>
      <c r="Q4" s="537" t="s">
        <v>62</v>
      </c>
      <c r="R4" s="538"/>
      <c r="S4" s="538"/>
      <c r="T4" s="538"/>
      <c r="U4" s="538"/>
      <c r="V4" s="538"/>
      <c r="W4" s="539"/>
      <c r="X4" s="540" t="s">
        <v>52</v>
      </c>
      <c r="Y4" s="542" t="s">
        <v>61</v>
      </c>
      <c r="Z4" s="538"/>
      <c r="AA4" s="539"/>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65" t="s">
        <v>61</v>
      </c>
      <c r="AV4" s="563"/>
      <c r="AW4" s="564"/>
      <c r="AX4" s="562" t="s">
        <v>62</v>
      </c>
      <c r="AY4" s="563"/>
      <c r="AZ4" s="563"/>
      <c r="BA4" s="563"/>
      <c r="BB4" s="563"/>
      <c r="BC4" s="563"/>
      <c r="BD4" s="564"/>
      <c r="BE4" s="560" t="s">
        <v>52</v>
      </c>
      <c r="BF4" s="565" t="s">
        <v>61</v>
      </c>
      <c r="BG4" s="563"/>
      <c r="BH4" s="564"/>
      <c r="BI4" s="562" t="s">
        <v>62</v>
      </c>
      <c r="BJ4" s="563"/>
      <c r="BK4" s="563"/>
      <c r="BL4" s="563"/>
      <c r="BM4" s="563"/>
      <c r="BN4" s="563"/>
      <c r="BO4" s="564"/>
      <c r="BP4" s="560" t="s">
        <v>52</v>
      </c>
      <c r="BQ4" s="565" t="s">
        <v>61</v>
      </c>
      <c r="BR4" s="563"/>
      <c r="BS4" s="564"/>
      <c r="BT4" s="562" t="s">
        <v>62</v>
      </c>
      <c r="BU4" s="563"/>
      <c r="BV4" s="563"/>
      <c r="BW4" s="563"/>
      <c r="BX4" s="563"/>
      <c r="BY4" s="563"/>
      <c r="BZ4" s="564"/>
      <c r="CA4" s="560" t="s">
        <v>52</v>
      </c>
      <c r="CB4" s="565" t="s">
        <v>61</v>
      </c>
      <c r="CC4" s="563"/>
      <c r="CD4" s="564"/>
      <c r="CE4" s="562" t="s">
        <v>62</v>
      </c>
      <c r="CF4" s="563"/>
      <c r="CG4" s="563"/>
      <c r="CH4" s="563"/>
      <c r="CI4" s="563"/>
      <c r="CJ4" s="563"/>
      <c r="CK4" s="564"/>
      <c r="CL4" s="560" t="s">
        <v>52</v>
      </c>
      <c r="CM4" s="565" t="s">
        <v>61</v>
      </c>
      <c r="CN4" s="563"/>
      <c r="CO4" s="564"/>
      <c r="CP4" s="562" t="s">
        <v>62</v>
      </c>
      <c r="CQ4" s="563"/>
      <c r="CR4" s="563"/>
      <c r="CS4" s="563"/>
      <c r="CT4" s="563"/>
      <c r="CU4" s="563"/>
      <c r="CV4" s="564"/>
      <c r="CW4" s="560" t="s">
        <v>52</v>
      </c>
    </row>
    <row r="5" spans="1:101" ht="30" customHeight="1" thickBot="1" x14ac:dyDescent="0.25">
      <c r="B5" s="545"/>
      <c r="C5" s="323" t="s">
        <v>43</v>
      </c>
      <c r="D5" s="265" t="s">
        <v>44</v>
      </c>
      <c r="E5" s="266" t="s">
        <v>45</v>
      </c>
      <c r="F5" s="267" t="s">
        <v>83</v>
      </c>
      <c r="G5" s="259" t="s">
        <v>47</v>
      </c>
      <c r="H5" s="259" t="s">
        <v>48</v>
      </c>
      <c r="I5" s="259" t="s">
        <v>49</v>
      </c>
      <c r="J5" s="259" t="s">
        <v>50</v>
      </c>
      <c r="K5" s="259" t="s">
        <v>51</v>
      </c>
      <c r="L5" s="268" t="s">
        <v>45</v>
      </c>
      <c r="M5" s="541"/>
      <c r="N5" s="323" t="s">
        <v>43</v>
      </c>
      <c r="O5" s="259" t="s">
        <v>44</v>
      </c>
      <c r="P5" s="265" t="s">
        <v>45</v>
      </c>
      <c r="Q5" s="267" t="s">
        <v>83</v>
      </c>
      <c r="R5" s="259" t="s">
        <v>47</v>
      </c>
      <c r="S5" s="259" t="s">
        <v>48</v>
      </c>
      <c r="T5" s="259" t="s">
        <v>49</v>
      </c>
      <c r="U5" s="259" t="s">
        <v>50</v>
      </c>
      <c r="V5" s="259" t="s">
        <v>51</v>
      </c>
      <c r="W5" s="265" t="s">
        <v>45</v>
      </c>
      <c r="X5" s="541"/>
      <c r="Y5" s="323" t="s">
        <v>43</v>
      </c>
      <c r="Z5" s="259" t="s">
        <v>44</v>
      </c>
      <c r="AA5" s="265" t="s">
        <v>45</v>
      </c>
      <c r="AB5" s="267" t="s">
        <v>83</v>
      </c>
      <c r="AC5" s="259" t="s">
        <v>47</v>
      </c>
      <c r="AD5" s="259" t="s">
        <v>48</v>
      </c>
      <c r="AE5" s="259" t="s">
        <v>49</v>
      </c>
      <c r="AF5" s="259" t="s">
        <v>50</v>
      </c>
      <c r="AG5" s="259" t="s">
        <v>51</v>
      </c>
      <c r="AH5" s="265" t="s">
        <v>45</v>
      </c>
      <c r="AI5" s="541"/>
      <c r="AJ5" s="340" t="s">
        <v>43</v>
      </c>
      <c r="AK5" s="259" t="s">
        <v>44</v>
      </c>
      <c r="AL5" s="265" t="s">
        <v>45</v>
      </c>
      <c r="AM5" s="267" t="s">
        <v>83</v>
      </c>
      <c r="AN5" s="259" t="s">
        <v>47</v>
      </c>
      <c r="AO5" s="259" t="s">
        <v>48</v>
      </c>
      <c r="AP5" s="259" t="s">
        <v>49</v>
      </c>
      <c r="AQ5" s="259" t="s">
        <v>50</v>
      </c>
      <c r="AR5" s="259" t="s">
        <v>51</v>
      </c>
      <c r="AS5" s="265" t="s">
        <v>45</v>
      </c>
      <c r="AT5" s="541"/>
      <c r="AU5" s="340" t="s">
        <v>43</v>
      </c>
      <c r="AV5" s="259" t="s">
        <v>44</v>
      </c>
      <c r="AW5" s="265" t="s">
        <v>45</v>
      </c>
      <c r="AX5" s="267" t="s">
        <v>83</v>
      </c>
      <c r="AY5" s="259" t="s">
        <v>47</v>
      </c>
      <c r="AZ5" s="259" t="s">
        <v>48</v>
      </c>
      <c r="BA5" s="259" t="s">
        <v>49</v>
      </c>
      <c r="BB5" s="259" t="s">
        <v>50</v>
      </c>
      <c r="BC5" s="259" t="s">
        <v>51</v>
      </c>
      <c r="BD5" s="265" t="s">
        <v>45</v>
      </c>
      <c r="BE5" s="561"/>
      <c r="BF5" s="340" t="s">
        <v>43</v>
      </c>
      <c r="BG5" s="259" t="s">
        <v>44</v>
      </c>
      <c r="BH5" s="265" t="s">
        <v>45</v>
      </c>
      <c r="BI5" s="267" t="s">
        <v>83</v>
      </c>
      <c r="BJ5" s="259" t="s">
        <v>47</v>
      </c>
      <c r="BK5" s="259" t="s">
        <v>48</v>
      </c>
      <c r="BL5" s="259" t="s">
        <v>49</v>
      </c>
      <c r="BM5" s="259" t="s">
        <v>50</v>
      </c>
      <c r="BN5" s="259" t="s">
        <v>51</v>
      </c>
      <c r="BO5" s="265" t="s">
        <v>45</v>
      </c>
      <c r="BP5" s="561"/>
      <c r="BQ5" s="340" t="s">
        <v>43</v>
      </c>
      <c r="BR5" s="259" t="s">
        <v>44</v>
      </c>
      <c r="BS5" s="265" t="s">
        <v>45</v>
      </c>
      <c r="BT5" s="267" t="s">
        <v>83</v>
      </c>
      <c r="BU5" s="259" t="s">
        <v>47</v>
      </c>
      <c r="BV5" s="259" t="s">
        <v>48</v>
      </c>
      <c r="BW5" s="259" t="s">
        <v>49</v>
      </c>
      <c r="BX5" s="259" t="s">
        <v>50</v>
      </c>
      <c r="BY5" s="259" t="s">
        <v>51</v>
      </c>
      <c r="BZ5" s="265" t="s">
        <v>45</v>
      </c>
      <c r="CA5" s="561"/>
      <c r="CB5" s="340" t="s">
        <v>43</v>
      </c>
      <c r="CC5" s="259" t="s">
        <v>44</v>
      </c>
      <c r="CD5" s="265" t="s">
        <v>45</v>
      </c>
      <c r="CE5" s="267" t="s">
        <v>83</v>
      </c>
      <c r="CF5" s="259" t="s">
        <v>47</v>
      </c>
      <c r="CG5" s="259" t="s">
        <v>48</v>
      </c>
      <c r="CH5" s="259" t="s">
        <v>49</v>
      </c>
      <c r="CI5" s="259" t="s">
        <v>50</v>
      </c>
      <c r="CJ5" s="259" t="s">
        <v>51</v>
      </c>
      <c r="CK5" s="265" t="s">
        <v>45</v>
      </c>
      <c r="CL5" s="561"/>
      <c r="CM5" s="340" t="s">
        <v>43</v>
      </c>
      <c r="CN5" s="259" t="s">
        <v>44</v>
      </c>
      <c r="CO5" s="265" t="s">
        <v>45</v>
      </c>
      <c r="CP5" s="267" t="s">
        <v>83</v>
      </c>
      <c r="CQ5" s="259" t="s">
        <v>47</v>
      </c>
      <c r="CR5" s="259" t="s">
        <v>48</v>
      </c>
      <c r="CS5" s="259" t="s">
        <v>49</v>
      </c>
      <c r="CT5" s="259" t="s">
        <v>50</v>
      </c>
      <c r="CU5" s="259" t="s">
        <v>51</v>
      </c>
      <c r="CV5" s="265" t="s">
        <v>45</v>
      </c>
      <c r="CW5" s="561"/>
    </row>
    <row r="6" spans="1:101" ht="21" customHeight="1" x14ac:dyDescent="0.2">
      <c r="B6" s="260" t="s">
        <v>4</v>
      </c>
      <c r="C6" s="269">
        <v>0</v>
      </c>
      <c r="D6" s="270">
        <v>0</v>
      </c>
      <c r="E6" s="271">
        <v>0</v>
      </c>
      <c r="F6" s="272">
        <v>0</v>
      </c>
      <c r="G6" s="273">
        <v>19</v>
      </c>
      <c r="H6" s="273">
        <v>23</v>
      </c>
      <c r="I6" s="273">
        <v>27</v>
      </c>
      <c r="J6" s="273">
        <v>22</v>
      </c>
      <c r="K6" s="273">
        <v>22</v>
      </c>
      <c r="L6" s="274">
        <v>113</v>
      </c>
      <c r="M6" s="275">
        <v>113</v>
      </c>
      <c r="N6" s="269">
        <v>0</v>
      </c>
      <c r="O6" s="273">
        <v>0</v>
      </c>
      <c r="P6" s="270">
        <v>0</v>
      </c>
      <c r="Q6" s="272">
        <v>0</v>
      </c>
      <c r="R6" s="273">
        <v>11</v>
      </c>
      <c r="S6" s="273">
        <v>29</v>
      </c>
      <c r="T6" s="273">
        <v>32</v>
      </c>
      <c r="U6" s="273">
        <v>30</v>
      </c>
      <c r="V6" s="273">
        <v>31</v>
      </c>
      <c r="W6" s="270">
        <v>133</v>
      </c>
      <c r="X6" s="275">
        <v>133</v>
      </c>
      <c r="Y6" s="269">
        <v>0</v>
      </c>
      <c r="Z6" s="273">
        <v>0</v>
      </c>
      <c r="AA6" s="270">
        <v>0</v>
      </c>
      <c r="AB6" s="272">
        <v>0</v>
      </c>
      <c r="AC6" s="273">
        <v>964</v>
      </c>
      <c r="AD6" s="273">
        <v>768</v>
      </c>
      <c r="AE6" s="273">
        <v>357</v>
      </c>
      <c r="AF6" s="273">
        <v>158</v>
      </c>
      <c r="AG6" s="273">
        <v>69</v>
      </c>
      <c r="AH6" s="270">
        <v>2316</v>
      </c>
      <c r="AI6" s="275">
        <v>2316</v>
      </c>
      <c r="AJ6" s="269">
        <v>2</v>
      </c>
      <c r="AK6" s="273">
        <v>0</v>
      </c>
      <c r="AL6" s="270">
        <v>2</v>
      </c>
      <c r="AM6" s="272">
        <v>0</v>
      </c>
      <c r="AN6" s="273">
        <v>73</v>
      </c>
      <c r="AO6" s="273">
        <v>86</v>
      </c>
      <c r="AP6" s="273">
        <v>78</v>
      </c>
      <c r="AQ6" s="273">
        <v>30</v>
      </c>
      <c r="AR6" s="273">
        <v>20</v>
      </c>
      <c r="AS6" s="270">
        <v>287</v>
      </c>
      <c r="AT6" s="275">
        <v>289</v>
      </c>
      <c r="AU6" s="269">
        <v>13</v>
      </c>
      <c r="AV6" s="273">
        <v>12</v>
      </c>
      <c r="AW6" s="270">
        <v>25</v>
      </c>
      <c r="AX6" s="272">
        <v>0</v>
      </c>
      <c r="AY6" s="273">
        <v>69</v>
      </c>
      <c r="AZ6" s="273">
        <v>80</v>
      </c>
      <c r="BA6" s="273">
        <v>77</v>
      </c>
      <c r="BB6" s="273">
        <v>50</v>
      </c>
      <c r="BC6" s="273">
        <v>22</v>
      </c>
      <c r="BD6" s="270">
        <v>298</v>
      </c>
      <c r="BE6" s="275">
        <v>323</v>
      </c>
      <c r="BF6" s="269">
        <v>0</v>
      </c>
      <c r="BG6" s="273">
        <v>0</v>
      </c>
      <c r="BH6" s="270">
        <v>0</v>
      </c>
      <c r="BI6" s="272">
        <v>0</v>
      </c>
      <c r="BJ6" s="273">
        <v>94</v>
      </c>
      <c r="BK6" s="273">
        <v>144</v>
      </c>
      <c r="BL6" s="273">
        <v>140</v>
      </c>
      <c r="BM6" s="273">
        <v>133</v>
      </c>
      <c r="BN6" s="273">
        <v>71</v>
      </c>
      <c r="BO6" s="274">
        <v>582</v>
      </c>
      <c r="BP6" s="275">
        <v>582</v>
      </c>
      <c r="BQ6" s="269">
        <v>0</v>
      </c>
      <c r="BR6" s="273">
        <v>0</v>
      </c>
      <c r="BS6" s="270">
        <v>0</v>
      </c>
      <c r="BT6" s="272">
        <v>0</v>
      </c>
      <c r="BU6" s="273">
        <v>4</v>
      </c>
      <c r="BV6" s="273">
        <v>9</v>
      </c>
      <c r="BW6" s="273">
        <v>5</v>
      </c>
      <c r="BX6" s="273">
        <v>5</v>
      </c>
      <c r="BY6" s="273">
        <v>4</v>
      </c>
      <c r="BZ6" s="270">
        <v>27</v>
      </c>
      <c r="CA6" s="275">
        <v>27</v>
      </c>
      <c r="CB6" s="269">
        <v>0</v>
      </c>
      <c r="CC6" s="273">
        <v>0</v>
      </c>
      <c r="CD6" s="270">
        <v>0</v>
      </c>
      <c r="CE6" s="272">
        <v>0</v>
      </c>
      <c r="CF6" s="273">
        <v>1</v>
      </c>
      <c r="CG6" s="273">
        <v>2</v>
      </c>
      <c r="CH6" s="273">
        <v>18</v>
      </c>
      <c r="CI6" s="273">
        <v>17</v>
      </c>
      <c r="CJ6" s="273">
        <v>10</v>
      </c>
      <c r="CK6" s="270">
        <v>48</v>
      </c>
      <c r="CL6" s="275">
        <v>48</v>
      </c>
      <c r="CM6" s="269">
        <v>0</v>
      </c>
      <c r="CN6" s="273">
        <v>0</v>
      </c>
      <c r="CO6" s="270">
        <v>0</v>
      </c>
      <c r="CP6" s="272">
        <v>0</v>
      </c>
      <c r="CQ6" s="273">
        <v>15</v>
      </c>
      <c r="CR6" s="273">
        <v>20</v>
      </c>
      <c r="CS6" s="273">
        <v>21</v>
      </c>
      <c r="CT6" s="273">
        <v>32</v>
      </c>
      <c r="CU6" s="273">
        <v>36</v>
      </c>
      <c r="CV6" s="270">
        <v>124</v>
      </c>
      <c r="CW6" s="275">
        <v>124</v>
      </c>
    </row>
    <row r="7" spans="1:101" ht="21" customHeight="1" x14ac:dyDescent="0.2">
      <c r="B7" s="261" t="s">
        <v>5</v>
      </c>
      <c r="C7" s="276">
        <v>0</v>
      </c>
      <c r="D7" s="277">
        <v>0</v>
      </c>
      <c r="E7" s="278">
        <v>0</v>
      </c>
      <c r="F7" s="279">
        <v>0</v>
      </c>
      <c r="G7" s="280">
        <v>5</v>
      </c>
      <c r="H7" s="280">
        <v>12</v>
      </c>
      <c r="I7" s="280">
        <v>12</v>
      </c>
      <c r="J7" s="280">
        <v>11</v>
      </c>
      <c r="K7" s="280">
        <v>12</v>
      </c>
      <c r="L7" s="281">
        <v>52</v>
      </c>
      <c r="M7" s="282">
        <v>52</v>
      </c>
      <c r="N7" s="276">
        <v>0</v>
      </c>
      <c r="O7" s="280">
        <v>0</v>
      </c>
      <c r="P7" s="277">
        <v>0</v>
      </c>
      <c r="Q7" s="279">
        <v>0</v>
      </c>
      <c r="R7" s="280">
        <v>8</v>
      </c>
      <c r="S7" s="280">
        <v>21</v>
      </c>
      <c r="T7" s="280">
        <v>24</v>
      </c>
      <c r="U7" s="280">
        <v>27</v>
      </c>
      <c r="V7" s="280">
        <v>26</v>
      </c>
      <c r="W7" s="277">
        <v>106</v>
      </c>
      <c r="X7" s="282">
        <v>106</v>
      </c>
      <c r="Y7" s="276">
        <v>0</v>
      </c>
      <c r="Z7" s="280">
        <v>0</v>
      </c>
      <c r="AA7" s="277">
        <v>0</v>
      </c>
      <c r="AB7" s="279">
        <v>0</v>
      </c>
      <c r="AC7" s="280">
        <v>374</v>
      </c>
      <c r="AD7" s="280">
        <v>378</v>
      </c>
      <c r="AE7" s="280">
        <v>173</v>
      </c>
      <c r="AF7" s="280">
        <v>88</v>
      </c>
      <c r="AG7" s="280">
        <v>38</v>
      </c>
      <c r="AH7" s="277">
        <v>1051</v>
      </c>
      <c r="AI7" s="282">
        <v>1051</v>
      </c>
      <c r="AJ7" s="276">
        <v>1</v>
      </c>
      <c r="AK7" s="280">
        <v>0</v>
      </c>
      <c r="AL7" s="277">
        <v>1</v>
      </c>
      <c r="AM7" s="279">
        <v>0</v>
      </c>
      <c r="AN7" s="280">
        <v>34</v>
      </c>
      <c r="AO7" s="280">
        <v>39</v>
      </c>
      <c r="AP7" s="280">
        <v>47</v>
      </c>
      <c r="AQ7" s="280">
        <v>17</v>
      </c>
      <c r="AR7" s="280">
        <v>10</v>
      </c>
      <c r="AS7" s="277">
        <v>147</v>
      </c>
      <c r="AT7" s="282">
        <v>148</v>
      </c>
      <c r="AU7" s="276">
        <v>4</v>
      </c>
      <c r="AV7" s="280">
        <v>8</v>
      </c>
      <c r="AW7" s="277">
        <v>12</v>
      </c>
      <c r="AX7" s="279">
        <v>0</v>
      </c>
      <c r="AY7" s="280">
        <v>30</v>
      </c>
      <c r="AZ7" s="280">
        <v>26</v>
      </c>
      <c r="BA7" s="280">
        <v>33</v>
      </c>
      <c r="BB7" s="280">
        <v>18</v>
      </c>
      <c r="BC7" s="280">
        <v>12</v>
      </c>
      <c r="BD7" s="277">
        <v>119</v>
      </c>
      <c r="BE7" s="282">
        <v>131</v>
      </c>
      <c r="BF7" s="276">
        <v>0</v>
      </c>
      <c r="BG7" s="280">
        <v>0</v>
      </c>
      <c r="BH7" s="277">
        <v>0</v>
      </c>
      <c r="BI7" s="279">
        <v>0</v>
      </c>
      <c r="BJ7" s="280">
        <v>37</v>
      </c>
      <c r="BK7" s="280">
        <v>60</v>
      </c>
      <c r="BL7" s="280">
        <v>48</v>
      </c>
      <c r="BM7" s="280">
        <v>57</v>
      </c>
      <c r="BN7" s="280">
        <v>25</v>
      </c>
      <c r="BO7" s="281">
        <v>227</v>
      </c>
      <c r="BP7" s="282">
        <v>227</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3</v>
      </c>
      <c r="CI7" s="280">
        <v>4</v>
      </c>
      <c r="CJ7" s="280">
        <v>2</v>
      </c>
      <c r="CK7" s="277">
        <v>10</v>
      </c>
      <c r="CL7" s="282">
        <v>10</v>
      </c>
      <c r="CM7" s="276">
        <v>0</v>
      </c>
      <c r="CN7" s="280">
        <v>0</v>
      </c>
      <c r="CO7" s="277">
        <v>0</v>
      </c>
      <c r="CP7" s="279">
        <v>0</v>
      </c>
      <c r="CQ7" s="280">
        <v>3</v>
      </c>
      <c r="CR7" s="280">
        <v>4</v>
      </c>
      <c r="CS7" s="280">
        <v>3</v>
      </c>
      <c r="CT7" s="280">
        <v>10</v>
      </c>
      <c r="CU7" s="280">
        <v>20</v>
      </c>
      <c r="CV7" s="277">
        <v>40</v>
      </c>
      <c r="CW7" s="282">
        <v>40</v>
      </c>
    </row>
    <row r="8" spans="1:101" ht="21" customHeight="1" x14ac:dyDescent="0.2">
      <c r="B8" s="261" t="s">
        <v>6</v>
      </c>
      <c r="C8" s="276">
        <v>0</v>
      </c>
      <c r="D8" s="277">
        <v>0</v>
      </c>
      <c r="E8" s="278">
        <v>0</v>
      </c>
      <c r="F8" s="279">
        <v>0</v>
      </c>
      <c r="G8" s="280">
        <v>6</v>
      </c>
      <c r="H8" s="280">
        <v>1</v>
      </c>
      <c r="I8" s="280">
        <v>6</v>
      </c>
      <c r="J8" s="280">
        <v>6</v>
      </c>
      <c r="K8" s="280">
        <v>7</v>
      </c>
      <c r="L8" s="281">
        <v>26</v>
      </c>
      <c r="M8" s="282">
        <v>26</v>
      </c>
      <c r="N8" s="276">
        <v>0</v>
      </c>
      <c r="O8" s="280">
        <v>0</v>
      </c>
      <c r="P8" s="277">
        <v>0</v>
      </c>
      <c r="Q8" s="279">
        <v>0</v>
      </c>
      <c r="R8" s="280">
        <v>2</v>
      </c>
      <c r="S8" s="280">
        <v>7</v>
      </c>
      <c r="T8" s="280">
        <v>5</v>
      </c>
      <c r="U8" s="280">
        <v>1</v>
      </c>
      <c r="V8" s="280">
        <v>5</v>
      </c>
      <c r="W8" s="277">
        <v>20</v>
      </c>
      <c r="X8" s="282">
        <v>20</v>
      </c>
      <c r="Y8" s="276">
        <v>0</v>
      </c>
      <c r="Z8" s="280">
        <v>0</v>
      </c>
      <c r="AA8" s="277">
        <v>0</v>
      </c>
      <c r="AB8" s="279">
        <v>0</v>
      </c>
      <c r="AC8" s="280">
        <v>107</v>
      </c>
      <c r="AD8" s="280">
        <v>62</v>
      </c>
      <c r="AE8" s="280">
        <v>36</v>
      </c>
      <c r="AF8" s="280">
        <v>23</v>
      </c>
      <c r="AG8" s="280">
        <v>5</v>
      </c>
      <c r="AH8" s="277">
        <v>233</v>
      </c>
      <c r="AI8" s="282">
        <v>233</v>
      </c>
      <c r="AJ8" s="276">
        <v>0</v>
      </c>
      <c r="AK8" s="280">
        <v>0</v>
      </c>
      <c r="AL8" s="277">
        <v>0</v>
      </c>
      <c r="AM8" s="279">
        <v>0</v>
      </c>
      <c r="AN8" s="280">
        <v>17</v>
      </c>
      <c r="AO8" s="280">
        <v>12</v>
      </c>
      <c r="AP8" s="280">
        <v>9</v>
      </c>
      <c r="AQ8" s="280">
        <v>3</v>
      </c>
      <c r="AR8" s="280">
        <v>3</v>
      </c>
      <c r="AS8" s="277">
        <v>44</v>
      </c>
      <c r="AT8" s="282">
        <v>44</v>
      </c>
      <c r="AU8" s="276">
        <v>2</v>
      </c>
      <c r="AV8" s="280">
        <v>0</v>
      </c>
      <c r="AW8" s="277">
        <v>2</v>
      </c>
      <c r="AX8" s="279">
        <v>0</v>
      </c>
      <c r="AY8" s="280">
        <v>7</v>
      </c>
      <c r="AZ8" s="280">
        <v>9</v>
      </c>
      <c r="BA8" s="280">
        <v>8</v>
      </c>
      <c r="BB8" s="280">
        <v>15</v>
      </c>
      <c r="BC8" s="280">
        <v>1</v>
      </c>
      <c r="BD8" s="277">
        <v>40</v>
      </c>
      <c r="BE8" s="282">
        <v>42</v>
      </c>
      <c r="BF8" s="276">
        <v>0</v>
      </c>
      <c r="BG8" s="280">
        <v>0</v>
      </c>
      <c r="BH8" s="277">
        <v>0</v>
      </c>
      <c r="BI8" s="279">
        <v>0</v>
      </c>
      <c r="BJ8" s="280">
        <v>18</v>
      </c>
      <c r="BK8" s="280">
        <v>22</v>
      </c>
      <c r="BL8" s="280">
        <v>23</v>
      </c>
      <c r="BM8" s="280">
        <v>22</v>
      </c>
      <c r="BN8" s="280">
        <v>10</v>
      </c>
      <c r="BO8" s="281">
        <v>95</v>
      </c>
      <c r="BP8" s="282">
        <v>95</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8</v>
      </c>
      <c r="CI8" s="280">
        <v>4</v>
      </c>
      <c r="CJ8" s="280">
        <v>2</v>
      </c>
      <c r="CK8" s="277">
        <v>14</v>
      </c>
      <c r="CL8" s="282">
        <v>14</v>
      </c>
      <c r="CM8" s="276">
        <v>0</v>
      </c>
      <c r="CN8" s="280">
        <v>0</v>
      </c>
      <c r="CO8" s="277">
        <v>0</v>
      </c>
      <c r="CP8" s="279">
        <v>0</v>
      </c>
      <c r="CQ8" s="280">
        <v>4</v>
      </c>
      <c r="CR8" s="280">
        <v>4</v>
      </c>
      <c r="CS8" s="280">
        <v>3</v>
      </c>
      <c r="CT8" s="280">
        <v>7</v>
      </c>
      <c r="CU8" s="280">
        <v>6</v>
      </c>
      <c r="CV8" s="277">
        <v>24</v>
      </c>
      <c r="CW8" s="282">
        <v>24</v>
      </c>
    </row>
    <row r="9" spans="1:101" ht="21" customHeight="1" x14ac:dyDescent="0.2">
      <c r="B9" s="261" t="s">
        <v>14</v>
      </c>
      <c r="C9" s="276">
        <v>0</v>
      </c>
      <c r="D9" s="277">
        <v>0</v>
      </c>
      <c r="E9" s="278">
        <v>0</v>
      </c>
      <c r="F9" s="279">
        <v>0</v>
      </c>
      <c r="G9" s="280">
        <v>2</v>
      </c>
      <c r="H9" s="280">
        <v>2</v>
      </c>
      <c r="I9" s="280">
        <v>0</v>
      </c>
      <c r="J9" s="280">
        <v>2</v>
      </c>
      <c r="K9" s="280">
        <v>0</v>
      </c>
      <c r="L9" s="281">
        <v>6</v>
      </c>
      <c r="M9" s="282">
        <v>6</v>
      </c>
      <c r="N9" s="276">
        <v>0</v>
      </c>
      <c r="O9" s="280">
        <v>0</v>
      </c>
      <c r="P9" s="277">
        <v>0</v>
      </c>
      <c r="Q9" s="279">
        <v>0</v>
      </c>
      <c r="R9" s="280">
        <v>0</v>
      </c>
      <c r="S9" s="280">
        <v>0</v>
      </c>
      <c r="T9" s="280">
        <v>0</v>
      </c>
      <c r="U9" s="280">
        <v>0</v>
      </c>
      <c r="V9" s="280">
        <v>0</v>
      </c>
      <c r="W9" s="277">
        <v>0</v>
      </c>
      <c r="X9" s="282">
        <v>0</v>
      </c>
      <c r="Y9" s="276">
        <v>0</v>
      </c>
      <c r="Z9" s="280">
        <v>0</v>
      </c>
      <c r="AA9" s="277">
        <v>0</v>
      </c>
      <c r="AB9" s="279">
        <v>0</v>
      </c>
      <c r="AC9" s="280">
        <v>74</v>
      </c>
      <c r="AD9" s="280">
        <v>69</v>
      </c>
      <c r="AE9" s="280">
        <v>43</v>
      </c>
      <c r="AF9" s="280">
        <v>3</v>
      </c>
      <c r="AG9" s="280">
        <v>8</v>
      </c>
      <c r="AH9" s="277">
        <v>197</v>
      </c>
      <c r="AI9" s="282">
        <v>197</v>
      </c>
      <c r="AJ9" s="276">
        <v>0</v>
      </c>
      <c r="AK9" s="280">
        <v>0</v>
      </c>
      <c r="AL9" s="277">
        <v>0</v>
      </c>
      <c r="AM9" s="279">
        <v>0</v>
      </c>
      <c r="AN9" s="280">
        <v>1</v>
      </c>
      <c r="AO9" s="280">
        <v>5</v>
      </c>
      <c r="AP9" s="280">
        <v>2</v>
      </c>
      <c r="AQ9" s="280">
        <v>0</v>
      </c>
      <c r="AR9" s="280">
        <v>0</v>
      </c>
      <c r="AS9" s="277">
        <v>8</v>
      </c>
      <c r="AT9" s="282">
        <v>8</v>
      </c>
      <c r="AU9" s="276">
        <v>1</v>
      </c>
      <c r="AV9" s="280">
        <v>1</v>
      </c>
      <c r="AW9" s="277">
        <v>2</v>
      </c>
      <c r="AX9" s="279">
        <v>0</v>
      </c>
      <c r="AY9" s="280">
        <v>7</v>
      </c>
      <c r="AZ9" s="280">
        <v>7</v>
      </c>
      <c r="BA9" s="280">
        <v>5</v>
      </c>
      <c r="BB9" s="280">
        <v>1</v>
      </c>
      <c r="BC9" s="280">
        <v>3</v>
      </c>
      <c r="BD9" s="277">
        <v>23</v>
      </c>
      <c r="BE9" s="282">
        <v>25</v>
      </c>
      <c r="BF9" s="276">
        <v>0</v>
      </c>
      <c r="BG9" s="280">
        <v>0</v>
      </c>
      <c r="BH9" s="277">
        <v>0</v>
      </c>
      <c r="BI9" s="279">
        <v>0</v>
      </c>
      <c r="BJ9" s="280">
        <v>6</v>
      </c>
      <c r="BK9" s="280">
        <v>10</v>
      </c>
      <c r="BL9" s="280">
        <v>15</v>
      </c>
      <c r="BM9" s="280">
        <v>12</v>
      </c>
      <c r="BN9" s="280">
        <v>8</v>
      </c>
      <c r="BO9" s="281">
        <v>51</v>
      </c>
      <c r="BP9" s="282">
        <v>51</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1</v>
      </c>
      <c r="CI9" s="280">
        <v>1</v>
      </c>
      <c r="CJ9" s="280">
        <v>0</v>
      </c>
      <c r="CK9" s="277">
        <v>2</v>
      </c>
      <c r="CL9" s="282">
        <v>2</v>
      </c>
      <c r="CM9" s="276">
        <v>0</v>
      </c>
      <c r="CN9" s="280">
        <v>0</v>
      </c>
      <c r="CO9" s="277">
        <v>0</v>
      </c>
      <c r="CP9" s="279">
        <v>0</v>
      </c>
      <c r="CQ9" s="280">
        <v>1</v>
      </c>
      <c r="CR9" s="280">
        <v>2</v>
      </c>
      <c r="CS9" s="280">
        <v>1</v>
      </c>
      <c r="CT9" s="280">
        <v>2</v>
      </c>
      <c r="CU9" s="280">
        <v>1</v>
      </c>
      <c r="CV9" s="277">
        <v>7</v>
      </c>
      <c r="CW9" s="282">
        <v>7</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94</v>
      </c>
      <c r="AD10" s="280">
        <v>51</v>
      </c>
      <c r="AE10" s="280">
        <v>21</v>
      </c>
      <c r="AF10" s="280">
        <v>5</v>
      </c>
      <c r="AG10" s="280">
        <v>1</v>
      </c>
      <c r="AH10" s="277">
        <v>172</v>
      </c>
      <c r="AI10" s="282">
        <v>172</v>
      </c>
      <c r="AJ10" s="276">
        <v>0</v>
      </c>
      <c r="AK10" s="280">
        <v>0</v>
      </c>
      <c r="AL10" s="277">
        <v>0</v>
      </c>
      <c r="AM10" s="279">
        <v>0</v>
      </c>
      <c r="AN10" s="280">
        <v>10</v>
      </c>
      <c r="AO10" s="280">
        <v>15</v>
      </c>
      <c r="AP10" s="280">
        <v>6</v>
      </c>
      <c r="AQ10" s="280">
        <v>3</v>
      </c>
      <c r="AR10" s="280">
        <v>2</v>
      </c>
      <c r="AS10" s="277">
        <v>36</v>
      </c>
      <c r="AT10" s="282">
        <v>36</v>
      </c>
      <c r="AU10" s="276">
        <v>1</v>
      </c>
      <c r="AV10" s="280">
        <v>0</v>
      </c>
      <c r="AW10" s="277">
        <v>1</v>
      </c>
      <c r="AX10" s="279">
        <v>0</v>
      </c>
      <c r="AY10" s="280">
        <v>3</v>
      </c>
      <c r="AZ10" s="280">
        <v>6</v>
      </c>
      <c r="BA10" s="280">
        <v>1</v>
      </c>
      <c r="BB10" s="280">
        <v>1</v>
      </c>
      <c r="BC10" s="280">
        <v>0</v>
      </c>
      <c r="BD10" s="277">
        <v>11</v>
      </c>
      <c r="BE10" s="282">
        <v>12</v>
      </c>
      <c r="BF10" s="276">
        <v>0</v>
      </c>
      <c r="BG10" s="280">
        <v>0</v>
      </c>
      <c r="BH10" s="277">
        <v>0</v>
      </c>
      <c r="BI10" s="279">
        <v>0</v>
      </c>
      <c r="BJ10" s="280">
        <v>7</v>
      </c>
      <c r="BK10" s="280">
        <v>3</v>
      </c>
      <c r="BL10" s="280">
        <v>14</v>
      </c>
      <c r="BM10" s="280">
        <v>7</v>
      </c>
      <c r="BN10" s="280">
        <v>6</v>
      </c>
      <c r="BO10" s="281">
        <v>37</v>
      </c>
      <c r="BP10" s="282">
        <v>37</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2</v>
      </c>
      <c r="CT10" s="280">
        <v>2</v>
      </c>
      <c r="CU10" s="280">
        <v>2</v>
      </c>
      <c r="CV10" s="277">
        <v>8</v>
      </c>
      <c r="CW10" s="282">
        <v>8</v>
      </c>
    </row>
    <row r="11" spans="1:101" ht="21" customHeight="1" x14ac:dyDescent="0.2">
      <c r="B11" s="261" t="s">
        <v>8</v>
      </c>
      <c r="C11" s="276">
        <v>0</v>
      </c>
      <c r="D11" s="277">
        <v>0</v>
      </c>
      <c r="E11" s="278">
        <v>0</v>
      </c>
      <c r="F11" s="279">
        <v>0</v>
      </c>
      <c r="G11" s="280">
        <v>0</v>
      </c>
      <c r="H11" s="280">
        <v>0</v>
      </c>
      <c r="I11" s="280">
        <v>0</v>
      </c>
      <c r="J11" s="280">
        <v>2</v>
      </c>
      <c r="K11" s="280">
        <v>0</v>
      </c>
      <c r="L11" s="281">
        <v>2</v>
      </c>
      <c r="M11" s="282">
        <v>2</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1</v>
      </c>
      <c r="AD11" s="280">
        <v>35</v>
      </c>
      <c r="AE11" s="280">
        <v>12</v>
      </c>
      <c r="AF11" s="280">
        <v>4</v>
      </c>
      <c r="AG11" s="280">
        <v>2</v>
      </c>
      <c r="AH11" s="277">
        <v>94</v>
      </c>
      <c r="AI11" s="282">
        <v>94</v>
      </c>
      <c r="AJ11" s="276">
        <v>0</v>
      </c>
      <c r="AK11" s="280">
        <v>0</v>
      </c>
      <c r="AL11" s="277">
        <v>0</v>
      </c>
      <c r="AM11" s="279">
        <v>0</v>
      </c>
      <c r="AN11" s="280">
        <v>1</v>
      </c>
      <c r="AO11" s="280">
        <v>0</v>
      </c>
      <c r="AP11" s="280">
        <v>0</v>
      </c>
      <c r="AQ11" s="280">
        <v>0</v>
      </c>
      <c r="AR11" s="280">
        <v>1</v>
      </c>
      <c r="AS11" s="277">
        <v>2</v>
      </c>
      <c r="AT11" s="282">
        <v>2</v>
      </c>
      <c r="AU11" s="276">
        <v>0</v>
      </c>
      <c r="AV11" s="280">
        <v>1</v>
      </c>
      <c r="AW11" s="277">
        <v>1</v>
      </c>
      <c r="AX11" s="279">
        <v>0</v>
      </c>
      <c r="AY11" s="280">
        <v>2</v>
      </c>
      <c r="AZ11" s="280">
        <v>2</v>
      </c>
      <c r="BA11" s="280">
        <v>2</v>
      </c>
      <c r="BB11" s="280">
        <v>1</v>
      </c>
      <c r="BC11" s="280">
        <v>2</v>
      </c>
      <c r="BD11" s="277">
        <v>9</v>
      </c>
      <c r="BE11" s="282">
        <v>10</v>
      </c>
      <c r="BF11" s="276">
        <v>0</v>
      </c>
      <c r="BG11" s="280">
        <v>0</v>
      </c>
      <c r="BH11" s="277">
        <v>0</v>
      </c>
      <c r="BI11" s="279">
        <v>0</v>
      </c>
      <c r="BJ11" s="280">
        <v>4</v>
      </c>
      <c r="BK11" s="280">
        <v>2</v>
      </c>
      <c r="BL11" s="280">
        <v>3</v>
      </c>
      <c r="BM11" s="280">
        <v>2</v>
      </c>
      <c r="BN11" s="280">
        <v>1</v>
      </c>
      <c r="BO11" s="281">
        <v>12</v>
      </c>
      <c r="BP11" s="282">
        <v>12</v>
      </c>
      <c r="BQ11" s="276">
        <v>0</v>
      </c>
      <c r="BR11" s="280">
        <v>0</v>
      </c>
      <c r="BS11" s="277">
        <v>0</v>
      </c>
      <c r="BT11" s="279">
        <v>0</v>
      </c>
      <c r="BU11" s="280">
        <v>0</v>
      </c>
      <c r="BV11" s="280">
        <v>0</v>
      </c>
      <c r="BW11" s="280">
        <v>1</v>
      </c>
      <c r="BX11" s="280">
        <v>1</v>
      </c>
      <c r="BY11" s="280">
        <v>0</v>
      </c>
      <c r="BZ11" s="277">
        <v>2</v>
      </c>
      <c r="CA11" s="282">
        <v>2</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2</v>
      </c>
      <c r="CT11" s="280">
        <v>2</v>
      </c>
      <c r="CU11" s="280">
        <v>1</v>
      </c>
      <c r="CV11" s="277">
        <v>8</v>
      </c>
      <c r="CW11" s="282">
        <v>8</v>
      </c>
    </row>
    <row r="12" spans="1:101" ht="21" customHeight="1" x14ac:dyDescent="0.2">
      <c r="B12" s="261" t="s">
        <v>9</v>
      </c>
      <c r="C12" s="276">
        <v>0</v>
      </c>
      <c r="D12" s="277">
        <v>0</v>
      </c>
      <c r="E12" s="278">
        <v>0</v>
      </c>
      <c r="F12" s="279">
        <v>0</v>
      </c>
      <c r="G12" s="280">
        <v>0</v>
      </c>
      <c r="H12" s="280">
        <v>0</v>
      </c>
      <c r="I12" s="280">
        <v>0</v>
      </c>
      <c r="J12" s="280">
        <v>0</v>
      </c>
      <c r="K12" s="280">
        <v>1</v>
      </c>
      <c r="L12" s="281">
        <v>1</v>
      </c>
      <c r="M12" s="282">
        <v>1</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54</v>
      </c>
      <c r="AD12" s="280">
        <v>24</v>
      </c>
      <c r="AE12" s="280">
        <v>14</v>
      </c>
      <c r="AF12" s="280">
        <v>6</v>
      </c>
      <c r="AG12" s="280">
        <v>2</v>
      </c>
      <c r="AH12" s="277">
        <v>100</v>
      </c>
      <c r="AI12" s="282">
        <v>100</v>
      </c>
      <c r="AJ12" s="276">
        <v>0</v>
      </c>
      <c r="AK12" s="280">
        <v>0</v>
      </c>
      <c r="AL12" s="277">
        <v>0</v>
      </c>
      <c r="AM12" s="279">
        <v>0</v>
      </c>
      <c r="AN12" s="280">
        <v>0</v>
      </c>
      <c r="AO12" s="280">
        <v>2</v>
      </c>
      <c r="AP12" s="280">
        <v>2</v>
      </c>
      <c r="AQ12" s="280">
        <v>1</v>
      </c>
      <c r="AR12" s="280">
        <v>0</v>
      </c>
      <c r="AS12" s="277">
        <v>5</v>
      </c>
      <c r="AT12" s="282">
        <v>5</v>
      </c>
      <c r="AU12" s="276">
        <v>2</v>
      </c>
      <c r="AV12" s="280">
        <v>0</v>
      </c>
      <c r="AW12" s="277">
        <v>2</v>
      </c>
      <c r="AX12" s="279">
        <v>0</v>
      </c>
      <c r="AY12" s="280">
        <v>2</v>
      </c>
      <c r="AZ12" s="280">
        <v>2</v>
      </c>
      <c r="BA12" s="280">
        <v>1</v>
      </c>
      <c r="BB12" s="280">
        <v>0</v>
      </c>
      <c r="BC12" s="280">
        <v>0</v>
      </c>
      <c r="BD12" s="277">
        <v>5</v>
      </c>
      <c r="BE12" s="282">
        <v>7</v>
      </c>
      <c r="BF12" s="276">
        <v>0</v>
      </c>
      <c r="BG12" s="280">
        <v>0</v>
      </c>
      <c r="BH12" s="277">
        <v>0</v>
      </c>
      <c r="BI12" s="279">
        <v>0</v>
      </c>
      <c r="BJ12" s="280">
        <v>2</v>
      </c>
      <c r="BK12" s="280">
        <v>3</v>
      </c>
      <c r="BL12" s="280">
        <v>4</v>
      </c>
      <c r="BM12" s="280">
        <v>2</v>
      </c>
      <c r="BN12" s="280">
        <v>5</v>
      </c>
      <c r="BO12" s="281">
        <v>16</v>
      </c>
      <c r="BP12" s="282">
        <v>16</v>
      </c>
      <c r="BQ12" s="276">
        <v>0</v>
      </c>
      <c r="BR12" s="280">
        <v>0</v>
      </c>
      <c r="BS12" s="277">
        <v>0</v>
      </c>
      <c r="BT12" s="279">
        <v>0</v>
      </c>
      <c r="BU12" s="280">
        <v>2</v>
      </c>
      <c r="BV12" s="280">
        <v>0</v>
      </c>
      <c r="BW12" s="280">
        <v>0</v>
      </c>
      <c r="BX12" s="280">
        <v>0</v>
      </c>
      <c r="BY12" s="280">
        <v>0</v>
      </c>
      <c r="BZ12" s="277">
        <v>2</v>
      </c>
      <c r="CA12" s="282">
        <v>2</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3</v>
      </c>
      <c r="CT12" s="280">
        <v>0</v>
      </c>
      <c r="CU12" s="280">
        <v>0</v>
      </c>
      <c r="CV12" s="277">
        <v>4</v>
      </c>
      <c r="CW12" s="282">
        <v>4</v>
      </c>
    </row>
    <row r="13" spans="1:101" ht="21" customHeight="1" x14ac:dyDescent="0.2">
      <c r="B13" s="261" t="s">
        <v>10</v>
      </c>
      <c r="C13" s="276">
        <v>0</v>
      </c>
      <c r="D13" s="277">
        <v>0</v>
      </c>
      <c r="E13" s="278">
        <v>0</v>
      </c>
      <c r="F13" s="279">
        <v>0</v>
      </c>
      <c r="G13" s="280">
        <v>2</v>
      </c>
      <c r="H13" s="280">
        <v>2</v>
      </c>
      <c r="I13" s="280">
        <v>2</v>
      </c>
      <c r="J13" s="280">
        <v>0</v>
      </c>
      <c r="K13" s="280">
        <v>1</v>
      </c>
      <c r="L13" s="281">
        <v>7</v>
      </c>
      <c r="M13" s="282">
        <v>7</v>
      </c>
      <c r="N13" s="276">
        <v>0</v>
      </c>
      <c r="O13" s="280">
        <v>0</v>
      </c>
      <c r="P13" s="277">
        <v>0</v>
      </c>
      <c r="Q13" s="279">
        <v>0</v>
      </c>
      <c r="R13" s="280">
        <v>1</v>
      </c>
      <c r="S13" s="280">
        <v>1</v>
      </c>
      <c r="T13" s="280">
        <v>2</v>
      </c>
      <c r="U13" s="280">
        <v>1</v>
      </c>
      <c r="V13" s="280">
        <v>0</v>
      </c>
      <c r="W13" s="277">
        <v>5</v>
      </c>
      <c r="X13" s="282">
        <v>5</v>
      </c>
      <c r="Y13" s="276">
        <v>0</v>
      </c>
      <c r="Z13" s="280">
        <v>0</v>
      </c>
      <c r="AA13" s="277">
        <v>0</v>
      </c>
      <c r="AB13" s="279">
        <v>0</v>
      </c>
      <c r="AC13" s="280">
        <v>42</v>
      </c>
      <c r="AD13" s="280">
        <v>27</v>
      </c>
      <c r="AE13" s="280">
        <v>5</v>
      </c>
      <c r="AF13" s="280">
        <v>5</v>
      </c>
      <c r="AG13" s="280">
        <v>1</v>
      </c>
      <c r="AH13" s="277">
        <v>80</v>
      </c>
      <c r="AI13" s="282">
        <v>80</v>
      </c>
      <c r="AJ13" s="276">
        <v>0</v>
      </c>
      <c r="AK13" s="280">
        <v>0</v>
      </c>
      <c r="AL13" s="277">
        <v>0</v>
      </c>
      <c r="AM13" s="279">
        <v>0</v>
      </c>
      <c r="AN13" s="280">
        <v>4</v>
      </c>
      <c r="AO13" s="280">
        <v>0</v>
      </c>
      <c r="AP13" s="280">
        <v>3</v>
      </c>
      <c r="AQ13" s="280">
        <v>1</v>
      </c>
      <c r="AR13" s="280">
        <v>2</v>
      </c>
      <c r="AS13" s="277">
        <v>10</v>
      </c>
      <c r="AT13" s="282">
        <v>10</v>
      </c>
      <c r="AU13" s="276">
        <v>0</v>
      </c>
      <c r="AV13" s="280">
        <v>0</v>
      </c>
      <c r="AW13" s="277">
        <v>0</v>
      </c>
      <c r="AX13" s="279">
        <v>0</v>
      </c>
      <c r="AY13" s="280">
        <v>1</v>
      </c>
      <c r="AZ13" s="280">
        <v>6</v>
      </c>
      <c r="BA13" s="280">
        <v>5</v>
      </c>
      <c r="BB13" s="280">
        <v>4</v>
      </c>
      <c r="BC13" s="280">
        <v>1</v>
      </c>
      <c r="BD13" s="277">
        <v>17</v>
      </c>
      <c r="BE13" s="282">
        <v>17</v>
      </c>
      <c r="BF13" s="276">
        <v>0</v>
      </c>
      <c r="BG13" s="280">
        <v>0</v>
      </c>
      <c r="BH13" s="277">
        <v>0</v>
      </c>
      <c r="BI13" s="279">
        <v>0</v>
      </c>
      <c r="BJ13" s="280">
        <v>5</v>
      </c>
      <c r="BK13" s="280">
        <v>11</v>
      </c>
      <c r="BL13" s="280">
        <v>6</v>
      </c>
      <c r="BM13" s="280">
        <v>6</v>
      </c>
      <c r="BN13" s="280">
        <v>4</v>
      </c>
      <c r="BO13" s="281">
        <v>32</v>
      </c>
      <c r="BP13" s="282">
        <v>32</v>
      </c>
      <c r="BQ13" s="276">
        <v>0</v>
      </c>
      <c r="BR13" s="280">
        <v>0</v>
      </c>
      <c r="BS13" s="277">
        <v>0</v>
      </c>
      <c r="BT13" s="279">
        <v>0</v>
      </c>
      <c r="BU13" s="280">
        <v>2</v>
      </c>
      <c r="BV13" s="280">
        <v>4</v>
      </c>
      <c r="BW13" s="280">
        <v>4</v>
      </c>
      <c r="BX13" s="280">
        <v>0</v>
      </c>
      <c r="BY13" s="280">
        <v>4</v>
      </c>
      <c r="BZ13" s="277">
        <v>14</v>
      </c>
      <c r="CA13" s="282">
        <v>14</v>
      </c>
      <c r="CB13" s="276">
        <v>0</v>
      </c>
      <c r="CC13" s="280">
        <v>0</v>
      </c>
      <c r="CD13" s="277">
        <v>0</v>
      </c>
      <c r="CE13" s="279">
        <v>0</v>
      </c>
      <c r="CF13" s="280">
        <v>0</v>
      </c>
      <c r="CG13" s="280">
        <v>1</v>
      </c>
      <c r="CH13" s="280">
        <v>1</v>
      </c>
      <c r="CI13" s="280">
        <v>2</v>
      </c>
      <c r="CJ13" s="280">
        <v>4</v>
      </c>
      <c r="CK13" s="277">
        <v>8</v>
      </c>
      <c r="CL13" s="282">
        <v>8</v>
      </c>
      <c r="CM13" s="276">
        <v>0</v>
      </c>
      <c r="CN13" s="280">
        <v>0</v>
      </c>
      <c r="CO13" s="277">
        <v>0</v>
      </c>
      <c r="CP13" s="279">
        <v>0</v>
      </c>
      <c r="CQ13" s="280">
        <v>2</v>
      </c>
      <c r="CR13" s="280">
        <v>2</v>
      </c>
      <c r="CS13" s="280">
        <v>4</v>
      </c>
      <c r="CT13" s="280">
        <v>3</v>
      </c>
      <c r="CU13" s="280">
        <v>2</v>
      </c>
      <c r="CV13" s="277">
        <v>13</v>
      </c>
      <c r="CW13" s="282">
        <v>13</v>
      </c>
    </row>
    <row r="14" spans="1:101" ht="21" customHeight="1" x14ac:dyDescent="0.2">
      <c r="B14" s="261" t="s">
        <v>11</v>
      </c>
      <c r="C14" s="276">
        <v>0</v>
      </c>
      <c r="D14" s="277">
        <v>0</v>
      </c>
      <c r="E14" s="278">
        <v>0</v>
      </c>
      <c r="F14" s="279">
        <v>0</v>
      </c>
      <c r="G14" s="280">
        <v>1</v>
      </c>
      <c r="H14" s="280">
        <v>1</v>
      </c>
      <c r="I14" s="280">
        <v>2</v>
      </c>
      <c r="J14" s="280">
        <v>0</v>
      </c>
      <c r="K14" s="280">
        <v>0</v>
      </c>
      <c r="L14" s="281">
        <v>4</v>
      </c>
      <c r="M14" s="282">
        <v>4</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18</v>
      </c>
      <c r="AD14" s="280">
        <v>6</v>
      </c>
      <c r="AE14" s="280">
        <v>4</v>
      </c>
      <c r="AF14" s="280">
        <v>2</v>
      </c>
      <c r="AG14" s="280">
        <v>2</v>
      </c>
      <c r="AH14" s="277">
        <v>32</v>
      </c>
      <c r="AI14" s="282">
        <v>32</v>
      </c>
      <c r="AJ14" s="276">
        <v>0</v>
      </c>
      <c r="AK14" s="280">
        <v>0</v>
      </c>
      <c r="AL14" s="277">
        <v>0</v>
      </c>
      <c r="AM14" s="279">
        <v>0</v>
      </c>
      <c r="AN14" s="280">
        <v>0</v>
      </c>
      <c r="AO14" s="280">
        <v>2</v>
      </c>
      <c r="AP14" s="280">
        <v>1</v>
      </c>
      <c r="AQ14" s="280">
        <v>0</v>
      </c>
      <c r="AR14" s="280">
        <v>0</v>
      </c>
      <c r="AS14" s="277">
        <v>3</v>
      </c>
      <c r="AT14" s="282">
        <v>3</v>
      </c>
      <c r="AU14" s="276">
        <v>0</v>
      </c>
      <c r="AV14" s="280">
        <v>0</v>
      </c>
      <c r="AW14" s="277">
        <v>0</v>
      </c>
      <c r="AX14" s="279">
        <v>0</v>
      </c>
      <c r="AY14" s="280">
        <v>1</v>
      </c>
      <c r="AZ14" s="280">
        <v>3</v>
      </c>
      <c r="BA14" s="280">
        <v>2</v>
      </c>
      <c r="BB14" s="280">
        <v>1</v>
      </c>
      <c r="BC14" s="280">
        <v>0</v>
      </c>
      <c r="BD14" s="277">
        <v>7</v>
      </c>
      <c r="BE14" s="282">
        <v>7</v>
      </c>
      <c r="BF14" s="276">
        <v>0</v>
      </c>
      <c r="BG14" s="280">
        <v>0</v>
      </c>
      <c r="BH14" s="277">
        <v>0</v>
      </c>
      <c r="BI14" s="279">
        <v>0</v>
      </c>
      <c r="BJ14" s="280">
        <v>0</v>
      </c>
      <c r="BK14" s="280">
        <v>1</v>
      </c>
      <c r="BL14" s="280">
        <v>3</v>
      </c>
      <c r="BM14" s="280">
        <v>3</v>
      </c>
      <c r="BN14" s="280">
        <v>1</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1</v>
      </c>
      <c r="CS14" s="280">
        <v>0</v>
      </c>
      <c r="CT14" s="280">
        <v>1</v>
      </c>
      <c r="CU14" s="280">
        <v>0</v>
      </c>
      <c r="CV14" s="277">
        <v>2</v>
      </c>
      <c r="CW14" s="282">
        <v>2</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9</v>
      </c>
      <c r="AD15" s="280">
        <v>20</v>
      </c>
      <c r="AE15" s="280">
        <v>10</v>
      </c>
      <c r="AF15" s="280">
        <v>3</v>
      </c>
      <c r="AG15" s="280">
        <v>3</v>
      </c>
      <c r="AH15" s="277">
        <v>65</v>
      </c>
      <c r="AI15" s="282">
        <v>65</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0</v>
      </c>
      <c r="AZ15" s="280">
        <v>0</v>
      </c>
      <c r="BA15" s="280">
        <v>6</v>
      </c>
      <c r="BB15" s="280">
        <v>4</v>
      </c>
      <c r="BC15" s="280">
        <v>1</v>
      </c>
      <c r="BD15" s="277">
        <v>11</v>
      </c>
      <c r="BE15" s="282">
        <v>11</v>
      </c>
      <c r="BF15" s="276">
        <v>0</v>
      </c>
      <c r="BG15" s="280">
        <v>0</v>
      </c>
      <c r="BH15" s="277">
        <v>0</v>
      </c>
      <c r="BI15" s="279">
        <v>0</v>
      </c>
      <c r="BJ15" s="280">
        <v>4</v>
      </c>
      <c r="BK15" s="280">
        <v>2</v>
      </c>
      <c r="BL15" s="280">
        <v>4</v>
      </c>
      <c r="BM15" s="280">
        <v>3</v>
      </c>
      <c r="BN15" s="280">
        <v>2</v>
      </c>
      <c r="BO15" s="281">
        <v>15</v>
      </c>
      <c r="BP15" s="282">
        <v>15</v>
      </c>
      <c r="BQ15" s="276">
        <v>0</v>
      </c>
      <c r="BR15" s="280">
        <v>0</v>
      </c>
      <c r="BS15" s="277">
        <v>0</v>
      </c>
      <c r="BT15" s="279">
        <v>0</v>
      </c>
      <c r="BU15" s="280">
        <v>0</v>
      </c>
      <c r="BV15" s="280">
        <v>5</v>
      </c>
      <c r="BW15" s="280">
        <v>0</v>
      </c>
      <c r="BX15" s="280">
        <v>2</v>
      </c>
      <c r="BY15" s="280">
        <v>0</v>
      </c>
      <c r="BZ15" s="277">
        <v>7</v>
      </c>
      <c r="CA15" s="282">
        <v>7</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0</v>
      </c>
      <c r="CR15" s="280">
        <v>1</v>
      </c>
      <c r="CS15" s="280">
        <v>0</v>
      </c>
      <c r="CT15" s="280">
        <v>3</v>
      </c>
      <c r="CU15" s="280">
        <v>1</v>
      </c>
      <c r="CV15" s="277">
        <v>5</v>
      </c>
      <c r="CW15" s="282">
        <v>5</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1</v>
      </c>
      <c r="AD16" s="280">
        <v>10</v>
      </c>
      <c r="AE16" s="280">
        <v>7</v>
      </c>
      <c r="AF16" s="280">
        <v>1</v>
      </c>
      <c r="AG16" s="280">
        <v>2</v>
      </c>
      <c r="AH16" s="277">
        <v>31</v>
      </c>
      <c r="AI16" s="282">
        <v>31</v>
      </c>
      <c r="AJ16" s="276">
        <v>0</v>
      </c>
      <c r="AK16" s="280">
        <v>0</v>
      </c>
      <c r="AL16" s="277">
        <v>0</v>
      </c>
      <c r="AM16" s="279">
        <v>0</v>
      </c>
      <c r="AN16" s="280">
        <v>0</v>
      </c>
      <c r="AO16" s="280">
        <v>3</v>
      </c>
      <c r="AP16" s="280">
        <v>1</v>
      </c>
      <c r="AQ16" s="280">
        <v>1</v>
      </c>
      <c r="AR16" s="280">
        <v>1</v>
      </c>
      <c r="AS16" s="277">
        <v>6</v>
      </c>
      <c r="AT16" s="282">
        <v>6</v>
      </c>
      <c r="AU16" s="276">
        <v>0</v>
      </c>
      <c r="AV16" s="280">
        <v>0</v>
      </c>
      <c r="AW16" s="277">
        <v>0</v>
      </c>
      <c r="AX16" s="279">
        <v>0</v>
      </c>
      <c r="AY16" s="280">
        <v>1</v>
      </c>
      <c r="AZ16" s="280">
        <v>2</v>
      </c>
      <c r="BA16" s="280">
        <v>0</v>
      </c>
      <c r="BB16" s="280">
        <v>0</v>
      </c>
      <c r="BC16" s="280">
        <v>0</v>
      </c>
      <c r="BD16" s="277">
        <v>3</v>
      </c>
      <c r="BE16" s="282">
        <v>3</v>
      </c>
      <c r="BF16" s="276">
        <v>0</v>
      </c>
      <c r="BG16" s="280">
        <v>0</v>
      </c>
      <c r="BH16" s="277">
        <v>0</v>
      </c>
      <c r="BI16" s="279">
        <v>0</v>
      </c>
      <c r="BJ16" s="280">
        <v>1</v>
      </c>
      <c r="BK16" s="280">
        <v>1</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0</v>
      </c>
      <c r="J17" s="280">
        <v>0</v>
      </c>
      <c r="K17" s="280">
        <v>0</v>
      </c>
      <c r="L17" s="281">
        <v>0</v>
      </c>
      <c r="M17" s="282">
        <v>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5</v>
      </c>
      <c r="AD17" s="280">
        <v>11</v>
      </c>
      <c r="AE17" s="280">
        <v>1</v>
      </c>
      <c r="AF17" s="280">
        <v>2</v>
      </c>
      <c r="AG17" s="280">
        <v>0</v>
      </c>
      <c r="AH17" s="277">
        <v>19</v>
      </c>
      <c r="AI17" s="282">
        <v>19</v>
      </c>
      <c r="AJ17" s="276">
        <v>0</v>
      </c>
      <c r="AK17" s="280">
        <v>0</v>
      </c>
      <c r="AL17" s="277">
        <v>0</v>
      </c>
      <c r="AM17" s="279">
        <v>0</v>
      </c>
      <c r="AN17" s="280">
        <v>0</v>
      </c>
      <c r="AO17" s="280">
        <v>0</v>
      </c>
      <c r="AP17" s="280">
        <v>0</v>
      </c>
      <c r="AQ17" s="280">
        <v>1</v>
      </c>
      <c r="AR17" s="280">
        <v>0</v>
      </c>
      <c r="AS17" s="277">
        <v>1</v>
      </c>
      <c r="AT17" s="282">
        <v>1</v>
      </c>
      <c r="AU17" s="276">
        <v>0</v>
      </c>
      <c r="AV17" s="280">
        <v>0</v>
      </c>
      <c r="AW17" s="277">
        <v>0</v>
      </c>
      <c r="AX17" s="279">
        <v>0</v>
      </c>
      <c r="AY17" s="280">
        <v>0</v>
      </c>
      <c r="AZ17" s="280">
        <v>1</v>
      </c>
      <c r="BA17" s="280">
        <v>1</v>
      </c>
      <c r="BB17" s="280">
        <v>1</v>
      </c>
      <c r="BC17" s="280">
        <v>1</v>
      </c>
      <c r="BD17" s="277">
        <v>4</v>
      </c>
      <c r="BE17" s="282">
        <v>4</v>
      </c>
      <c r="BF17" s="276">
        <v>0</v>
      </c>
      <c r="BG17" s="280">
        <v>0</v>
      </c>
      <c r="BH17" s="277">
        <v>0</v>
      </c>
      <c r="BI17" s="279">
        <v>0</v>
      </c>
      <c r="BJ17" s="280">
        <v>3</v>
      </c>
      <c r="BK17" s="280">
        <v>1</v>
      </c>
      <c r="BL17" s="280">
        <v>0</v>
      </c>
      <c r="BM17" s="280">
        <v>0</v>
      </c>
      <c r="BN17" s="280">
        <v>0</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2</v>
      </c>
      <c r="CJ17" s="280">
        <v>0</v>
      </c>
      <c r="CK17" s="277">
        <v>2</v>
      </c>
      <c r="CL17" s="282">
        <v>2</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1</v>
      </c>
      <c r="H18" s="280">
        <v>0</v>
      </c>
      <c r="I18" s="280">
        <v>2</v>
      </c>
      <c r="J18" s="280">
        <v>0</v>
      </c>
      <c r="K18" s="280">
        <v>0</v>
      </c>
      <c r="L18" s="281">
        <v>3</v>
      </c>
      <c r="M18" s="282">
        <v>3</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12</v>
      </c>
      <c r="AD18" s="280">
        <v>8</v>
      </c>
      <c r="AE18" s="280">
        <v>6</v>
      </c>
      <c r="AF18" s="280">
        <v>1</v>
      </c>
      <c r="AG18" s="280">
        <v>0</v>
      </c>
      <c r="AH18" s="277">
        <v>27</v>
      </c>
      <c r="AI18" s="282">
        <v>27</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2</v>
      </c>
      <c r="BA18" s="280">
        <v>1</v>
      </c>
      <c r="BB18" s="280">
        <v>0</v>
      </c>
      <c r="BC18" s="280">
        <v>0</v>
      </c>
      <c r="BD18" s="277">
        <v>3</v>
      </c>
      <c r="BE18" s="282">
        <v>3</v>
      </c>
      <c r="BF18" s="276">
        <v>0</v>
      </c>
      <c r="BG18" s="280">
        <v>0</v>
      </c>
      <c r="BH18" s="277">
        <v>0</v>
      </c>
      <c r="BI18" s="279">
        <v>0</v>
      </c>
      <c r="BJ18" s="280">
        <v>1</v>
      </c>
      <c r="BK18" s="280">
        <v>3</v>
      </c>
      <c r="BL18" s="280">
        <v>5</v>
      </c>
      <c r="BM18" s="280">
        <v>2</v>
      </c>
      <c r="BN18" s="280">
        <v>2</v>
      </c>
      <c r="BO18" s="281">
        <v>13</v>
      </c>
      <c r="BP18" s="282">
        <v>13</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1</v>
      </c>
      <c r="CS18" s="280">
        <v>1</v>
      </c>
      <c r="CT18" s="280">
        <v>0</v>
      </c>
      <c r="CU18" s="280">
        <v>0</v>
      </c>
      <c r="CV18" s="277">
        <v>2</v>
      </c>
      <c r="CW18" s="282">
        <v>2</v>
      </c>
    </row>
    <row r="19" spans="2:101" ht="21" customHeight="1" x14ac:dyDescent="0.2">
      <c r="B19" s="261" t="s">
        <v>17</v>
      </c>
      <c r="C19" s="276">
        <v>0</v>
      </c>
      <c r="D19" s="277">
        <v>0</v>
      </c>
      <c r="E19" s="278">
        <v>0</v>
      </c>
      <c r="F19" s="279">
        <v>0</v>
      </c>
      <c r="G19" s="280">
        <v>0</v>
      </c>
      <c r="H19" s="280">
        <v>1</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6</v>
      </c>
      <c r="AD19" s="280">
        <v>15</v>
      </c>
      <c r="AE19" s="280">
        <v>8</v>
      </c>
      <c r="AF19" s="280">
        <v>2</v>
      </c>
      <c r="AG19" s="280">
        <v>3</v>
      </c>
      <c r="AH19" s="277">
        <v>44</v>
      </c>
      <c r="AI19" s="282">
        <v>44</v>
      </c>
      <c r="AJ19" s="276">
        <v>0</v>
      </c>
      <c r="AK19" s="280">
        <v>0</v>
      </c>
      <c r="AL19" s="277">
        <v>0</v>
      </c>
      <c r="AM19" s="279">
        <v>0</v>
      </c>
      <c r="AN19" s="280">
        <v>2</v>
      </c>
      <c r="AO19" s="280">
        <v>1</v>
      </c>
      <c r="AP19" s="280">
        <v>1</v>
      </c>
      <c r="AQ19" s="280">
        <v>0</v>
      </c>
      <c r="AR19" s="280">
        <v>0</v>
      </c>
      <c r="AS19" s="277">
        <v>4</v>
      </c>
      <c r="AT19" s="282">
        <v>4</v>
      </c>
      <c r="AU19" s="276">
        <v>0</v>
      </c>
      <c r="AV19" s="280">
        <v>0</v>
      </c>
      <c r="AW19" s="277">
        <v>0</v>
      </c>
      <c r="AX19" s="279">
        <v>0</v>
      </c>
      <c r="AY19" s="280">
        <v>2</v>
      </c>
      <c r="AZ19" s="280">
        <v>2</v>
      </c>
      <c r="BA19" s="280">
        <v>3</v>
      </c>
      <c r="BB19" s="280">
        <v>2</v>
      </c>
      <c r="BC19" s="280">
        <v>0</v>
      </c>
      <c r="BD19" s="277">
        <v>9</v>
      </c>
      <c r="BE19" s="282">
        <v>9</v>
      </c>
      <c r="BF19" s="276">
        <v>0</v>
      </c>
      <c r="BG19" s="280">
        <v>0</v>
      </c>
      <c r="BH19" s="277">
        <v>0</v>
      </c>
      <c r="BI19" s="279">
        <v>0</v>
      </c>
      <c r="BJ19" s="280">
        <v>0</v>
      </c>
      <c r="BK19" s="280">
        <v>6</v>
      </c>
      <c r="BL19" s="280">
        <v>2</v>
      </c>
      <c r="BM19" s="280">
        <v>1</v>
      </c>
      <c r="BN19" s="280">
        <v>0</v>
      </c>
      <c r="BO19" s="281">
        <v>9</v>
      </c>
      <c r="BP19" s="282">
        <v>9</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3</v>
      </c>
      <c r="CI19" s="280">
        <v>0</v>
      </c>
      <c r="CJ19" s="280">
        <v>0</v>
      </c>
      <c r="CK19" s="277">
        <v>3</v>
      </c>
      <c r="CL19" s="282">
        <v>3</v>
      </c>
      <c r="CM19" s="276">
        <v>0</v>
      </c>
      <c r="CN19" s="280">
        <v>0</v>
      </c>
      <c r="CO19" s="277">
        <v>0</v>
      </c>
      <c r="CP19" s="279">
        <v>0</v>
      </c>
      <c r="CQ19" s="280">
        <v>0</v>
      </c>
      <c r="CR19" s="280">
        <v>1</v>
      </c>
      <c r="CS19" s="280">
        <v>1</v>
      </c>
      <c r="CT19" s="280">
        <v>0</v>
      </c>
      <c r="CU19" s="280">
        <v>1</v>
      </c>
      <c r="CV19" s="277">
        <v>3</v>
      </c>
      <c r="CW19" s="282">
        <v>3</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19</v>
      </c>
      <c r="AD20" s="280">
        <v>13</v>
      </c>
      <c r="AE20" s="280">
        <v>3</v>
      </c>
      <c r="AF20" s="280">
        <v>4</v>
      </c>
      <c r="AG20" s="280">
        <v>0</v>
      </c>
      <c r="AH20" s="277">
        <v>39</v>
      </c>
      <c r="AI20" s="282">
        <v>39</v>
      </c>
      <c r="AJ20" s="276">
        <v>0</v>
      </c>
      <c r="AK20" s="280">
        <v>0</v>
      </c>
      <c r="AL20" s="277">
        <v>0</v>
      </c>
      <c r="AM20" s="279">
        <v>0</v>
      </c>
      <c r="AN20" s="280">
        <v>1</v>
      </c>
      <c r="AO20" s="280">
        <v>0</v>
      </c>
      <c r="AP20" s="280">
        <v>3</v>
      </c>
      <c r="AQ20" s="280">
        <v>1</v>
      </c>
      <c r="AR20" s="280">
        <v>1</v>
      </c>
      <c r="AS20" s="277">
        <v>6</v>
      </c>
      <c r="AT20" s="282">
        <v>6</v>
      </c>
      <c r="AU20" s="276">
        <v>2</v>
      </c>
      <c r="AV20" s="280">
        <v>0</v>
      </c>
      <c r="AW20" s="277">
        <v>2</v>
      </c>
      <c r="AX20" s="279">
        <v>0</v>
      </c>
      <c r="AY20" s="280">
        <v>5</v>
      </c>
      <c r="AZ20" s="280">
        <v>4</v>
      </c>
      <c r="BA20" s="280">
        <v>3</v>
      </c>
      <c r="BB20" s="280">
        <v>2</v>
      </c>
      <c r="BC20" s="280">
        <v>0</v>
      </c>
      <c r="BD20" s="277">
        <v>14</v>
      </c>
      <c r="BE20" s="282">
        <v>16</v>
      </c>
      <c r="BF20" s="276">
        <v>0</v>
      </c>
      <c r="BG20" s="280">
        <v>0</v>
      </c>
      <c r="BH20" s="277">
        <v>0</v>
      </c>
      <c r="BI20" s="279">
        <v>0</v>
      </c>
      <c r="BJ20" s="280">
        <v>1</v>
      </c>
      <c r="BK20" s="280">
        <v>5</v>
      </c>
      <c r="BL20" s="280">
        <v>4</v>
      </c>
      <c r="BM20" s="280">
        <v>3</v>
      </c>
      <c r="BN20" s="280">
        <v>3</v>
      </c>
      <c r="BO20" s="281">
        <v>16</v>
      </c>
      <c r="BP20" s="282">
        <v>16</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1</v>
      </c>
      <c r="CU20" s="280">
        <v>1</v>
      </c>
      <c r="CV20" s="277">
        <v>2</v>
      </c>
      <c r="CW20" s="282">
        <v>2</v>
      </c>
    </row>
    <row r="21" spans="2:101" ht="21" customHeight="1" x14ac:dyDescent="0.2">
      <c r="B21" s="261" t="s">
        <v>19</v>
      </c>
      <c r="C21" s="276">
        <v>0</v>
      </c>
      <c r="D21" s="277">
        <v>0</v>
      </c>
      <c r="E21" s="278">
        <v>0</v>
      </c>
      <c r="F21" s="279">
        <v>0</v>
      </c>
      <c r="G21" s="280">
        <v>1</v>
      </c>
      <c r="H21" s="280">
        <v>1</v>
      </c>
      <c r="I21" s="280">
        <v>0</v>
      </c>
      <c r="J21" s="280">
        <v>0</v>
      </c>
      <c r="K21" s="280">
        <v>1</v>
      </c>
      <c r="L21" s="281">
        <v>3</v>
      </c>
      <c r="M21" s="282">
        <v>3</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4</v>
      </c>
      <c r="AD21" s="280">
        <v>3</v>
      </c>
      <c r="AE21" s="280">
        <v>0</v>
      </c>
      <c r="AF21" s="280">
        <v>1</v>
      </c>
      <c r="AG21" s="280">
        <v>1</v>
      </c>
      <c r="AH21" s="277">
        <v>9</v>
      </c>
      <c r="AI21" s="282">
        <v>9</v>
      </c>
      <c r="AJ21" s="276">
        <v>0</v>
      </c>
      <c r="AK21" s="280">
        <v>0</v>
      </c>
      <c r="AL21" s="277">
        <v>0</v>
      </c>
      <c r="AM21" s="279">
        <v>0</v>
      </c>
      <c r="AN21" s="280">
        <v>1</v>
      </c>
      <c r="AO21" s="280">
        <v>5</v>
      </c>
      <c r="AP21" s="280">
        <v>0</v>
      </c>
      <c r="AQ21" s="280">
        <v>0</v>
      </c>
      <c r="AR21" s="280">
        <v>0</v>
      </c>
      <c r="AS21" s="277">
        <v>6</v>
      </c>
      <c r="AT21" s="282">
        <v>6</v>
      </c>
      <c r="AU21" s="276">
        <v>0</v>
      </c>
      <c r="AV21" s="280">
        <v>1</v>
      </c>
      <c r="AW21" s="277">
        <v>1</v>
      </c>
      <c r="AX21" s="279">
        <v>0</v>
      </c>
      <c r="AY21" s="280">
        <v>3</v>
      </c>
      <c r="AZ21" s="280">
        <v>3</v>
      </c>
      <c r="BA21" s="280">
        <v>2</v>
      </c>
      <c r="BB21" s="280">
        <v>0</v>
      </c>
      <c r="BC21" s="280">
        <v>1</v>
      </c>
      <c r="BD21" s="277">
        <v>9</v>
      </c>
      <c r="BE21" s="282">
        <v>10</v>
      </c>
      <c r="BF21" s="276">
        <v>0</v>
      </c>
      <c r="BG21" s="280">
        <v>0</v>
      </c>
      <c r="BH21" s="277">
        <v>0</v>
      </c>
      <c r="BI21" s="279">
        <v>0</v>
      </c>
      <c r="BJ21" s="280">
        <v>1</v>
      </c>
      <c r="BK21" s="280">
        <v>2</v>
      </c>
      <c r="BL21" s="280">
        <v>0</v>
      </c>
      <c r="BM21" s="280">
        <v>1</v>
      </c>
      <c r="BN21" s="280">
        <v>0</v>
      </c>
      <c r="BO21" s="281">
        <v>4</v>
      </c>
      <c r="BP21" s="282">
        <v>4</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1</v>
      </c>
      <c r="CS21" s="280">
        <v>0</v>
      </c>
      <c r="CT21" s="280">
        <v>1</v>
      </c>
      <c r="CU21" s="280">
        <v>1</v>
      </c>
      <c r="CV21" s="277">
        <v>3</v>
      </c>
      <c r="CW21" s="282">
        <v>3</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3</v>
      </c>
      <c r="AD22" s="280">
        <v>8</v>
      </c>
      <c r="AE22" s="280">
        <v>4</v>
      </c>
      <c r="AF22" s="280">
        <v>2</v>
      </c>
      <c r="AG22" s="280">
        <v>0</v>
      </c>
      <c r="AH22" s="277">
        <v>27</v>
      </c>
      <c r="AI22" s="282">
        <v>27</v>
      </c>
      <c r="AJ22" s="276">
        <v>0</v>
      </c>
      <c r="AK22" s="280">
        <v>0</v>
      </c>
      <c r="AL22" s="277">
        <v>0</v>
      </c>
      <c r="AM22" s="279">
        <v>0</v>
      </c>
      <c r="AN22" s="280">
        <v>0</v>
      </c>
      <c r="AO22" s="280">
        <v>0</v>
      </c>
      <c r="AP22" s="280">
        <v>0</v>
      </c>
      <c r="AQ22" s="280">
        <v>0</v>
      </c>
      <c r="AR22" s="280">
        <v>0</v>
      </c>
      <c r="AS22" s="277">
        <v>0</v>
      </c>
      <c r="AT22" s="282">
        <v>0</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0</v>
      </c>
      <c r="BK22" s="280">
        <v>1</v>
      </c>
      <c r="BL22" s="280">
        <v>1</v>
      </c>
      <c r="BM22" s="280">
        <v>2</v>
      </c>
      <c r="BN22" s="280">
        <v>0</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2</v>
      </c>
      <c r="AD23" s="280">
        <v>10</v>
      </c>
      <c r="AE23" s="280">
        <v>2</v>
      </c>
      <c r="AF23" s="280">
        <v>3</v>
      </c>
      <c r="AG23" s="280">
        <v>0</v>
      </c>
      <c r="AH23" s="277">
        <v>27</v>
      </c>
      <c r="AI23" s="282">
        <v>27</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0</v>
      </c>
      <c r="BD23" s="277">
        <v>3</v>
      </c>
      <c r="BE23" s="282">
        <v>3</v>
      </c>
      <c r="BF23" s="276">
        <v>0</v>
      </c>
      <c r="BG23" s="280">
        <v>0</v>
      </c>
      <c r="BH23" s="277">
        <v>0</v>
      </c>
      <c r="BI23" s="279">
        <v>0</v>
      </c>
      <c r="BJ23" s="280">
        <v>2</v>
      </c>
      <c r="BK23" s="280">
        <v>3</v>
      </c>
      <c r="BL23" s="280">
        <v>0</v>
      </c>
      <c r="BM23" s="280">
        <v>2</v>
      </c>
      <c r="BN23" s="280">
        <v>0</v>
      </c>
      <c r="BO23" s="281">
        <v>7</v>
      </c>
      <c r="BP23" s="282">
        <v>7</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5</v>
      </c>
      <c r="AD24" s="280">
        <v>3</v>
      </c>
      <c r="AE24" s="280">
        <v>1</v>
      </c>
      <c r="AF24" s="280">
        <v>2</v>
      </c>
      <c r="AG24" s="280">
        <v>0</v>
      </c>
      <c r="AH24" s="277">
        <v>11</v>
      </c>
      <c r="AI24" s="282">
        <v>11</v>
      </c>
      <c r="AJ24" s="276">
        <v>0</v>
      </c>
      <c r="AK24" s="280">
        <v>0</v>
      </c>
      <c r="AL24" s="277">
        <v>0</v>
      </c>
      <c r="AM24" s="279">
        <v>0</v>
      </c>
      <c r="AN24" s="280">
        <v>0</v>
      </c>
      <c r="AO24" s="280">
        <v>0</v>
      </c>
      <c r="AP24" s="280">
        <v>0</v>
      </c>
      <c r="AQ24" s="280">
        <v>1</v>
      </c>
      <c r="AR24" s="280">
        <v>0</v>
      </c>
      <c r="AS24" s="277">
        <v>1</v>
      </c>
      <c r="AT24" s="282">
        <v>1</v>
      </c>
      <c r="AU24" s="276">
        <v>0</v>
      </c>
      <c r="AV24" s="280">
        <v>1</v>
      </c>
      <c r="AW24" s="277">
        <v>1</v>
      </c>
      <c r="AX24" s="279">
        <v>0</v>
      </c>
      <c r="AY24" s="280">
        <v>3</v>
      </c>
      <c r="AZ24" s="280">
        <v>4</v>
      </c>
      <c r="BA24" s="280">
        <v>0</v>
      </c>
      <c r="BB24" s="280">
        <v>0</v>
      </c>
      <c r="BC24" s="280">
        <v>0</v>
      </c>
      <c r="BD24" s="277">
        <v>7</v>
      </c>
      <c r="BE24" s="282">
        <v>8</v>
      </c>
      <c r="BF24" s="276">
        <v>0</v>
      </c>
      <c r="BG24" s="280">
        <v>0</v>
      </c>
      <c r="BH24" s="277">
        <v>0</v>
      </c>
      <c r="BI24" s="279">
        <v>0</v>
      </c>
      <c r="BJ24" s="280">
        <v>1</v>
      </c>
      <c r="BK24" s="280">
        <v>3</v>
      </c>
      <c r="BL24" s="280">
        <v>0</v>
      </c>
      <c r="BM24" s="280">
        <v>0</v>
      </c>
      <c r="BN24" s="280">
        <v>0</v>
      </c>
      <c r="BO24" s="281">
        <v>4</v>
      </c>
      <c r="BP24" s="282">
        <v>4</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3</v>
      </c>
      <c r="CJ24" s="280">
        <v>0</v>
      </c>
      <c r="CK24" s="277">
        <v>3</v>
      </c>
      <c r="CL24" s="282">
        <v>3</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5</v>
      </c>
      <c r="AD25" s="280">
        <v>2</v>
      </c>
      <c r="AE25" s="280">
        <v>1</v>
      </c>
      <c r="AF25" s="280">
        <v>0</v>
      </c>
      <c r="AG25" s="280">
        <v>0</v>
      </c>
      <c r="AH25" s="277">
        <v>8</v>
      </c>
      <c r="AI25" s="282">
        <v>8</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0</v>
      </c>
      <c r="BL25" s="280">
        <v>4</v>
      </c>
      <c r="BM25" s="280">
        <v>3</v>
      </c>
      <c r="BN25" s="280">
        <v>1</v>
      </c>
      <c r="BO25" s="281">
        <v>9</v>
      </c>
      <c r="BP25" s="282">
        <v>9</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0</v>
      </c>
      <c r="AE26" s="280">
        <v>3</v>
      </c>
      <c r="AF26" s="280">
        <v>0</v>
      </c>
      <c r="AG26" s="280">
        <v>0</v>
      </c>
      <c r="AH26" s="277">
        <v>4</v>
      </c>
      <c r="AI26" s="282">
        <v>4</v>
      </c>
      <c r="AJ26" s="276">
        <v>0</v>
      </c>
      <c r="AK26" s="280">
        <v>0</v>
      </c>
      <c r="AL26" s="277">
        <v>0</v>
      </c>
      <c r="AM26" s="279">
        <v>0</v>
      </c>
      <c r="AN26" s="280">
        <v>1</v>
      </c>
      <c r="AO26" s="280">
        <v>0</v>
      </c>
      <c r="AP26" s="280">
        <v>1</v>
      </c>
      <c r="AQ26" s="280">
        <v>0</v>
      </c>
      <c r="AR26" s="280">
        <v>0</v>
      </c>
      <c r="AS26" s="277">
        <v>2</v>
      </c>
      <c r="AT26" s="282">
        <v>2</v>
      </c>
      <c r="AU26" s="276">
        <v>0</v>
      </c>
      <c r="AV26" s="280">
        <v>0</v>
      </c>
      <c r="AW26" s="277">
        <v>0</v>
      </c>
      <c r="AX26" s="279">
        <v>0</v>
      </c>
      <c r="AY26" s="280">
        <v>0</v>
      </c>
      <c r="AZ26" s="280">
        <v>1</v>
      </c>
      <c r="BA26" s="280">
        <v>0</v>
      </c>
      <c r="BB26" s="280">
        <v>0</v>
      </c>
      <c r="BC26" s="280">
        <v>0</v>
      </c>
      <c r="BD26" s="277">
        <v>1</v>
      </c>
      <c r="BE26" s="282">
        <v>1</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5</v>
      </c>
      <c r="AD27" s="280">
        <v>1</v>
      </c>
      <c r="AE27" s="280">
        <v>0</v>
      </c>
      <c r="AF27" s="280">
        <v>0</v>
      </c>
      <c r="AG27" s="280">
        <v>0</v>
      </c>
      <c r="AH27" s="277">
        <v>6</v>
      </c>
      <c r="AI27" s="282">
        <v>6</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v>
      </c>
      <c r="AD28" s="280">
        <v>3</v>
      </c>
      <c r="AE28" s="280">
        <v>1</v>
      </c>
      <c r="AF28" s="280">
        <v>0</v>
      </c>
      <c r="AG28" s="280">
        <v>0</v>
      </c>
      <c r="AH28" s="277">
        <v>8</v>
      </c>
      <c r="AI28" s="282">
        <v>8</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0</v>
      </c>
      <c r="BB28" s="280">
        <v>0</v>
      </c>
      <c r="BC28" s="280">
        <v>0</v>
      </c>
      <c r="BD28" s="277">
        <v>0</v>
      </c>
      <c r="BE28" s="282">
        <v>0</v>
      </c>
      <c r="BF28" s="276">
        <v>0</v>
      </c>
      <c r="BG28" s="280">
        <v>0</v>
      </c>
      <c r="BH28" s="277">
        <v>0</v>
      </c>
      <c r="BI28" s="279">
        <v>0</v>
      </c>
      <c r="BJ28" s="280">
        <v>0</v>
      </c>
      <c r="BK28" s="280">
        <v>0</v>
      </c>
      <c r="BL28" s="280">
        <v>1</v>
      </c>
      <c r="BM28" s="280">
        <v>1</v>
      </c>
      <c r="BN28" s="280">
        <v>0</v>
      </c>
      <c r="BO28" s="281">
        <v>2</v>
      </c>
      <c r="BP28" s="282">
        <v>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1</v>
      </c>
      <c r="AE29" s="280">
        <v>0</v>
      </c>
      <c r="AF29" s="280">
        <v>0</v>
      </c>
      <c r="AG29" s="280">
        <v>0</v>
      </c>
      <c r="AH29" s="277">
        <v>2</v>
      </c>
      <c r="AI29" s="282">
        <v>2</v>
      </c>
      <c r="AJ29" s="276">
        <v>0</v>
      </c>
      <c r="AK29" s="280">
        <v>0</v>
      </c>
      <c r="AL29" s="277">
        <v>0</v>
      </c>
      <c r="AM29" s="279">
        <v>0</v>
      </c>
      <c r="AN29" s="280">
        <v>1</v>
      </c>
      <c r="AO29" s="280">
        <v>1</v>
      </c>
      <c r="AP29" s="280">
        <v>0</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1</v>
      </c>
      <c r="BN29" s="280">
        <v>0</v>
      </c>
      <c r="BO29" s="281">
        <v>2</v>
      </c>
      <c r="BP29" s="282">
        <v>2</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v>
      </c>
      <c r="CI29" s="280">
        <v>0</v>
      </c>
      <c r="CJ29" s="280">
        <v>1</v>
      </c>
      <c r="CK29" s="277">
        <v>2</v>
      </c>
      <c r="CL29" s="282">
        <v>2</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1</v>
      </c>
      <c r="AF30" s="280">
        <v>0</v>
      </c>
      <c r="AG30" s="280">
        <v>0</v>
      </c>
      <c r="AH30" s="277">
        <v>6</v>
      </c>
      <c r="AI30" s="282">
        <v>6</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2</v>
      </c>
      <c r="BO30" s="281">
        <v>2</v>
      </c>
      <c r="BP30" s="282">
        <v>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3</v>
      </c>
      <c r="AD31" s="280">
        <v>1</v>
      </c>
      <c r="AE31" s="280">
        <v>0</v>
      </c>
      <c r="AF31" s="280">
        <v>0</v>
      </c>
      <c r="AG31" s="280">
        <v>0</v>
      </c>
      <c r="AH31" s="277">
        <v>4</v>
      </c>
      <c r="AI31" s="282">
        <v>4</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1</v>
      </c>
      <c r="CG31" s="280">
        <v>0</v>
      </c>
      <c r="CH31" s="280">
        <v>0</v>
      </c>
      <c r="CI31" s="280">
        <v>0</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1</v>
      </c>
      <c r="AF32" s="280">
        <v>0</v>
      </c>
      <c r="AG32" s="280">
        <v>0</v>
      </c>
      <c r="AH32" s="277">
        <v>3</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1</v>
      </c>
      <c r="BL32" s="280">
        <v>0</v>
      </c>
      <c r="BM32" s="280">
        <v>1</v>
      </c>
      <c r="BN32" s="280">
        <v>0</v>
      </c>
      <c r="BO32" s="281">
        <v>2</v>
      </c>
      <c r="BP32" s="282">
        <v>2</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2</v>
      </c>
      <c r="AE33" s="280">
        <v>0</v>
      </c>
      <c r="AF33" s="280">
        <v>0</v>
      </c>
      <c r="AG33" s="280">
        <v>0</v>
      </c>
      <c r="AH33" s="277">
        <v>3</v>
      </c>
      <c r="AI33" s="282">
        <v>3</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0</v>
      </c>
      <c r="BO33" s="281">
        <v>3</v>
      </c>
      <c r="BP33" s="282">
        <v>3</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3</v>
      </c>
      <c r="AE34" s="280">
        <v>0</v>
      </c>
      <c r="AF34" s="280">
        <v>0</v>
      </c>
      <c r="AG34" s="280">
        <v>1</v>
      </c>
      <c r="AH34" s="277">
        <v>6</v>
      </c>
      <c r="AI34" s="282">
        <v>6</v>
      </c>
      <c r="AJ34" s="276">
        <v>0</v>
      </c>
      <c r="AK34" s="280">
        <v>0</v>
      </c>
      <c r="AL34" s="277">
        <v>0</v>
      </c>
      <c r="AM34" s="279">
        <v>0</v>
      </c>
      <c r="AN34" s="280">
        <v>0</v>
      </c>
      <c r="AO34" s="280">
        <v>0</v>
      </c>
      <c r="AP34" s="280">
        <v>0</v>
      </c>
      <c r="AQ34" s="280">
        <v>0</v>
      </c>
      <c r="AR34" s="280">
        <v>0</v>
      </c>
      <c r="AS34" s="277">
        <v>0</v>
      </c>
      <c r="AT34" s="282">
        <v>0</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0</v>
      </c>
      <c r="BM34" s="280">
        <v>0</v>
      </c>
      <c r="BN34" s="280">
        <v>0</v>
      </c>
      <c r="BO34" s="281">
        <v>0</v>
      </c>
      <c r="BP34" s="282">
        <v>0</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1</v>
      </c>
      <c r="I37" s="280">
        <v>0</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0</v>
      </c>
      <c r="BC37" s="280">
        <v>0</v>
      </c>
      <c r="BD37" s="277">
        <v>0</v>
      </c>
      <c r="BE37" s="282">
        <v>0</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3</v>
      </c>
      <c r="AD38" s="280">
        <v>1</v>
      </c>
      <c r="AE38" s="280">
        <v>0</v>
      </c>
      <c r="AF38" s="280">
        <v>1</v>
      </c>
      <c r="AG38" s="280">
        <v>0</v>
      </c>
      <c r="AH38" s="277">
        <v>5</v>
      </c>
      <c r="AI38" s="282">
        <v>5</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26">
        <f>第１表!F2</f>
        <v>5</v>
      </c>
      <c r="J1" s="526"/>
      <c r="K1" s="248">
        <f>第１表!G2</f>
        <v>3</v>
      </c>
      <c r="L1" s="530">
        <f>IF(K1&lt;3,K1+12-2,K1-2)</f>
        <v>1</v>
      </c>
      <c r="M1" s="530"/>
    </row>
    <row r="2" spans="1:101" s="291" customFormat="1" ht="24" customHeight="1" thickBot="1" x14ac:dyDescent="0.25">
      <c r="A2" s="44"/>
      <c r="B2" s="290" t="s">
        <v>155</v>
      </c>
    </row>
    <row r="3" spans="1:101" ht="21" customHeight="1" thickBot="1" x14ac:dyDescent="0.25">
      <c r="B3" s="543"/>
      <c r="C3" s="534" t="s">
        <v>94</v>
      </c>
      <c r="D3" s="535"/>
      <c r="E3" s="535"/>
      <c r="F3" s="535"/>
      <c r="G3" s="535"/>
      <c r="H3" s="535"/>
      <c r="I3" s="535"/>
      <c r="J3" s="535"/>
      <c r="K3" s="535"/>
      <c r="L3" s="535"/>
      <c r="M3" s="536"/>
      <c r="N3" s="534" t="s">
        <v>88</v>
      </c>
      <c r="O3" s="535"/>
      <c r="P3" s="535"/>
      <c r="Q3" s="535"/>
      <c r="R3" s="535"/>
      <c r="S3" s="535"/>
      <c r="T3" s="535"/>
      <c r="U3" s="535"/>
      <c r="V3" s="535"/>
      <c r="W3" s="535"/>
      <c r="X3" s="536"/>
      <c r="Y3" s="534" t="s">
        <v>142</v>
      </c>
      <c r="Z3" s="535"/>
      <c r="AA3" s="535"/>
      <c r="AB3" s="535"/>
      <c r="AC3" s="535"/>
      <c r="AD3" s="535"/>
      <c r="AE3" s="535"/>
      <c r="AF3" s="535"/>
      <c r="AG3" s="535"/>
      <c r="AH3" s="535"/>
      <c r="AI3" s="536"/>
      <c r="AJ3" s="534" t="s">
        <v>90</v>
      </c>
      <c r="AK3" s="535"/>
      <c r="AL3" s="535"/>
      <c r="AM3" s="535"/>
      <c r="AN3" s="535"/>
      <c r="AO3" s="535"/>
      <c r="AP3" s="535"/>
      <c r="AQ3" s="535"/>
      <c r="AR3" s="535"/>
      <c r="AS3" s="535"/>
      <c r="AT3" s="536"/>
      <c r="AU3" s="547" t="s">
        <v>89</v>
      </c>
      <c r="AV3" s="548"/>
      <c r="AW3" s="548"/>
      <c r="AX3" s="548"/>
      <c r="AY3" s="548"/>
      <c r="AZ3" s="548"/>
      <c r="BA3" s="548"/>
      <c r="BB3" s="548"/>
      <c r="BC3" s="548"/>
      <c r="BD3" s="548"/>
      <c r="BE3" s="549"/>
      <c r="BF3" s="547" t="s">
        <v>91</v>
      </c>
      <c r="BG3" s="548"/>
      <c r="BH3" s="548"/>
      <c r="BI3" s="548"/>
      <c r="BJ3" s="548"/>
      <c r="BK3" s="548"/>
      <c r="BL3" s="548"/>
      <c r="BM3" s="548"/>
      <c r="BN3" s="548"/>
      <c r="BO3" s="548"/>
      <c r="BP3" s="549"/>
      <c r="BQ3" s="547" t="s">
        <v>92</v>
      </c>
      <c r="BR3" s="548"/>
      <c r="BS3" s="548"/>
      <c r="BT3" s="548"/>
      <c r="BU3" s="548"/>
      <c r="BV3" s="548"/>
      <c r="BW3" s="548"/>
      <c r="BX3" s="548"/>
      <c r="BY3" s="548"/>
      <c r="BZ3" s="548"/>
      <c r="CA3" s="549"/>
      <c r="CB3" s="547" t="s">
        <v>93</v>
      </c>
      <c r="CC3" s="548"/>
      <c r="CD3" s="548"/>
      <c r="CE3" s="548"/>
      <c r="CF3" s="548"/>
      <c r="CG3" s="548"/>
      <c r="CH3" s="548"/>
      <c r="CI3" s="548"/>
      <c r="CJ3" s="548"/>
      <c r="CK3" s="548"/>
      <c r="CL3" s="549"/>
      <c r="CM3" s="548" t="s">
        <v>141</v>
      </c>
      <c r="CN3" s="548"/>
      <c r="CO3" s="548"/>
      <c r="CP3" s="548"/>
      <c r="CQ3" s="548"/>
      <c r="CR3" s="548"/>
      <c r="CS3" s="548"/>
      <c r="CT3" s="548"/>
      <c r="CU3" s="548"/>
      <c r="CV3" s="548"/>
      <c r="CW3" s="549"/>
    </row>
    <row r="4" spans="1:101" ht="21" customHeight="1" x14ac:dyDescent="0.2">
      <c r="B4" s="544"/>
      <c r="C4" s="542" t="s">
        <v>61</v>
      </c>
      <c r="D4" s="538"/>
      <c r="E4" s="539"/>
      <c r="F4" s="537" t="s">
        <v>62</v>
      </c>
      <c r="G4" s="538"/>
      <c r="H4" s="538"/>
      <c r="I4" s="538"/>
      <c r="J4" s="538"/>
      <c r="K4" s="538"/>
      <c r="L4" s="546"/>
      <c r="M4" s="540" t="s">
        <v>52</v>
      </c>
      <c r="N4" s="542" t="s">
        <v>61</v>
      </c>
      <c r="O4" s="538"/>
      <c r="P4" s="539"/>
      <c r="Q4" s="537" t="s">
        <v>62</v>
      </c>
      <c r="R4" s="538"/>
      <c r="S4" s="538"/>
      <c r="T4" s="538"/>
      <c r="U4" s="538"/>
      <c r="V4" s="538"/>
      <c r="W4" s="539"/>
      <c r="X4" s="540" t="s">
        <v>52</v>
      </c>
      <c r="Y4" s="542" t="s">
        <v>61</v>
      </c>
      <c r="Z4" s="538"/>
      <c r="AA4" s="539"/>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65" t="s">
        <v>61</v>
      </c>
      <c r="AV4" s="563"/>
      <c r="AW4" s="564"/>
      <c r="AX4" s="562" t="s">
        <v>62</v>
      </c>
      <c r="AY4" s="563"/>
      <c r="AZ4" s="563"/>
      <c r="BA4" s="563"/>
      <c r="BB4" s="563"/>
      <c r="BC4" s="563"/>
      <c r="BD4" s="564"/>
      <c r="BE4" s="560" t="s">
        <v>52</v>
      </c>
      <c r="BF4" s="565" t="s">
        <v>61</v>
      </c>
      <c r="BG4" s="563"/>
      <c r="BH4" s="564"/>
      <c r="BI4" s="562" t="s">
        <v>62</v>
      </c>
      <c r="BJ4" s="563"/>
      <c r="BK4" s="563"/>
      <c r="BL4" s="563"/>
      <c r="BM4" s="563"/>
      <c r="BN4" s="563"/>
      <c r="BO4" s="564"/>
      <c r="BP4" s="560" t="s">
        <v>52</v>
      </c>
      <c r="BQ4" s="565" t="s">
        <v>61</v>
      </c>
      <c r="BR4" s="563"/>
      <c r="BS4" s="564"/>
      <c r="BT4" s="562" t="s">
        <v>62</v>
      </c>
      <c r="BU4" s="563"/>
      <c r="BV4" s="563"/>
      <c r="BW4" s="563"/>
      <c r="BX4" s="563"/>
      <c r="BY4" s="563"/>
      <c r="BZ4" s="564"/>
      <c r="CA4" s="560" t="s">
        <v>52</v>
      </c>
      <c r="CB4" s="565" t="s">
        <v>61</v>
      </c>
      <c r="CC4" s="563"/>
      <c r="CD4" s="564"/>
      <c r="CE4" s="562" t="s">
        <v>62</v>
      </c>
      <c r="CF4" s="563"/>
      <c r="CG4" s="563"/>
      <c r="CH4" s="563"/>
      <c r="CI4" s="563"/>
      <c r="CJ4" s="563"/>
      <c r="CK4" s="564"/>
      <c r="CL4" s="560" t="s">
        <v>52</v>
      </c>
      <c r="CM4" s="565" t="s">
        <v>61</v>
      </c>
      <c r="CN4" s="563"/>
      <c r="CO4" s="564"/>
      <c r="CP4" s="562" t="s">
        <v>62</v>
      </c>
      <c r="CQ4" s="563"/>
      <c r="CR4" s="563"/>
      <c r="CS4" s="563"/>
      <c r="CT4" s="563"/>
      <c r="CU4" s="563"/>
      <c r="CV4" s="564"/>
      <c r="CW4" s="560" t="s">
        <v>52</v>
      </c>
    </row>
    <row r="5" spans="1:101" ht="30" customHeight="1" thickBot="1" x14ac:dyDescent="0.25">
      <c r="B5" s="545"/>
      <c r="C5" s="350" t="s">
        <v>43</v>
      </c>
      <c r="D5" s="265" t="s">
        <v>44</v>
      </c>
      <c r="E5" s="266" t="s">
        <v>45</v>
      </c>
      <c r="F5" s="267" t="s">
        <v>83</v>
      </c>
      <c r="G5" s="259" t="s">
        <v>47</v>
      </c>
      <c r="H5" s="259" t="s">
        <v>48</v>
      </c>
      <c r="I5" s="259" t="s">
        <v>49</v>
      </c>
      <c r="J5" s="259" t="s">
        <v>50</v>
      </c>
      <c r="K5" s="259" t="s">
        <v>51</v>
      </c>
      <c r="L5" s="268" t="s">
        <v>45</v>
      </c>
      <c r="M5" s="541"/>
      <c r="N5" s="350" t="s">
        <v>43</v>
      </c>
      <c r="O5" s="259" t="s">
        <v>44</v>
      </c>
      <c r="P5" s="265" t="s">
        <v>45</v>
      </c>
      <c r="Q5" s="267" t="s">
        <v>83</v>
      </c>
      <c r="R5" s="259" t="s">
        <v>47</v>
      </c>
      <c r="S5" s="259" t="s">
        <v>48</v>
      </c>
      <c r="T5" s="259" t="s">
        <v>49</v>
      </c>
      <c r="U5" s="259" t="s">
        <v>50</v>
      </c>
      <c r="V5" s="259" t="s">
        <v>51</v>
      </c>
      <c r="W5" s="265" t="s">
        <v>45</v>
      </c>
      <c r="X5" s="541"/>
      <c r="Y5" s="350" t="s">
        <v>43</v>
      </c>
      <c r="Z5" s="259" t="s">
        <v>44</v>
      </c>
      <c r="AA5" s="265" t="s">
        <v>45</v>
      </c>
      <c r="AB5" s="267" t="s">
        <v>83</v>
      </c>
      <c r="AC5" s="259" t="s">
        <v>47</v>
      </c>
      <c r="AD5" s="259" t="s">
        <v>48</v>
      </c>
      <c r="AE5" s="259" t="s">
        <v>49</v>
      </c>
      <c r="AF5" s="259" t="s">
        <v>50</v>
      </c>
      <c r="AG5" s="259" t="s">
        <v>51</v>
      </c>
      <c r="AH5" s="265" t="s">
        <v>45</v>
      </c>
      <c r="AI5" s="541"/>
      <c r="AJ5" s="350" t="s">
        <v>43</v>
      </c>
      <c r="AK5" s="259" t="s">
        <v>44</v>
      </c>
      <c r="AL5" s="265" t="s">
        <v>45</v>
      </c>
      <c r="AM5" s="267" t="s">
        <v>83</v>
      </c>
      <c r="AN5" s="259" t="s">
        <v>47</v>
      </c>
      <c r="AO5" s="259" t="s">
        <v>48</v>
      </c>
      <c r="AP5" s="259" t="s">
        <v>49</v>
      </c>
      <c r="AQ5" s="259" t="s">
        <v>50</v>
      </c>
      <c r="AR5" s="259" t="s">
        <v>51</v>
      </c>
      <c r="AS5" s="265" t="s">
        <v>45</v>
      </c>
      <c r="AT5" s="541"/>
      <c r="AU5" s="350" t="s">
        <v>43</v>
      </c>
      <c r="AV5" s="259" t="s">
        <v>44</v>
      </c>
      <c r="AW5" s="265" t="s">
        <v>45</v>
      </c>
      <c r="AX5" s="267" t="s">
        <v>83</v>
      </c>
      <c r="AY5" s="259" t="s">
        <v>47</v>
      </c>
      <c r="AZ5" s="259" t="s">
        <v>48</v>
      </c>
      <c r="BA5" s="259" t="s">
        <v>49</v>
      </c>
      <c r="BB5" s="259" t="s">
        <v>50</v>
      </c>
      <c r="BC5" s="259" t="s">
        <v>51</v>
      </c>
      <c r="BD5" s="265" t="s">
        <v>45</v>
      </c>
      <c r="BE5" s="561"/>
      <c r="BF5" s="350" t="s">
        <v>43</v>
      </c>
      <c r="BG5" s="259" t="s">
        <v>44</v>
      </c>
      <c r="BH5" s="265" t="s">
        <v>45</v>
      </c>
      <c r="BI5" s="267" t="s">
        <v>83</v>
      </c>
      <c r="BJ5" s="259" t="s">
        <v>47</v>
      </c>
      <c r="BK5" s="259" t="s">
        <v>48</v>
      </c>
      <c r="BL5" s="259" t="s">
        <v>49</v>
      </c>
      <c r="BM5" s="259" t="s">
        <v>50</v>
      </c>
      <c r="BN5" s="259" t="s">
        <v>51</v>
      </c>
      <c r="BO5" s="265" t="s">
        <v>45</v>
      </c>
      <c r="BP5" s="561"/>
      <c r="BQ5" s="350" t="s">
        <v>43</v>
      </c>
      <c r="BR5" s="259" t="s">
        <v>44</v>
      </c>
      <c r="BS5" s="265" t="s">
        <v>45</v>
      </c>
      <c r="BT5" s="267" t="s">
        <v>83</v>
      </c>
      <c r="BU5" s="259" t="s">
        <v>47</v>
      </c>
      <c r="BV5" s="259" t="s">
        <v>48</v>
      </c>
      <c r="BW5" s="259" t="s">
        <v>49</v>
      </c>
      <c r="BX5" s="259" t="s">
        <v>50</v>
      </c>
      <c r="BY5" s="259" t="s">
        <v>51</v>
      </c>
      <c r="BZ5" s="265" t="s">
        <v>45</v>
      </c>
      <c r="CA5" s="561"/>
      <c r="CB5" s="350" t="s">
        <v>43</v>
      </c>
      <c r="CC5" s="259" t="s">
        <v>44</v>
      </c>
      <c r="CD5" s="265" t="s">
        <v>45</v>
      </c>
      <c r="CE5" s="267" t="s">
        <v>83</v>
      </c>
      <c r="CF5" s="259" t="s">
        <v>47</v>
      </c>
      <c r="CG5" s="259" t="s">
        <v>48</v>
      </c>
      <c r="CH5" s="259" t="s">
        <v>49</v>
      </c>
      <c r="CI5" s="259" t="s">
        <v>50</v>
      </c>
      <c r="CJ5" s="259" t="s">
        <v>51</v>
      </c>
      <c r="CK5" s="265" t="s">
        <v>45</v>
      </c>
      <c r="CL5" s="561"/>
      <c r="CM5" s="350" t="s">
        <v>43</v>
      </c>
      <c r="CN5" s="259" t="s">
        <v>44</v>
      </c>
      <c r="CO5" s="265" t="s">
        <v>45</v>
      </c>
      <c r="CP5" s="267" t="s">
        <v>83</v>
      </c>
      <c r="CQ5" s="259" t="s">
        <v>47</v>
      </c>
      <c r="CR5" s="259" t="s">
        <v>48</v>
      </c>
      <c r="CS5" s="259" t="s">
        <v>49</v>
      </c>
      <c r="CT5" s="259" t="s">
        <v>50</v>
      </c>
      <c r="CU5" s="259" t="s">
        <v>51</v>
      </c>
      <c r="CV5" s="265" t="s">
        <v>45</v>
      </c>
      <c r="CW5" s="561"/>
    </row>
    <row r="6" spans="1:101" ht="21" customHeight="1" x14ac:dyDescent="0.2">
      <c r="B6" s="260" t="s">
        <v>4</v>
      </c>
      <c r="C6" s="269">
        <v>0</v>
      </c>
      <c r="D6" s="270">
        <v>0</v>
      </c>
      <c r="E6" s="271">
        <v>0</v>
      </c>
      <c r="F6" s="272">
        <v>0</v>
      </c>
      <c r="G6" s="273">
        <v>28</v>
      </c>
      <c r="H6" s="273">
        <v>31</v>
      </c>
      <c r="I6" s="273">
        <v>22</v>
      </c>
      <c r="J6" s="273">
        <v>28</v>
      </c>
      <c r="K6" s="273">
        <v>23</v>
      </c>
      <c r="L6" s="274">
        <v>132</v>
      </c>
      <c r="M6" s="275">
        <v>132</v>
      </c>
      <c r="N6" s="269">
        <v>0</v>
      </c>
      <c r="O6" s="273">
        <v>0</v>
      </c>
      <c r="P6" s="270">
        <v>0</v>
      </c>
      <c r="Q6" s="272">
        <v>0</v>
      </c>
      <c r="R6" s="273">
        <v>10</v>
      </c>
      <c r="S6" s="273">
        <v>29</v>
      </c>
      <c r="T6" s="273">
        <v>32</v>
      </c>
      <c r="U6" s="273">
        <v>27</v>
      </c>
      <c r="V6" s="273">
        <v>27</v>
      </c>
      <c r="W6" s="270">
        <v>125</v>
      </c>
      <c r="X6" s="275">
        <v>125</v>
      </c>
      <c r="Y6" s="269">
        <v>0</v>
      </c>
      <c r="Z6" s="273">
        <v>0</v>
      </c>
      <c r="AA6" s="270">
        <v>0</v>
      </c>
      <c r="AB6" s="272">
        <v>0</v>
      </c>
      <c r="AC6" s="273">
        <v>787</v>
      </c>
      <c r="AD6" s="273">
        <v>643</v>
      </c>
      <c r="AE6" s="273">
        <v>295</v>
      </c>
      <c r="AF6" s="273">
        <v>144</v>
      </c>
      <c r="AG6" s="273">
        <v>49</v>
      </c>
      <c r="AH6" s="270">
        <v>1918</v>
      </c>
      <c r="AI6" s="275">
        <v>1918</v>
      </c>
      <c r="AJ6" s="269">
        <v>1</v>
      </c>
      <c r="AK6" s="273">
        <v>0</v>
      </c>
      <c r="AL6" s="270">
        <v>1</v>
      </c>
      <c r="AM6" s="272">
        <v>0</v>
      </c>
      <c r="AN6" s="273">
        <v>50</v>
      </c>
      <c r="AO6" s="273">
        <v>65</v>
      </c>
      <c r="AP6" s="273">
        <v>64</v>
      </c>
      <c r="AQ6" s="273">
        <v>28</v>
      </c>
      <c r="AR6" s="273">
        <v>25</v>
      </c>
      <c r="AS6" s="270">
        <v>232</v>
      </c>
      <c r="AT6" s="275">
        <v>233</v>
      </c>
      <c r="AU6" s="269">
        <v>8</v>
      </c>
      <c r="AV6" s="273">
        <v>22</v>
      </c>
      <c r="AW6" s="270">
        <v>30</v>
      </c>
      <c r="AX6" s="272">
        <v>0</v>
      </c>
      <c r="AY6" s="273">
        <v>68</v>
      </c>
      <c r="AZ6" s="273">
        <v>46</v>
      </c>
      <c r="BA6" s="273">
        <v>51</v>
      </c>
      <c r="BB6" s="273">
        <v>40</v>
      </c>
      <c r="BC6" s="273">
        <v>17</v>
      </c>
      <c r="BD6" s="270">
        <v>222</v>
      </c>
      <c r="BE6" s="275">
        <v>252</v>
      </c>
      <c r="BF6" s="269">
        <v>0</v>
      </c>
      <c r="BG6" s="273">
        <v>0</v>
      </c>
      <c r="BH6" s="270">
        <v>0</v>
      </c>
      <c r="BI6" s="272">
        <v>0</v>
      </c>
      <c r="BJ6" s="273">
        <v>67</v>
      </c>
      <c r="BK6" s="273">
        <v>106</v>
      </c>
      <c r="BL6" s="273">
        <v>139</v>
      </c>
      <c r="BM6" s="273">
        <v>100</v>
      </c>
      <c r="BN6" s="273">
        <v>62</v>
      </c>
      <c r="BO6" s="274">
        <v>474</v>
      </c>
      <c r="BP6" s="275">
        <v>474</v>
      </c>
      <c r="BQ6" s="269">
        <v>0</v>
      </c>
      <c r="BR6" s="273">
        <v>0</v>
      </c>
      <c r="BS6" s="270">
        <v>0</v>
      </c>
      <c r="BT6" s="272">
        <v>0</v>
      </c>
      <c r="BU6" s="273">
        <v>4</v>
      </c>
      <c r="BV6" s="273">
        <v>7</v>
      </c>
      <c r="BW6" s="273">
        <v>5</v>
      </c>
      <c r="BX6" s="273">
        <v>5</v>
      </c>
      <c r="BY6" s="273">
        <v>4</v>
      </c>
      <c r="BZ6" s="270">
        <v>25</v>
      </c>
      <c r="CA6" s="275">
        <v>25</v>
      </c>
      <c r="CB6" s="269">
        <v>0</v>
      </c>
      <c r="CC6" s="273">
        <v>0</v>
      </c>
      <c r="CD6" s="270">
        <v>0</v>
      </c>
      <c r="CE6" s="272">
        <v>0</v>
      </c>
      <c r="CF6" s="273">
        <v>1</v>
      </c>
      <c r="CG6" s="273">
        <v>3</v>
      </c>
      <c r="CH6" s="273">
        <v>13</v>
      </c>
      <c r="CI6" s="273">
        <v>16</v>
      </c>
      <c r="CJ6" s="273">
        <v>8</v>
      </c>
      <c r="CK6" s="270">
        <v>41</v>
      </c>
      <c r="CL6" s="275">
        <v>41</v>
      </c>
      <c r="CM6" s="269">
        <v>0</v>
      </c>
      <c r="CN6" s="273">
        <v>0</v>
      </c>
      <c r="CO6" s="270">
        <v>0</v>
      </c>
      <c r="CP6" s="272">
        <v>0</v>
      </c>
      <c r="CQ6" s="273">
        <v>9</v>
      </c>
      <c r="CR6" s="273">
        <v>12</v>
      </c>
      <c r="CS6" s="273">
        <v>17</v>
      </c>
      <c r="CT6" s="273">
        <v>16</v>
      </c>
      <c r="CU6" s="273">
        <v>34</v>
      </c>
      <c r="CV6" s="270">
        <v>88</v>
      </c>
      <c r="CW6" s="275">
        <v>88</v>
      </c>
    </row>
    <row r="7" spans="1:101" ht="21" customHeight="1" x14ac:dyDescent="0.2">
      <c r="B7" s="261" t="s">
        <v>5</v>
      </c>
      <c r="C7" s="276">
        <v>0</v>
      </c>
      <c r="D7" s="277">
        <v>0</v>
      </c>
      <c r="E7" s="278">
        <v>0</v>
      </c>
      <c r="F7" s="279">
        <v>0</v>
      </c>
      <c r="G7" s="280">
        <v>9</v>
      </c>
      <c r="H7" s="280">
        <v>15</v>
      </c>
      <c r="I7" s="280">
        <v>10</v>
      </c>
      <c r="J7" s="280">
        <v>10</v>
      </c>
      <c r="K7" s="280">
        <v>8</v>
      </c>
      <c r="L7" s="281">
        <v>52</v>
      </c>
      <c r="M7" s="282">
        <v>52</v>
      </c>
      <c r="N7" s="276">
        <v>0</v>
      </c>
      <c r="O7" s="280">
        <v>0</v>
      </c>
      <c r="P7" s="277">
        <v>0</v>
      </c>
      <c r="Q7" s="279">
        <v>0</v>
      </c>
      <c r="R7" s="280">
        <v>5</v>
      </c>
      <c r="S7" s="280">
        <v>23</v>
      </c>
      <c r="T7" s="280">
        <v>22</v>
      </c>
      <c r="U7" s="280">
        <v>19</v>
      </c>
      <c r="V7" s="280">
        <v>19</v>
      </c>
      <c r="W7" s="277">
        <v>88</v>
      </c>
      <c r="X7" s="282">
        <v>88</v>
      </c>
      <c r="Y7" s="276">
        <v>0</v>
      </c>
      <c r="Z7" s="280">
        <v>0</v>
      </c>
      <c r="AA7" s="277">
        <v>0</v>
      </c>
      <c r="AB7" s="279">
        <v>0</v>
      </c>
      <c r="AC7" s="280">
        <v>293</v>
      </c>
      <c r="AD7" s="280">
        <v>359</v>
      </c>
      <c r="AE7" s="280">
        <v>137</v>
      </c>
      <c r="AF7" s="280">
        <v>73</v>
      </c>
      <c r="AG7" s="280">
        <v>29</v>
      </c>
      <c r="AH7" s="277">
        <v>891</v>
      </c>
      <c r="AI7" s="282">
        <v>891</v>
      </c>
      <c r="AJ7" s="276">
        <v>1</v>
      </c>
      <c r="AK7" s="280">
        <v>0</v>
      </c>
      <c r="AL7" s="277">
        <v>1</v>
      </c>
      <c r="AM7" s="279">
        <v>0</v>
      </c>
      <c r="AN7" s="280">
        <v>29</v>
      </c>
      <c r="AO7" s="280">
        <v>37</v>
      </c>
      <c r="AP7" s="280">
        <v>28</v>
      </c>
      <c r="AQ7" s="280">
        <v>18</v>
      </c>
      <c r="AR7" s="280">
        <v>13</v>
      </c>
      <c r="AS7" s="277">
        <v>125</v>
      </c>
      <c r="AT7" s="282">
        <v>126</v>
      </c>
      <c r="AU7" s="276">
        <v>6</v>
      </c>
      <c r="AV7" s="280">
        <v>10</v>
      </c>
      <c r="AW7" s="277">
        <v>16</v>
      </c>
      <c r="AX7" s="279">
        <v>0</v>
      </c>
      <c r="AY7" s="280">
        <v>30</v>
      </c>
      <c r="AZ7" s="280">
        <v>19</v>
      </c>
      <c r="BA7" s="280">
        <v>24</v>
      </c>
      <c r="BB7" s="280">
        <v>21</v>
      </c>
      <c r="BC7" s="280">
        <v>8</v>
      </c>
      <c r="BD7" s="277">
        <v>102</v>
      </c>
      <c r="BE7" s="282">
        <v>118</v>
      </c>
      <c r="BF7" s="276">
        <v>0</v>
      </c>
      <c r="BG7" s="280">
        <v>0</v>
      </c>
      <c r="BH7" s="277">
        <v>0</v>
      </c>
      <c r="BI7" s="279">
        <v>0</v>
      </c>
      <c r="BJ7" s="280">
        <v>26</v>
      </c>
      <c r="BK7" s="280">
        <v>42</v>
      </c>
      <c r="BL7" s="280">
        <v>55</v>
      </c>
      <c r="BM7" s="280">
        <v>39</v>
      </c>
      <c r="BN7" s="280">
        <v>22</v>
      </c>
      <c r="BO7" s="281">
        <v>184</v>
      </c>
      <c r="BP7" s="282">
        <v>184</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0</v>
      </c>
      <c r="CI7" s="280">
        <v>2</v>
      </c>
      <c r="CJ7" s="280">
        <v>0</v>
      </c>
      <c r="CK7" s="277">
        <v>3</v>
      </c>
      <c r="CL7" s="282">
        <v>3</v>
      </c>
      <c r="CM7" s="276">
        <v>0</v>
      </c>
      <c r="CN7" s="280">
        <v>0</v>
      </c>
      <c r="CO7" s="277">
        <v>0</v>
      </c>
      <c r="CP7" s="279">
        <v>0</v>
      </c>
      <c r="CQ7" s="280">
        <v>2</v>
      </c>
      <c r="CR7" s="280">
        <v>4</v>
      </c>
      <c r="CS7" s="280">
        <v>6</v>
      </c>
      <c r="CT7" s="280">
        <v>4</v>
      </c>
      <c r="CU7" s="280">
        <v>17</v>
      </c>
      <c r="CV7" s="277">
        <v>33</v>
      </c>
      <c r="CW7" s="282">
        <v>33</v>
      </c>
    </row>
    <row r="8" spans="1:101" ht="21" customHeight="1" x14ac:dyDescent="0.2">
      <c r="B8" s="261" t="s">
        <v>6</v>
      </c>
      <c r="C8" s="276">
        <v>0</v>
      </c>
      <c r="D8" s="277">
        <v>0</v>
      </c>
      <c r="E8" s="278">
        <v>0</v>
      </c>
      <c r="F8" s="279">
        <v>0</v>
      </c>
      <c r="G8" s="280">
        <v>10</v>
      </c>
      <c r="H8" s="280">
        <v>7</v>
      </c>
      <c r="I8" s="280">
        <v>7</v>
      </c>
      <c r="J8" s="280">
        <v>8</v>
      </c>
      <c r="K8" s="280">
        <v>8</v>
      </c>
      <c r="L8" s="281">
        <v>40</v>
      </c>
      <c r="M8" s="282">
        <v>40</v>
      </c>
      <c r="N8" s="276">
        <v>0</v>
      </c>
      <c r="O8" s="280">
        <v>0</v>
      </c>
      <c r="P8" s="277">
        <v>0</v>
      </c>
      <c r="Q8" s="279">
        <v>0</v>
      </c>
      <c r="R8" s="280">
        <v>3</v>
      </c>
      <c r="S8" s="280">
        <v>5</v>
      </c>
      <c r="T8" s="280">
        <v>7</v>
      </c>
      <c r="U8" s="280">
        <v>6</v>
      </c>
      <c r="V8" s="280">
        <v>7</v>
      </c>
      <c r="W8" s="277">
        <v>28</v>
      </c>
      <c r="X8" s="282">
        <v>28</v>
      </c>
      <c r="Y8" s="276">
        <v>0</v>
      </c>
      <c r="Z8" s="280">
        <v>0</v>
      </c>
      <c r="AA8" s="277">
        <v>0</v>
      </c>
      <c r="AB8" s="279">
        <v>0</v>
      </c>
      <c r="AC8" s="280">
        <v>136</v>
      </c>
      <c r="AD8" s="280">
        <v>61</v>
      </c>
      <c r="AE8" s="280">
        <v>42</v>
      </c>
      <c r="AF8" s="280">
        <v>19</v>
      </c>
      <c r="AG8" s="280">
        <v>6</v>
      </c>
      <c r="AH8" s="277">
        <v>264</v>
      </c>
      <c r="AI8" s="282">
        <v>264</v>
      </c>
      <c r="AJ8" s="276">
        <v>0</v>
      </c>
      <c r="AK8" s="280">
        <v>0</v>
      </c>
      <c r="AL8" s="277">
        <v>0</v>
      </c>
      <c r="AM8" s="279">
        <v>0</v>
      </c>
      <c r="AN8" s="280">
        <v>13</v>
      </c>
      <c r="AO8" s="280">
        <v>12</v>
      </c>
      <c r="AP8" s="280">
        <v>16</v>
      </c>
      <c r="AQ8" s="280">
        <v>6</v>
      </c>
      <c r="AR8" s="280">
        <v>6</v>
      </c>
      <c r="AS8" s="277">
        <v>53</v>
      </c>
      <c r="AT8" s="282">
        <v>53</v>
      </c>
      <c r="AU8" s="276">
        <v>1</v>
      </c>
      <c r="AV8" s="280">
        <v>5</v>
      </c>
      <c r="AW8" s="277">
        <v>6</v>
      </c>
      <c r="AX8" s="279">
        <v>0</v>
      </c>
      <c r="AY8" s="280">
        <v>11</v>
      </c>
      <c r="AZ8" s="280">
        <v>7</v>
      </c>
      <c r="BA8" s="280">
        <v>7</v>
      </c>
      <c r="BB8" s="280">
        <v>1</v>
      </c>
      <c r="BC8" s="280">
        <v>2</v>
      </c>
      <c r="BD8" s="277">
        <v>28</v>
      </c>
      <c r="BE8" s="282">
        <v>34</v>
      </c>
      <c r="BF8" s="276">
        <v>0</v>
      </c>
      <c r="BG8" s="280">
        <v>0</v>
      </c>
      <c r="BH8" s="277">
        <v>0</v>
      </c>
      <c r="BI8" s="279">
        <v>0</v>
      </c>
      <c r="BJ8" s="280">
        <v>18</v>
      </c>
      <c r="BK8" s="280">
        <v>23</v>
      </c>
      <c r="BL8" s="280">
        <v>27</v>
      </c>
      <c r="BM8" s="280">
        <v>16</v>
      </c>
      <c r="BN8" s="280">
        <v>14</v>
      </c>
      <c r="BO8" s="281">
        <v>98</v>
      </c>
      <c r="BP8" s="282">
        <v>98</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10</v>
      </c>
      <c r="CI8" s="280">
        <v>5</v>
      </c>
      <c r="CJ8" s="280">
        <v>3</v>
      </c>
      <c r="CK8" s="277">
        <v>19</v>
      </c>
      <c r="CL8" s="282">
        <v>19</v>
      </c>
      <c r="CM8" s="276">
        <v>0</v>
      </c>
      <c r="CN8" s="280">
        <v>0</v>
      </c>
      <c r="CO8" s="277">
        <v>0</v>
      </c>
      <c r="CP8" s="279">
        <v>0</v>
      </c>
      <c r="CQ8" s="280">
        <v>4</v>
      </c>
      <c r="CR8" s="280">
        <v>5</v>
      </c>
      <c r="CS8" s="280">
        <v>5</v>
      </c>
      <c r="CT8" s="280">
        <v>8</v>
      </c>
      <c r="CU8" s="280">
        <v>4</v>
      </c>
      <c r="CV8" s="277">
        <v>26</v>
      </c>
      <c r="CW8" s="282">
        <v>26</v>
      </c>
    </row>
    <row r="9" spans="1:101" ht="21" customHeight="1" x14ac:dyDescent="0.2">
      <c r="B9" s="261" t="s">
        <v>14</v>
      </c>
      <c r="C9" s="276">
        <v>0</v>
      </c>
      <c r="D9" s="277">
        <v>0</v>
      </c>
      <c r="E9" s="278">
        <v>0</v>
      </c>
      <c r="F9" s="279">
        <v>0</v>
      </c>
      <c r="G9" s="280">
        <v>2</v>
      </c>
      <c r="H9" s="280">
        <v>0</v>
      </c>
      <c r="I9" s="280">
        <v>0</v>
      </c>
      <c r="J9" s="280">
        <v>1</v>
      </c>
      <c r="K9" s="280">
        <v>2</v>
      </c>
      <c r="L9" s="281">
        <v>5</v>
      </c>
      <c r="M9" s="282">
        <v>5</v>
      </c>
      <c r="N9" s="276">
        <v>0</v>
      </c>
      <c r="O9" s="280">
        <v>0</v>
      </c>
      <c r="P9" s="277">
        <v>0</v>
      </c>
      <c r="Q9" s="279">
        <v>0</v>
      </c>
      <c r="R9" s="280">
        <v>0</v>
      </c>
      <c r="S9" s="280">
        <v>0</v>
      </c>
      <c r="T9" s="280">
        <v>0</v>
      </c>
      <c r="U9" s="280">
        <v>0</v>
      </c>
      <c r="V9" s="280">
        <v>0</v>
      </c>
      <c r="W9" s="277">
        <v>0</v>
      </c>
      <c r="X9" s="282">
        <v>0</v>
      </c>
      <c r="Y9" s="276">
        <v>0</v>
      </c>
      <c r="Z9" s="280">
        <v>0</v>
      </c>
      <c r="AA9" s="277">
        <v>0</v>
      </c>
      <c r="AB9" s="279">
        <v>0</v>
      </c>
      <c r="AC9" s="280">
        <v>56</v>
      </c>
      <c r="AD9" s="280">
        <v>51</v>
      </c>
      <c r="AE9" s="280">
        <v>21</v>
      </c>
      <c r="AF9" s="280">
        <v>4</v>
      </c>
      <c r="AG9" s="280">
        <v>2</v>
      </c>
      <c r="AH9" s="277">
        <v>134</v>
      </c>
      <c r="AI9" s="282">
        <v>134</v>
      </c>
      <c r="AJ9" s="276">
        <v>0</v>
      </c>
      <c r="AK9" s="280">
        <v>0</v>
      </c>
      <c r="AL9" s="277">
        <v>0</v>
      </c>
      <c r="AM9" s="279">
        <v>0</v>
      </c>
      <c r="AN9" s="280">
        <v>0</v>
      </c>
      <c r="AO9" s="280">
        <v>1</v>
      </c>
      <c r="AP9" s="280">
        <v>1</v>
      </c>
      <c r="AQ9" s="280">
        <v>0</v>
      </c>
      <c r="AR9" s="280">
        <v>1</v>
      </c>
      <c r="AS9" s="277">
        <v>3</v>
      </c>
      <c r="AT9" s="282">
        <v>3</v>
      </c>
      <c r="AU9" s="276">
        <v>0</v>
      </c>
      <c r="AV9" s="280">
        <v>2</v>
      </c>
      <c r="AW9" s="277">
        <v>2</v>
      </c>
      <c r="AX9" s="279">
        <v>0</v>
      </c>
      <c r="AY9" s="280">
        <v>2</v>
      </c>
      <c r="AZ9" s="280">
        <v>7</v>
      </c>
      <c r="BA9" s="280">
        <v>4</v>
      </c>
      <c r="BB9" s="280">
        <v>3</v>
      </c>
      <c r="BC9" s="280">
        <v>1</v>
      </c>
      <c r="BD9" s="277">
        <v>17</v>
      </c>
      <c r="BE9" s="282">
        <v>19</v>
      </c>
      <c r="BF9" s="276">
        <v>0</v>
      </c>
      <c r="BG9" s="280">
        <v>0</v>
      </c>
      <c r="BH9" s="277">
        <v>0</v>
      </c>
      <c r="BI9" s="279">
        <v>0</v>
      </c>
      <c r="BJ9" s="280">
        <v>6</v>
      </c>
      <c r="BK9" s="280">
        <v>8</v>
      </c>
      <c r="BL9" s="280">
        <v>12</v>
      </c>
      <c r="BM9" s="280">
        <v>6</v>
      </c>
      <c r="BN9" s="280">
        <v>4</v>
      </c>
      <c r="BO9" s="281">
        <v>36</v>
      </c>
      <c r="BP9" s="282">
        <v>36</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2</v>
      </c>
      <c r="CR9" s="280">
        <v>0</v>
      </c>
      <c r="CS9" s="280">
        <v>1</v>
      </c>
      <c r="CT9" s="280">
        <v>1</v>
      </c>
      <c r="CU9" s="280">
        <v>2</v>
      </c>
      <c r="CV9" s="277">
        <v>6</v>
      </c>
      <c r="CW9" s="282">
        <v>6</v>
      </c>
    </row>
    <row r="10" spans="1:101" ht="21" customHeight="1" x14ac:dyDescent="0.2">
      <c r="B10" s="261" t="s">
        <v>7</v>
      </c>
      <c r="C10" s="276">
        <v>0</v>
      </c>
      <c r="D10" s="277">
        <v>0</v>
      </c>
      <c r="E10" s="278">
        <v>0</v>
      </c>
      <c r="F10" s="279">
        <v>0</v>
      </c>
      <c r="G10" s="280">
        <v>0</v>
      </c>
      <c r="H10" s="280">
        <v>1</v>
      </c>
      <c r="I10" s="280">
        <v>1</v>
      </c>
      <c r="J10" s="280">
        <v>0</v>
      </c>
      <c r="K10" s="280">
        <v>0</v>
      </c>
      <c r="L10" s="281">
        <v>2</v>
      </c>
      <c r="M10" s="282">
        <v>2</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34</v>
      </c>
      <c r="AD10" s="280">
        <v>20</v>
      </c>
      <c r="AE10" s="280">
        <v>14</v>
      </c>
      <c r="AF10" s="280">
        <v>4</v>
      </c>
      <c r="AG10" s="280">
        <v>1</v>
      </c>
      <c r="AH10" s="277">
        <v>73</v>
      </c>
      <c r="AI10" s="282">
        <v>73</v>
      </c>
      <c r="AJ10" s="276">
        <v>0</v>
      </c>
      <c r="AK10" s="280">
        <v>0</v>
      </c>
      <c r="AL10" s="277">
        <v>0</v>
      </c>
      <c r="AM10" s="279">
        <v>0</v>
      </c>
      <c r="AN10" s="280">
        <v>2</v>
      </c>
      <c r="AO10" s="280">
        <v>3</v>
      </c>
      <c r="AP10" s="280">
        <v>5</v>
      </c>
      <c r="AQ10" s="280">
        <v>2</v>
      </c>
      <c r="AR10" s="280">
        <v>1</v>
      </c>
      <c r="AS10" s="277">
        <v>13</v>
      </c>
      <c r="AT10" s="282">
        <v>13</v>
      </c>
      <c r="AU10" s="276">
        <v>0</v>
      </c>
      <c r="AV10" s="280">
        <v>0</v>
      </c>
      <c r="AW10" s="277">
        <v>0</v>
      </c>
      <c r="AX10" s="279">
        <v>0</v>
      </c>
      <c r="AY10" s="280">
        <v>1</v>
      </c>
      <c r="AZ10" s="280">
        <v>2</v>
      </c>
      <c r="BA10" s="280">
        <v>1</v>
      </c>
      <c r="BB10" s="280">
        <v>0</v>
      </c>
      <c r="BC10" s="280">
        <v>0</v>
      </c>
      <c r="BD10" s="277">
        <v>4</v>
      </c>
      <c r="BE10" s="282">
        <v>4</v>
      </c>
      <c r="BF10" s="276">
        <v>0</v>
      </c>
      <c r="BG10" s="280">
        <v>0</v>
      </c>
      <c r="BH10" s="277">
        <v>0</v>
      </c>
      <c r="BI10" s="279">
        <v>0</v>
      </c>
      <c r="BJ10" s="280">
        <v>3</v>
      </c>
      <c r="BK10" s="280">
        <v>3</v>
      </c>
      <c r="BL10" s="280">
        <v>6</v>
      </c>
      <c r="BM10" s="280">
        <v>4</v>
      </c>
      <c r="BN10" s="280">
        <v>1</v>
      </c>
      <c r="BO10" s="281">
        <v>17</v>
      </c>
      <c r="BP10" s="282">
        <v>17</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1</v>
      </c>
      <c r="CV10" s="277">
        <v>1</v>
      </c>
      <c r="CW10" s="282">
        <v>1</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1</v>
      </c>
      <c r="V11" s="280">
        <v>0</v>
      </c>
      <c r="W11" s="277">
        <v>1</v>
      </c>
      <c r="X11" s="282">
        <v>1</v>
      </c>
      <c r="Y11" s="276">
        <v>0</v>
      </c>
      <c r="Z11" s="280">
        <v>0</v>
      </c>
      <c r="AA11" s="277">
        <v>0</v>
      </c>
      <c r="AB11" s="279">
        <v>0</v>
      </c>
      <c r="AC11" s="280">
        <v>33</v>
      </c>
      <c r="AD11" s="280">
        <v>17</v>
      </c>
      <c r="AE11" s="280">
        <v>7</v>
      </c>
      <c r="AF11" s="280">
        <v>4</v>
      </c>
      <c r="AG11" s="280">
        <v>0</v>
      </c>
      <c r="AH11" s="277">
        <v>61</v>
      </c>
      <c r="AI11" s="282">
        <v>61</v>
      </c>
      <c r="AJ11" s="276">
        <v>0</v>
      </c>
      <c r="AK11" s="280">
        <v>0</v>
      </c>
      <c r="AL11" s="277">
        <v>0</v>
      </c>
      <c r="AM11" s="279">
        <v>0</v>
      </c>
      <c r="AN11" s="280">
        <v>0</v>
      </c>
      <c r="AO11" s="280">
        <v>1</v>
      </c>
      <c r="AP11" s="280">
        <v>0</v>
      </c>
      <c r="AQ11" s="280">
        <v>0</v>
      </c>
      <c r="AR11" s="280">
        <v>0</v>
      </c>
      <c r="AS11" s="277">
        <v>1</v>
      </c>
      <c r="AT11" s="282">
        <v>1</v>
      </c>
      <c r="AU11" s="276">
        <v>0</v>
      </c>
      <c r="AV11" s="280">
        <v>0</v>
      </c>
      <c r="AW11" s="277">
        <v>0</v>
      </c>
      <c r="AX11" s="279">
        <v>0</v>
      </c>
      <c r="AY11" s="280">
        <v>3</v>
      </c>
      <c r="AZ11" s="280">
        <v>0</v>
      </c>
      <c r="BA11" s="280">
        <v>1</v>
      </c>
      <c r="BB11" s="280">
        <v>1</v>
      </c>
      <c r="BC11" s="280">
        <v>1</v>
      </c>
      <c r="BD11" s="277">
        <v>6</v>
      </c>
      <c r="BE11" s="282">
        <v>6</v>
      </c>
      <c r="BF11" s="276">
        <v>0</v>
      </c>
      <c r="BG11" s="280">
        <v>0</v>
      </c>
      <c r="BH11" s="277">
        <v>0</v>
      </c>
      <c r="BI11" s="279">
        <v>0</v>
      </c>
      <c r="BJ11" s="280">
        <v>0</v>
      </c>
      <c r="BK11" s="280">
        <v>2</v>
      </c>
      <c r="BL11" s="280">
        <v>0</v>
      </c>
      <c r="BM11" s="280">
        <v>5</v>
      </c>
      <c r="BN11" s="280">
        <v>1</v>
      </c>
      <c r="BO11" s="281">
        <v>8</v>
      </c>
      <c r="BP11" s="282">
        <v>8</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1</v>
      </c>
      <c r="H12" s="280">
        <v>1</v>
      </c>
      <c r="I12" s="280">
        <v>1</v>
      </c>
      <c r="J12" s="280">
        <v>2</v>
      </c>
      <c r="K12" s="280">
        <v>0</v>
      </c>
      <c r="L12" s="281">
        <v>5</v>
      </c>
      <c r="M12" s="282">
        <v>5</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4</v>
      </c>
      <c r="AD12" s="280">
        <v>27</v>
      </c>
      <c r="AE12" s="280">
        <v>15</v>
      </c>
      <c r="AF12" s="280">
        <v>6</v>
      </c>
      <c r="AG12" s="280">
        <v>2</v>
      </c>
      <c r="AH12" s="277">
        <v>94</v>
      </c>
      <c r="AI12" s="282">
        <v>94</v>
      </c>
      <c r="AJ12" s="276">
        <v>0</v>
      </c>
      <c r="AK12" s="280">
        <v>0</v>
      </c>
      <c r="AL12" s="277">
        <v>0</v>
      </c>
      <c r="AM12" s="279">
        <v>0</v>
      </c>
      <c r="AN12" s="280">
        <v>0</v>
      </c>
      <c r="AO12" s="280">
        <v>0</v>
      </c>
      <c r="AP12" s="280">
        <v>2</v>
      </c>
      <c r="AQ12" s="280">
        <v>1</v>
      </c>
      <c r="AR12" s="280">
        <v>1</v>
      </c>
      <c r="AS12" s="277">
        <v>4</v>
      </c>
      <c r="AT12" s="282">
        <v>4</v>
      </c>
      <c r="AU12" s="276">
        <v>0</v>
      </c>
      <c r="AV12" s="280">
        <v>1</v>
      </c>
      <c r="AW12" s="277">
        <v>1</v>
      </c>
      <c r="AX12" s="279">
        <v>0</v>
      </c>
      <c r="AY12" s="280">
        <v>3</v>
      </c>
      <c r="AZ12" s="280">
        <v>0</v>
      </c>
      <c r="BA12" s="280">
        <v>2</v>
      </c>
      <c r="BB12" s="280">
        <v>4</v>
      </c>
      <c r="BC12" s="280">
        <v>0</v>
      </c>
      <c r="BD12" s="277">
        <v>9</v>
      </c>
      <c r="BE12" s="282">
        <v>10</v>
      </c>
      <c r="BF12" s="276">
        <v>0</v>
      </c>
      <c r="BG12" s="280">
        <v>0</v>
      </c>
      <c r="BH12" s="277">
        <v>0</v>
      </c>
      <c r="BI12" s="279">
        <v>0</v>
      </c>
      <c r="BJ12" s="280">
        <v>0</v>
      </c>
      <c r="BK12" s="280">
        <v>7</v>
      </c>
      <c r="BL12" s="280">
        <v>5</v>
      </c>
      <c r="BM12" s="280">
        <v>1</v>
      </c>
      <c r="BN12" s="280">
        <v>1</v>
      </c>
      <c r="BO12" s="281">
        <v>14</v>
      </c>
      <c r="BP12" s="282">
        <v>14</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2</v>
      </c>
      <c r="CT12" s="280">
        <v>0</v>
      </c>
      <c r="CU12" s="280">
        <v>2</v>
      </c>
      <c r="CV12" s="277">
        <v>5</v>
      </c>
      <c r="CW12" s="282">
        <v>5</v>
      </c>
    </row>
    <row r="13" spans="1:101" ht="21" customHeight="1" x14ac:dyDescent="0.2">
      <c r="B13" s="261" t="s">
        <v>10</v>
      </c>
      <c r="C13" s="276">
        <v>0</v>
      </c>
      <c r="D13" s="277">
        <v>0</v>
      </c>
      <c r="E13" s="278">
        <v>0</v>
      </c>
      <c r="F13" s="279">
        <v>0</v>
      </c>
      <c r="G13" s="280">
        <v>1</v>
      </c>
      <c r="H13" s="280">
        <v>1</v>
      </c>
      <c r="I13" s="280">
        <v>1</v>
      </c>
      <c r="J13" s="280">
        <v>0</v>
      </c>
      <c r="K13" s="280">
        <v>0</v>
      </c>
      <c r="L13" s="281">
        <v>3</v>
      </c>
      <c r="M13" s="282">
        <v>3</v>
      </c>
      <c r="N13" s="276">
        <v>0</v>
      </c>
      <c r="O13" s="280">
        <v>0</v>
      </c>
      <c r="P13" s="277">
        <v>0</v>
      </c>
      <c r="Q13" s="279">
        <v>0</v>
      </c>
      <c r="R13" s="280">
        <v>1</v>
      </c>
      <c r="S13" s="280">
        <v>0</v>
      </c>
      <c r="T13" s="280">
        <v>2</v>
      </c>
      <c r="U13" s="280">
        <v>0</v>
      </c>
      <c r="V13" s="280">
        <v>0</v>
      </c>
      <c r="W13" s="277">
        <v>3</v>
      </c>
      <c r="X13" s="282">
        <v>3</v>
      </c>
      <c r="Y13" s="276">
        <v>0</v>
      </c>
      <c r="Z13" s="280">
        <v>0</v>
      </c>
      <c r="AA13" s="277">
        <v>0</v>
      </c>
      <c r="AB13" s="279">
        <v>0</v>
      </c>
      <c r="AC13" s="280">
        <v>37</v>
      </c>
      <c r="AD13" s="280">
        <v>17</v>
      </c>
      <c r="AE13" s="280">
        <v>4</v>
      </c>
      <c r="AF13" s="280">
        <v>3</v>
      </c>
      <c r="AG13" s="280">
        <v>0</v>
      </c>
      <c r="AH13" s="277">
        <v>61</v>
      </c>
      <c r="AI13" s="282">
        <v>61</v>
      </c>
      <c r="AJ13" s="276">
        <v>0</v>
      </c>
      <c r="AK13" s="280">
        <v>0</v>
      </c>
      <c r="AL13" s="277">
        <v>0</v>
      </c>
      <c r="AM13" s="279">
        <v>0</v>
      </c>
      <c r="AN13" s="280">
        <v>0</v>
      </c>
      <c r="AO13" s="280">
        <v>3</v>
      </c>
      <c r="AP13" s="280">
        <v>5</v>
      </c>
      <c r="AQ13" s="280">
        <v>0</v>
      </c>
      <c r="AR13" s="280">
        <v>1</v>
      </c>
      <c r="AS13" s="277">
        <v>9</v>
      </c>
      <c r="AT13" s="282">
        <v>9</v>
      </c>
      <c r="AU13" s="276">
        <v>1</v>
      </c>
      <c r="AV13" s="280">
        <v>2</v>
      </c>
      <c r="AW13" s="277">
        <v>3</v>
      </c>
      <c r="AX13" s="279">
        <v>0</v>
      </c>
      <c r="AY13" s="280">
        <v>5</v>
      </c>
      <c r="AZ13" s="280">
        <v>1</v>
      </c>
      <c r="BA13" s="280">
        <v>1</v>
      </c>
      <c r="BB13" s="280">
        <v>1</v>
      </c>
      <c r="BC13" s="280">
        <v>2</v>
      </c>
      <c r="BD13" s="277">
        <v>10</v>
      </c>
      <c r="BE13" s="282">
        <v>13</v>
      </c>
      <c r="BF13" s="276">
        <v>0</v>
      </c>
      <c r="BG13" s="280">
        <v>0</v>
      </c>
      <c r="BH13" s="277">
        <v>0</v>
      </c>
      <c r="BI13" s="279">
        <v>0</v>
      </c>
      <c r="BJ13" s="280">
        <v>2</v>
      </c>
      <c r="BK13" s="280">
        <v>3</v>
      </c>
      <c r="BL13" s="280">
        <v>9</v>
      </c>
      <c r="BM13" s="280">
        <v>8</v>
      </c>
      <c r="BN13" s="280">
        <v>6</v>
      </c>
      <c r="BO13" s="281">
        <v>28</v>
      </c>
      <c r="BP13" s="282">
        <v>28</v>
      </c>
      <c r="BQ13" s="276">
        <v>0</v>
      </c>
      <c r="BR13" s="280">
        <v>0</v>
      </c>
      <c r="BS13" s="277">
        <v>0</v>
      </c>
      <c r="BT13" s="279">
        <v>0</v>
      </c>
      <c r="BU13" s="280">
        <v>4</v>
      </c>
      <c r="BV13" s="280">
        <v>3</v>
      </c>
      <c r="BW13" s="280">
        <v>3</v>
      </c>
      <c r="BX13" s="280">
        <v>1</v>
      </c>
      <c r="BY13" s="280">
        <v>4</v>
      </c>
      <c r="BZ13" s="277">
        <v>15</v>
      </c>
      <c r="CA13" s="282">
        <v>15</v>
      </c>
      <c r="CB13" s="276">
        <v>0</v>
      </c>
      <c r="CC13" s="280">
        <v>0</v>
      </c>
      <c r="CD13" s="277">
        <v>0</v>
      </c>
      <c r="CE13" s="279">
        <v>0</v>
      </c>
      <c r="CF13" s="280">
        <v>0</v>
      </c>
      <c r="CG13" s="280">
        <v>0</v>
      </c>
      <c r="CH13" s="280">
        <v>0</v>
      </c>
      <c r="CI13" s="280">
        <v>3</v>
      </c>
      <c r="CJ13" s="280">
        <v>1</v>
      </c>
      <c r="CK13" s="277">
        <v>4</v>
      </c>
      <c r="CL13" s="282">
        <v>4</v>
      </c>
      <c r="CM13" s="276">
        <v>0</v>
      </c>
      <c r="CN13" s="280">
        <v>0</v>
      </c>
      <c r="CO13" s="277">
        <v>0</v>
      </c>
      <c r="CP13" s="279">
        <v>0</v>
      </c>
      <c r="CQ13" s="280">
        <v>1</v>
      </c>
      <c r="CR13" s="280">
        <v>0</v>
      </c>
      <c r="CS13" s="280">
        <v>1</v>
      </c>
      <c r="CT13" s="280">
        <v>0</v>
      </c>
      <c r="CU13" s="280">
        <v>1</v>
      </c>
      <c r="CV13" s="277">
        <v>3</v>
      </c>
      <c r="CW13" s="282">
        <v>3</v>
      </c>
    </row>
    <row r="14" spans="1:101" ht="21" customHeight="1" x14ac:dyDescent="0.2">
      <c r="B14" s="261" t="s">
        <v>11</v>
      </c>
      <c r="C14" s="276">
        <v>0</v>
      </c>
      <c r="D14" s="277">
        <v>0</v>
      </c>
      <c r="E14" s="278">
        <v>0</v>
      </c>
      <c r="F14" s="279">
        <v>0</v>
      </c>
      <c r="G14" s="280">
        <v>1</v>
      </c>
      <c r="H14" s="280">
        <v>1</v>
      </c>
      <c r="I14" s="280">
        <v>0</v>
      </c>
      <c r="J14" s="280">
        <v>3</v>
      </c>
      <c r="K14" s="280">
        <v>0</v>
      </c>
      <c r="L14" s="281">
        <v>5</v>
      </c>
      <c r="M14" s="282">
        <v>5</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6</v>
      </c>
      <c r="AD14" s="280">
        <v>6</v>
      </c>
      <c r="AE14" s="280">
        <v>6</v>
      </c>
      <c r="AF14" s="280">
        <v>5</v>
      </c>
      <c r="AG14" s="280">
        <v>1</v>
      </c>
      <c r="AH14" s="277">
        <v>44</v>
      </c>
      <c r="AI14" s="282">
        <v>44</v>
      </c>
      <c r="AJ14" s="276">
        <v>0</v>
      </c>
      <c r="AK14" s="280">
        <v>0</v>
      </c>
      <c r="AL14" s="277">
        <v>0</v>
      </c>
      <c r="AM14" s="279">
        <v>0</v>
      </c>
      <c r="AN14" s="280">
        <v>0</v>
      </c>
      <c r="AO14" s="280">
        <v>0</v>
      </c>
      <c r="AP14" s="280">
        <v>0</v>
      </c>
      <c r="AQ14" s="280">
        <v>0</v>
      </c>
      <c r="AR14" s="280">
        <v>0</v>
      </c>
      <c r="AS14" s="277">
        <v>0</v>
      </c>
      <c r="AT14" s="282">
        <v>0</v>
      </c>
      <c r="AU14" s="276">
        <v>0</v>
      </c>
      <c r="AV14" s="280">
        <v>1</v>
      </c>
      <c r="AW14" s="277">
        <v>1</v>
      </c>
      <c r="AX14" s="279">
        <v>0</v>
      </c>
      <c r="AY14" s="280">
        <v>0</v>
      </c>
      <c r="AZ14" s="280">
        <v>1</v>
      </c>
      <c r="BA14" s="280">
        <v>2</v>
      </c>
      <c r="BB14" s="280">
        <v>0</v>
      </c>
      <c r="BC14" s="280">
        <v>0</v>
      </c>
      <c r="BD14" s="277">
        <v>3</v>
      </c>
      <c r="BE14" s="282">
        <v>4</v>
      </c>
      <c r="BF14" s="276">
        <v>0</v>
      </c>
      <c r="BG14" s="280">
        <v>0</v>
      </c>
      <c r="BH14" s="277">
        <v>0</v>
      </c>
      <c r="BI14" s="279">
        <v>0</v>
      </c>
      <c r="BJ14" s="280">
        <v>0</v>
      </c>
      <c r="BK14" s="280">
        <v>3</v>
      </c>
      <c r="BL14" s="280">
        <v>1</v>
      </c>
      <c r="BM14" s="280">
        <v>4</v>
      </c>
      <c r="BN14" s="280">
        <v>0</v>
      </c>
      <c r="BO14" s="281">
        <v>8</v>
      </c>
      <c r="BP14" s="282">
        <v>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0</v>
      </c>
      <c r="H15" s="280">
        <v>0</v>
      </c>
      <c r="I15" s="280">
        <v>0</v>
      </c>
      <c r="J15" s="280">
        <v>0</v>
      </c>
      <c r="K15" s="280">
        <v>0</v>
      </c>
      <c r="L15" s="281">
        <v>0</v>
      </c>
      <c r="M15" s="282">
        <v>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4</v>
      </c>
      <c r="AD15" s="280">
        <v>14</v>
      </c>
      <c r="AE15" s="280">
        <v>9</v>
      </c>
      <c r="AF15" s="280">
        <v>7</v>
      </c>
      <c r="AG15" s="280">
        <v>0</v>
      </c>
      <c r="AH15" s="277">
        <v>44</v>
      </c>
      <c r="AI15" s="282">
        <v>44</v>
      </c>
      <c r="AJ15" s="276">
        <v>0</v>
      </c>
      <c r="AK15" s="280">
        <v>0</v>
      </c>
      <c r="AL15" s="277">
        <v>0</v>
      </c>
      <c r="AM15" s="279">
        <v>0</v>
      </c>
      <c r="AN15" s="280">
        <v>0</v>
      </c>
      <c r="AO15" s="280">
        <v>1</v>
      </c>
      <c r="AP15" s="280">
        <v>0</v>
      </c>
      <c r="AQ15" s="280">
        <v>0</v>
      </c>
      <c r="AR15" s="280">
        <v>0</v>
      </c>
      <c r="AS15" s="277">
        <v>1</v>
      </c>
      <c r="AT15" s="282">
        <v>1</v>
      </c>
      <c r="AU15" s="276">
        <v>0</v>
      </c>
      <c r="AV15" s="280">
        <v>0</v>
      </c>
      <c r="AW15" s="277">
        <v>0</v>
      </c>
      <c r="AX15" s="279">
        <v>0</v>
      </c>
      <c r="AY15" s="280">
        <v>1</v>
      </c>
      <c r="AZ15" s="280">
        <v>2</v>
      </c>
      <c r="BA15" s="280">
        <v>0</v>
      </c>
      <c r="BB15" s="280">
        <v>3</v>
      </c>
      <c r="BC15" s="280">
        <v>0</v>
      </c>
      <c r="BD15" s="277">
        <v>6</v>
      </c>
      <c r="BE15" s="282">
        <v>6</v>
      </c>
      <c r="BF15" s="276">
        <v>0</v>
      </c>
      <c r="BG15" s="280">
        <v>0</v>
      </c>
      <c r="BH15" s="277">
        <v>0</v>
      </c>
      <c r="BI15" s="279">
        <v>0</v>
      </c>
      <c r="BJ15" s="280">
        <v>1</v>
      </c>
      <c r="BK15" s="280">
        <v>2</v>
      </c>
      <c r="BL15" s="280">
        <v>2</v>
      </c>
      <c r="BM15" s="280">
        <v>3</v>
      </c>
      <c r="BN15" s="280">
        <v>1</v>
      </c>
      <c r="BO15" s="281">
        <v>9</v>
      </c>
      <c r="BP15" s="282">
        <v>9</v>
      </c>
      <c r="BQ15" s="276">
        <v>0</v>
      </c>
      <c r="BR15" s="280">
        <v>0</v>
      </c>
      <c r="BS15" s="277">
        <v>0</v>
      </c>
      <c r="BT15" s="279">
        <v>0</v>
      </c>
      <c r="BU15" s="280">
        <v>0</v>
      </c>
      <c r="BV15" s="280">
        <v>1</v>
      </c>
      <c r="BW15" s="280">
        <v>0</v>
      </c>
      <c r="BX15" s="280">
        <v>2</v>
      </c>
      <c r="BY15" s="280">
        <v>0</v>
      </c>
      <c r="BZ15" s="277">
        <v>3</v>
      </c>
      <c r="CA15" s="282">
        <v>3</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0</v>
      </c>
      <c r="CS15" s="280">
        <v>2</v>
      </c>
      <c r="CT15" s="280">
        <v>2</v>
      </c>
      <c r="CU15" s="280">
        <v>2</v>
      </c>
      <c r="CV15" s="277">
        <v>6</v>
      </c>
      <c r="CW15" s="282">
        <v>6</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2</v>
      </c>
      <c r="AD16" s="280">
        <v>10</v>
      </c>
      <c r="AE16" s="280">
        <v>4</v>
      </c>
      <c r="AF16" s="280">
        <v>1</v>
      </c>
      <c r="AG16" s="280">
        <v>0</v>
      </c>
      <c r="AH16" s="277">
        <v>27</v>
      </c>
      <c r="AI16" s="282">
        <v>27</v>
      </c>
      <c r="AJ16" s="276">
        <v>0</v>
      </c>
      <c r="AK16" s="280">
        <v>0</v>
      </c>
      <c r="AL16" s="277">
        <v>0</v>
      </c>
      <c r="AM16" s="279">
        <v>0</v>
      </c>
      <c r="AN16" s="280">
        <v>0</v>
      </c>
      <c r="AO16" s="280">
        <v>0</v>
      </c>
      <c r="AP16" s="280">
        <v>0</v>
      </c>
      <c r="AQ16" s="280">
        <v>0</v>
      </c>
      <c r="AR16" s="280">
        <v>0</v>
      </c>
      <c r="AS16" s="277">
        <v>0</v>
      </c>
      <c r="AT16" s="282">
        <v>0</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2</v>
      </c>
      <c r="BM16" s="280">
        <v>0</v>
      </c>
      <c r="BN16" s="280">
        <v>0</v>
      </c>
      <c r="BO16" s="281">
        <v>3</v>
      </c>
      <c r="BP16" s="282">
        <v>3</v>
      </c>
      <c r="BQ16" s="276">
        <v>0</v>
      </c>
      <c r="BR16" s="280">
        <v>0</v>
      </c>
      <c r="BS16" s="277">
        <v>0</v>
      </c>
      <c r="BT16" s="279">
        <v>0</v>
      </c>
      <c r="BU16" s="280">
        <v>0</v>
      </c>
      <c r="BV16" s="280">
        <v>0</v>
      </c>
      <c r="BW16" s="280">
        <v>2</v>
      </c>
      <c r="BX16" s="280">
        <v>0</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1</v>
      </c>
      <c r="J17" s="280">
        <v>0</v>
      </c>
      <c r="K17" s="280">
        <v>0</v>
      </c>
      <c r="L17" s="281">
        <v>1</v>
      </c>
      <c r="M17" s="282">
        <v>1</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7</v>
      </c>
      <c r="AD17" s="280">
        <v>5</v>
      </c>
      <c r="AE17" s="280">
        <v>1</v>
      </c>
      <c r="AF17" s="280">
        <v>1</v>
      </c>
      <c r="AG17" s="280">
        <v>1</v>
      </c>
      <c r="AH17" s="277">
        <v>15</v>
      </c>
      <c r="AI17" s="282">
        <v>15</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2</v>
      </c>
      <c r="BL17" s="280">
        <v>0</v>
      </c>
      <c r="BM17" s="280">
        <v>1</v>
      </c>
      <c r="BN17" s="280">
        <v>0</v>
      </c>
      <c r="BO17" s="281">
        <v>3</v>
      </c>
      <c r="BP17" s="282">
        <v>3</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0</v>
      </c>
      <c r="J18" s="280">
        <v>0</v>
      </c>
      <c r="K18" s="280">
        <v>4</v>
      </c>
      <c r="L18" s="281">
        <v>4</v>
      </c>
      <c r="M18" s="282">
        <v>4</v>
      </c>
      <c r="N18" s="276">
        <v>0</v>
      </c>
      <c r="O18" s="280">
        <v>0</v>
      </c>
      <c r="P18" s="277">
        <v>0</v>
      </c>
      <c r="Q18" s="279">
        <v>0</v>
      </c>
      <c r="R18" s="280">
        <v>0</v>
      </c>
      <c r="S18" s="280">
        <v>0</v>
      </c>
      <c r="T18" s="280">
        <v>1</v>
      </c>
      <c r="U18" s="280">
        <v>0</v>
      </c>
      <c r="V18" s="280">
        <v>1</v>
      </c>
      <c r="W18" s="277">
        <v>2</v>
      </c>
      <c r="X18" s="282">
        <v>2</v>
      </c>
      <c r="Y18" s="276">
        <v>0</v>
      </c>
      <c r="Z18" s="280">
        <v>0</v>
      </c>
      <c r="AA18" s="277">
        <v>0</v>
      </c>
      <c r="AB18" s="279">
        <v>0</v>
      </c>
      <c r="AC18" s="280">
        <v>7</v>
      </c>
      <c r="AD18" s="280">
        <v>5</v>
      </c>
      <c r="AE18" s="280">
        <v>7</v>
      </c>
      <c r="AF18" s="280">
        <v>1</v>
      </c>
      <c r="AG18" s="280">
        <v>3</v>
      </c>
      <c r="AH18" s="277">
        <v>23</v>
      </c>
      <c r="AI18" s="282">
        <v>23</v>
      </c>
      <c r="AJ18" s="276">
        <v>0</v>
      </c>
      <c r="AK18" s="280">
        <v>0</v>
      </c>
      <c r="AL18" s="277">
        <v>0</v>
      </c>
      <c r="AM18" s="279">
        <v>0</v>
      </c>
      <c r="AN18" s="280">
        <v>1</v>
      </c>
      <c r="AO18" s="280">
        <v>2</v>
      </c>
      <c r="AP18" s="280">
        <v>0</v>
      </c>
      <c r="AQ18" s="280">
        <v>0</v>
      </c>
      <c r="AR18" s="280">
        <v>0</v>
      </c>
      <c r="AS18" s="277">
        <v>3</v>
      </c>
      <c r="AT18" s="282">
        <v>3</v>
      </c>
      <c r="AU18" s="276">
        <v>0</v>
      </c>
      <c r="AV18" s="280">
        <v>0</v>
      </c>
      <c r="AW18" s="277">
        <v>0</v>
      </c>
      <c r="AX18" s="279">
        <v>0</v>
      </c>
      <c r="AY18" s="280">
        <v>0</v>
      </c>
      <c r="AZ18" s="280">
        <v>1</v>
      </c>
      <c r="BA18" s="280">
        <v>0</v>
      </c>
      <c r="BB18" s="280">
        <v>0</v>
      </c>
      <c r="BC18" s="280">
        <v>1</v>
      </c>
      <c r="BD18" s="277">
        <v>2</v>
      </c>
      <c r="BE18" s="282">
        <v>2</v>
      </c>
      <c r="BF18" s="276">
        <v>0</v>
      </c>
      <c r="BG18" s="280">
        <v>0</v>
      </c>
      <c r="BH18" s="277">
        <v>0</v>
      </c>
      <c r="BI18" s="279">
        <v>0</v>
      </c>
      <c r="BJ18" s="280">
        <v>1</v>
      </c>
      <c r="BK18" s="280">
        <v>1</v>
      </c>
      <c r="BL18" s="280">
        <v>3</v>
      </c>
      <c r="BM18" s="280">
        <v>2</v>
      </c>
      <c r="BN18" s="280">
        <v>1</v>
      </c>
      <c r="BO18" s="281">
        <v>8</v>
      </c>
      <c r="BP18" s="282">
        <v>8</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0</v>
      </c>
      <c r="H19" s="280">
        <v>0</v>
      </c>
      <c r="I19" s="280">
        <v>0</v>
      </c>
      <c r="J19" s="280">
        <v>0</v>
      </c>
      <c r="K19" s="280">
        <v>0</v>
      </c>
      <c r="L19" s="281">
        <v>0</v>
      </c>
      <c r="M19" s="282">
        <v>0</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8</v>
      </c>
      <c r="AD19" s="280">
        <v>14</v>
      </c>
      <c r="AE19" s="280">
        <v>7</v>
      </c>
      <c r="AF19" s="280">
        <v>7</v>
      </c>
      <c r="AG19" s="280">
        <v>1</v>
      </c>
      <c r="AH19" s="277">
        <v>37</v>
      </c>
      <c r="AI19" s="282">
        <v>37</v>
      </c>
      <c r="AJ19" s="276">
        <v>0</v>
      </c>
      <c r="AK19" s="280">
        <v>0</v>
      </c>
      <c r="AL19" s="277">
        <v>0</v>
      </c>
      <c r="AM19" s="279">
        <v>0</v>
      </c>
      <c r="AN19" s="280">
        <v>0</v>
      </c>
      <c r="AO19" s="280">
        <v>0</v>
      </c>
      <c r="AP19" s="280">
        <v>1</v>
      </c>
      <c r="AQ19" s="280">
        <v>0</v>
      </c>
      <c r="AR19" s="280">
        <v>0</v>
      </c>
      <c r="AS19" s="277">
        <v>1</v>
      </c>
      <c r="AT19" s="282">
        <v>1</v>
      </c>
      <c r="AU19" s="276">
        <v>0</v>
      </c>
      <c r="AV19" s="280">
        <v>0</v>
      </c>
      <c r="AW19" s="277">
        <v>0</v>
      </c>
      <c r="AX19" s="279">
        <v>0</v>
      </c>
      <c r="AY19" s="280">
        <v>1</v>
      </c>
      <c r="AZ19" s="280">
        <v>1</v>
      </c>
      <c r="BA19" s="280">
        <v>1</v>
      </c>
      <c r="BB19" s="280">
        <v>1</v>
      </c>
      <c r="BC19" s="280">
        <v>1</v>
      </c>
      <c r="BD19" s="277">
        <v>5</v>
      </c>
      <c r="BE19" s="282">
        <v>5</v>
      </c>
      <c r="BF19" s="276">
        <v>0</v>
      </c>
      <c r="BG19" s="280">
        <v>0</v>
      </c>
      <c r="BH19" s="277">
        <v>0</v>
      </c>
      <c r="BI19" s="279">
        <v>0</v>
      </c>
      <c r="BJ19" s="280">
        <v>2</v>
      </c>
      <c r="BK19" s="280">
        <v>5</v>
      </c>
      <c r="BL19" s="280">
        <v>2</v>
      </c>
      <c r="BM19" s="280">
        <v>4</v>
      </c>
      <c r="BN19" s="280">
        <v>4</v>
      </c>
      <c r="BO19" s="281">
        <v>17</v>
      </c>
      <c r="BP19" s="282">
        <v>17</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0</v>
      </c>
      <c r="CI19" s="280">
        <v>2</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3</v>
      </c>
      <c r="AD20" s="280">
        <v>10</v>
      </c>
      <c r="AE20" s="280">
        <v>8</v>
      </c>
      <c r="AF20" s="280">
        <v>2</v>
      </c>
      <c r="AG20" s="280">
        <v>1</v>
      </c>
      <c r="AH20" s="277">
        <v>44</v>
      </c>
      <c r="AI20" s="282">
        <v>44</v>
      </c>
      <c r="AJ20" s="276">
        <v>0</v>
      </c>
      <c r="AK20" s="280">
        <v>0</v>
      </c>
      <c r="AL20" s="277">
        <v>0</v>
      </c>
      <c r="AM20" s="279">
        <v>0</v>
      </c>
      <c r="AN20" s="280">
        <v>1</v>
      </c>
      <c r="AO20" s="280">
        <v>1</v>
      </c>
      <c r="AP20" s="280">
        <v>3</v>
      </c>
      <c r="AQ20" s="280">
        <v>1</v>
      </c>
      <c r="AR20" s="280">
        <v>0</v>
      </c>
      <c r="AS20" s="277">
        <v>6</v>
      </c>
      <c r="AT20" s="282">
        <v>6</v>
      </c>
      <c r="AU20" s="276">
        <v>0</v>
      </c>
      <c r="AV20" s="280">
        <v>0</v>
      </c>
      <c r="AW20" s="277">
        <v>0</v>
      </c>
      <c r="AX20" s="279">
        <v>0</v>
      </c>
      <c r="AY20" s="280">
        <v>0</v>
      </c>
      <c r="AZ20" s="280">
        <v>0</v>
      </c>
      <c r="BA20" s="280">
        <v>1</v>
      </c>
      <c r="BB20" s="280">
        <v>1</v>
      </c>
      <c r="BC20" s="280">
        <v>1</v>
      </c>
      <c r="BD20" s="277">
        <v>3</v>
      </c>
      <c r="BE20" s="282">
        <v>3</v>
      </c>
      <c r="BF20" s="276">
        <v>0</v>
      </c>
      <c r="BG20" s="280">
        <v>0</v>
      </c>
      <c r="BH20" s="277">
        <v>0</v>
      </c>
      <c r="BI20" s="279">
        <v>0</v>
      </c>
      <c r="BJ20" s="280">
        <v>2</v>
      </c>
      <c r="BK20" s="280">
        <v>1</v>
      </c>
      <c r="BL20" s="280">
        <v>5</v>
      </c>
      <c r="BM20" s="280">
        <v>1</v>
      </c>
      <c r="BN20" s="280">
        <v>1</v>
      </c>
      <c r="BO20" s="281">
        <v>10</v>
      </c>
      <c r="BP20" s="282">
        <v>1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1</v>
      </c>
      <c r="CI20" s="280">
        <v>1</v>
      </c>
      <c r="CJ20" s="280">
        <v>0</v>
      </c>
      <c r="CK20" s="277">
        <v>2</v>
      </c>
      <c r="CL20" s="282">
        <v>2</v>
      </c>
      <c r="CM20" s="276">
        <v>0</v>
      </c>
      <c r="CN20" s="280">
        <v>0</v>
      </c>
      <c r="CO20" s="277">
        <v>0</v>
      </c>
      <c r="CP20" s="279">
        <v>0</v>
      </c>
      <c r="CQ20" s="280">
        <v>0</v>
      </c>
      <c r="CR20" s="280">
        <v>1</v>
      </c>
      <c r="CS20" s="280">
        <v>0</v>
      </c>
      <c r="CT20" s="280">
        <v>1</v>
      </c>
      <c r="CU20" s="280">
        <v>3</v>
      </c>
      <c r="CV20" s="277">
        <v>5</v>
      </c>
      <c r="CW20" s="282">
        <v>5</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6</v>
      </c>
      <c r="AD21" s="280">
        <v>6</v>
      </c>
      <c r="AE21" s="280">
        <v>1</v>
      </c>
      <c r="AF21" s="280">
        <v>2</v>
      </c>
      <c r="AG21" s="280">
        <v>0</v>
      </c>
      <c r="AH21" s="277">
        <v>15</v>
      </c>
      <c r="AI21" s="282">
        <v>15</v>
      </c>
      <c r="AJ21" s="276">
        <v>0</v>
      </c>
      <c r="AK21" s="280">
        <v>0</v>
      </c>
      <c r="AL21" s="277">
        <v>0</v>
      </c>
      <c r="AM21" s="279">
        <v>0</v>
      </c>
      <c r="AN21" s="280">
        <v>1</v>
      </c>
      <c r="AO21" s="280">
        <v>2</v>
      </c>
      <c r="AP21" s="280">
        <v>0</v>
      </c>
      <c r="AQ21" s="280">
        <v>0</v>
      </c>
      <c r="AR21" s="280">
        <v>0</v>
      </c>
      <c r="AS21" s="277">
        <v>3</v>
      </c>
      <c r="AT21" s="282">
        <v>3</v>
      </c>
      <c r="AU21" s="276">
        <v>0</v>
      </c>
      <c r="AV21" s="280">
        <v>0</v>
      </c>
      <c r="AW21" s="277">
        <v>0</v>
      </c>
      <c r="AX21" s="279">
        <v>0</v>
      </c>
      <c r="AY21" s="280">
        <v>1</v>
      </c>
      <c r="AZ21" s="280">
        <v>0</v>
      </c>
      <c r="BA21" s="280">
        <v>1</v>
      </c>
      <c r="BB21" s="280">
        <v>1</v>
      </c>
      <c r="BC21" s="280">
        <v>0</v>
      </c>
      <c r="BD21" s="277">
        <v>3</v>
      </c>
      <c r="BE21" s="282">
        <v>3</v>
      </c>
      <c r="BF21" s="276">
        <v>0</v>
      </c>
      <c r="BG21" s="280">
        <v>0</v>
      </c>
      <c r="BH21" s="277">
        <v>0</v>
      </c>
      <c r="BI21" s="279">
        <v>0</v>
      </c>
      <c r="BJ21" s="280">
        <v>0</v>
      </c>
      <c r="BK21" s="280">
        <v>0</v>
      </c>
      <c r="BL21" s="280">
        <v>1</v>
      </c>
      <c r="BM21" s="280">
        <v>1</v>
      </c>
      <c r="BN21" s="280">
        <v>0</v>
      </c>
      <c r="BO21" s="281">
        <v>2</v>
      </c>
      <c r="BP21" s="282">
        <v>2</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1</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1</v>
      </c>
      <c r="AD22" s="280">
        <v>6</v>
      </c>
      <c r="AE22" s="280">
        <v>1</v>
      </c>
      <c r="AF22" s="280">
        <v>1</v>
      </c>
      <c r="AG22" s="280">
        <v>0</v>
      </c>
      <c r="AH22" s="277">
        <v>19</v>
      </c>
      <c r="AI22" s="282">
        <v>19</v>
      </c>
      <c r="AJ22" s="276">
        <v>0</v>
      </c>
      <c r="AK22" s="280">
        <v>0</v>
      </c>
      <c r="AL22" s="277">
        <v>0</v>
      </c>
      <c r="AM22" s="279">
        <v>0</v>
      </c>
      <c r="AN22" s="280">
        <v>1</v>
      </c>
      <c r="AO22" s="280">
        <v>0</v>
      </c>
      <c r="AP22" s="280">
        <v>0</v>
      </c>
      <c r="AQ22" s="280">
        <v>0</v>
      </c>
      <c r="AR22" s="280">
        <v>1</v>
      </c>
      <c r="AS22" s="277">
        <v>2</v>
      </c>
      <c r="AT22" s="282">
        <v>2</v>
      </c>
      <c r="AU22" s="276">
        <v>0</v>
      </c>
      <c r="AV22" s="280">
        <v>1</v>
      </c>
      <c r="AW22" s="277">
        <v>1</v>
      </c>
      <c r="AX22" s="279">
        <v>0</v>
      </c>
      <c r="AY22" s="280">
        <v>1</v>
      </c>
      <c r="AZ22" s="280">
        <v>0</v>
      </c>
      <c r="BA22" s="280">
        <v>2</v>
      </c>
      <c r="BB22" s="280">
        <v>0</v>
      </c>
      <c r="BC22" s="280">
        <v>0</v>
      </c>
      <c r="BD22" s="277">
        <v>3</v>
      </c>
      <c r="BE22" s="282">
        <v>4</v>
      </c>
      <c r="BF22" s="276">
        <v>0</v>
      </c>
      <c r="BG22" s="280">
        <v>0</v>
      </c>
      <c r="BH22" s="277">
        <v>0</v>
      </c>
      <c r="BI22" s="279">
        <v>0</v>
      </c>
      <c r="BJ22" s="280">
        <v>1</v>
      </c>
      <c r="BK22" s="280">
        <v>1</v>
      </c>
      <c r="BL22" s="280">
        <v>1</v>
      </c>
      <c r="BM22" s="280">
        <v>0</v>
      </c>
      <c r="BN22" s="280">
        <v>1</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0</v>
      </c>
      <c r="I23" s="280">
        <v>0</v>
      </c>
      <c r="J23" s="280">
        <v>0</v>
      </c>
      <c r="K23" s="280">
        <v>0</v>
      </c>
      <c r="L23" s="281">
        <v>0</v>
      </c>
      <c r="M23" s="282">
        <v>0</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4</v>
      </c>
      <c r="AE23" s="280">
        <v>3</v>
      </c>
      <c r="AF23" s="280">
        <v>2</v>
      </c>
      <c r="AG23" s="280">
        <v>0</v>
      </c>
      <c r="AH23" s="277">
        <v>22</v>
      </c>
      <c r="AI23" s="282">
        <v>22</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1</v>
      </c>
      <c r="BL23" s="280">
        <v>1</v>
      </c>
      <c r="BM23" s="280">
        <v>2</v>
      </c>
      <c r="BN23" s="280">
        <v>1</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3</v>
      </c>
      <c r="H24" s="280">
        <v>1</v>
      </c>
      <c r="I24" s="280">
        <v>0</v>
      </c>
      <c r="J24" s="280">
        <v>0</v>
      </c>
      <c r="K24" s="280">
        <v>0</v>
      </c>
      <c r="L24" s="281">
        <v>4</v>
      </c>
      <c r="M24" s="282">
        <v>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9</v>
      </c>
      <c r="AD24" s="280">
        <v>1</v>
      </c>
      <c r="AE24" s="280">
        <v>0</v>
      </c>
      <c r="AF24" s="280">
        <v>0</v>
      </c>
      <c r="AG24" s="280">
        <v>0</v>
      </c>
      <c r="AH24" s="277">
        <v>10</v>
      </c>
      <c r="AI24" s="282">
        <v>10</v>
      </c>
      <c r="AJ24" s="276">
        <v>0</v>
      </c>
      <c r="AK24" s="280">
        <v>0</v>
      </c>
      <c r="AL24" s="277">
        <v>0</v>
      </c>
      <c r="AM24" s="279">
        <v>0</v>
      </c>
      <c r="AN24" s="280">
        <v>0</v>
      </c>
      <c r="AO24" s="280">
        <v>0</v>
      </c>
      <c r="AP24" s="280">
        <v>1</v>
      </c>
      <c r="AQ24" s="280">
        <v>0</v>
      </c>
      <c r="AR24" s="280">
        <v>0</v>
      </c>
      <c r="AS24" s="277">
        <v>1</v>
      </c>
      <c r="AT24" s="282">
        <v>1</v>
      </c>
      <c r="AU24" s="276">
        <v>0</v>
      </c>
      <c r="AV24" s="280">
        <v>0</v>
      </c>
      <c r="AW24" s="277">
        <v>0</v>
      </c>
      <c r="AX24" s="279">
        <v>0</v>
      </c>
      <c r="AY24" s="280">
        <v>0</v>
      </c>
      <c r="AZ24" s="280">
        <v>2</v>
      </c>
      <c r="BA24" s="280">
        <v>0</v>
      </c>
      <c r="BB24" s="280">
        <v>0</v>
      </c>
      <c r="BC24" s="280">
        <v>0</v>
      </c>
      <c r="BD24" s="277">
        <v>2</v>
      </c>
      <c r="BE24" s="282">
        <v>2</v>
      </c>
      <c r="BF24" s="276">
        <v>0</v>
      </c>
      <c r="BG24" s="280">
        <v>0</v>
      </c>
      <c r="BH24" s="277">
        <v>0</v>
      </c>
      <c r="BI24" s="279">
        <v>0</v>
      </c>
      <c r="BJ24" s="280">
        <v>1</v>
      </c>
      <c r="BK24" s="280">
        <v>0</v>
      </c>
      <c r="BL24" s="280">
        <v>0</v>
      </c>
      <c r="BM24" s="280">
        <v>0</v>
      </c>
      <c r="BN24" s="280">
        <v>0</v>
      </c>
      <c r="BO24" s="281">
        <v>1</v>
      </c>
      <c r="BP24" s="282">
        <v>1</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0</v>
      </c>
      <c r="CJ24" s="280">
        <v>0</v>
      </c>
      <c r="CK24" s="277">
        <v>0</v>
      </c>
      <c r="CL24" s="282">
        <v>0</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1</v>
      </c>
      <c r="AD25" s="280">
        <v>3</v>
      </c>
      <c r="AE25" s="280">
        <v>1</v>
      </c>
      <c r="AF25" s="280">
        <v>0</v>
      </c>
      <c r="AG25" s="280">
        <v>1</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0</v>
      </c>
      <c r="BK25" s="280">
        <v>1</v>
      </c>
      <c r="BL25" s="280">
        <v>3</v>
      </c>
      <c r="BM25" s="280">
        <v>0</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1</v>
      </c>
      <c r="H26" s="280">
        <v>0</v>
      </c>
      <c r="I26" s="280">
        <v>0</v>
      </c>
      <c r="J26" s="280">
        <v>1</v>
      </c>
      <c r="K26" s="280">
        <v>0</v>
      </c>
      <c r="L26" s="281">
        <v>2</v>
      </c>
      <c r="M26" s="282">
        <v>2</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1</v>
      </c>
      <c r="AD26" s="280">
        <v>0</v>
      </c>
      <c r="AE26" s="280">
        <v>1</v>
      </c>
      <c r="AF26" s="280">
        <v>0</v>
      </c>
      <c r="AG26" s="280">
        <v>0</v>
      </c>
      <c r="AH26" s="277">
        <v>2</v>
      </c>
      <c r="AI26" s="282">
        <v>2</v>
      </c>
      <c r="AJ26" s="276">
        <v>0</v>
      </c>
      <c r="AK26" s="280">
        <v>0</v>
      </c>
      <c r="AL26" s="277">
        <v>0</v>
      </c>
      <c r="AM26" s="279">
        <v>0</v>
      </c>
      <c r="AN26" s="280">
        <v>0</v>
      </c>
      <c r="AO26" s="280">
        <v>1</v>
      </c>
      <c r="AP26" s="280">
        <v>0</v>
      </c>
      <c r="AQ26" s="280">
        <v>0</v>
      </c>
      <c r="AR26" s="280">
        <v>1</v>
      </c>
      <c r="AS26" s="277">
        <v>2</v>
      </c>
      <c r="AT26" s="282">
        <v>2</v>
      </c>
      <c r="AU26" s="276">
        <v>0</v>
      </c>
      <c r="AV26" s="280">
        <v>0</v>
      </c>
      <c r="AW26" s="277">
        <v>0</v>
      </c>
      <c r="AX26" s="279">
        <v>0</v>
      </c>
      <c r="AY26" s="280">
        <v>3</v>
      </c>
      <c r="AZ26" s="280">
        <v>0</v>
      </c>
      <c r="BA26" s="280">
        <v>2</v>
      </c>
      <c r="BB26" s="280">
        <v>1</v>
      </c>
      <c r="BC26" s="280">
        <v>0</v>
      </c>
      <c r="BD26" s="277">
        <v>6</v>
      </c>
      <c r="BE26" s="282">
        <v>6</v>
      </c>
      <c r="BF26" s="276">
        <v>0</v>
      </c>
      <c r="BG26" s="280">
        <v>0</v>
      </c>
      <c r="BH26" s="277">
        <v>0</v>
      </c>
      <c r="BI26" s="279">
        <v>0</v>
      </c>
      <c r="BJ26" s="280">
        <v>0</v>
      </c>
      <c r="BK26" s="280">
        <v>0</v>
      </c>
      <c r="BL26" s="280">
        <v>1</v>
      </c>
      <c r="BM26" s="280">
        <v>0</v>
      </c>
      <c r="BN26" s="280">
        <v>1</v>
      </c>
      <c r="BO26" s="281">
        <v>2</v>
      </c>
      <c r="BP26" s="282">
        <v>2</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2</v>
      </c>
      <c r="AD27" s="280">
        <v>1</v>
      </c>
      <c r="AE27" s="280">
        <v>1</v>
      </c>
      <c r="AF27" s="280">
        <v>0</v>
      </c>
      <c r="AG27" s="280">
        <v>0</v>
      </c>
      <c r="AH27" s="277">
        <v>4</v>
      </c>
      <c r="AI27" s="282">
        <v>4</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1</v>
      </c>
      <c r="AD28" s="280">
        <v>1</v>
      </c>
      <c r="AE28" s="280">
        <v>0</v>
      </c>
      <c r="AF28" s="280">
        <v>0</v>
      </c>
      <c r="AG28" s="280">
        <v>0</v>
      </c>
      <c r="AH28" s="277">
        <v>2</v>
      </c>
      <c r="AI28" s="282">
        <v>2</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1</v>
      </c>
      <c r="BM28" s="280">
        <v>2</v>
      </c>
      <c r="BN28" s="280">
        <v>0</v>
      </c>
      <c r="BO28" s="281">
        <v>3</v>
      </c>
      <c r="BP28" s="282">
        <v>3</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1</v>
      </c>
      <c r="AE29" s="280">
        <v>0</v>
      </c>
      <c r="AF29" s="280">
        <v>0</v>
      </c>
      <c r="AG29" s="280">
        <v>0</v>
      </c>
      <c r="AH29" s="277">
        <v>2</v>
      </c>
      <c r="AI29" s="282">
        <v>2</v>
      </c>
      <c r="AJ29" s="276">
        <v>0</v>
      </c>
      <c r="AK29" s="280">
        <v>0</v>
      </c>
      <c r="AL29" s="277">
        <v>0</v>
      </c>
      <c r="AM29" s="279">
        <v>0</v>
      </c>
      <c r="AN29" s="280">
        <v>1</v>
      </c>
      <c r="AO29" s="280">
        <v>0</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5</v>
      </c>
      <c r="AD30" s="280">
        <v>1</v>
      </c>
      <c r="AE30" s="280">
        <v>0</v>
      </c>
      <c r="AF30" s="280">
        <v>0</v>
      </c>
      <c r="AG30" s="280">
        <v>0</v>
      </c>
      <c r="AH30" s="277">
        <v>6</v>
      </c>
      <c r="AI30" s="282">
        <v>6</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1</v>
      </c>
      <c r="J31" s="280">
        <v>0</v>
      </c>
      <c r="K31" s="280">
        <v>0</v>
      </c>
      <c r="L31" s="281">
        <v>1</v>
      </c>
      <c r="M31" s="282">
        <v>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v>
      </c>
      <c r="AD31" s="280">
        <v>0</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1</v>
      </c>
      <c r="AE33" s="280">
        <v>1</v>
      </c>
      <c r="AF33" s="280">
        <v>0</v>
      </c>
      <c r="AG33" s="280">
        <v>0</v>
      </c>
      <c r="AH33" s="277">
        <v>4</v>
      </c>
      <c r="AI33" s="282">
        <v>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0</v>
      </c>
      <c r="BM33" s="280">
        <v>0</v>
      </c>
      <c r="BN33" s="280">
        <v>1</v>
      </c>
      <c r="BO33" s="281">
        <v>1</v>
      </c>
      <c r="BP33" s="282">
        <v>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v>
      </c>
      <c r="AE34" s="280">
        <v>1</v>
      </c>
      <c r="AF34" s="280">
        <v>0</v>
      </c>
      <c r="AG34" s="280">
        <v>0</v>
      </c>
      <c r="AH34" s="277">
        <v>2</v>
      </c>
      <c r="AI34" s="282">
        <v>2</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1</v>
      </c>
      <c r="BA34" s="280">
        <v>0</v>
      </c>
      <c r="BB34" s="280">
        <v>0</v>
      </c>
      <c r="BC34" s="280">
        <v>0</v>
      </c>
      <c r="BD34" s="277">
        <v>1</v>
      </c>
      <c r="BE34" s="282">
        <v>1</v>
      </c>
      <c r="BF34" s="276">
        <v>0</v>
      </c>
      <c r="BG34" s="280">
        <v>0</v>
      </c>
      <c r="BH34" s="277">
        <v>0</v>
      </c>
      <c r="BI34" s="279">
        <v>0</v>
      </c>
      <c r="BJ34" s="280">
        <v>0</v>
      </c>
      <c r="BK34" s="280">
        <v>0</v>
      </c>
      <c r="BL34" s="280">
        <v>2</v>
      </c>
      <c r="BM34" s="280">
        <v>0</v>
      </c>
      <c r="BN34" s="280">
        <v>1</v>
      </c>
      <c r="BO34" s="281">
        <v>3</v>
      </c>
      <c r="BP34" s="282">
        <v>3</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0</v>
      </c>
      <c r="CI34" s="280">
        <v>2</v>
      </c>
      <c r="CJ34" s="280">
        <v>0</v>
      </c>
      <c r="CK34" s="277">
        <v>3</v>
      </c>
      <c r="CL34" s="282">
        <v>3</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2</v>
      </c>
      <c r="AF35" s="280">
        <v>0</v>
      </c>
      <c r="AG35" s="280">
        <v>0</v>
      </c>
      <c r="AH35" s="277">
        <v>3</v>
      </c>
      <c r="AI35" s="282">
        <v>3</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1</v>
      </c>
      <c r="CV36" s="277">
        <v>2</v>
      </c>
      <c r="CW36" s="282">
        <v>2</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0</v>
      </c>
      <c r="AE37" s="280">
        <v>1</v>
      </c>
      <c r="AF37" s="280">
        <v>0</v>
      </c>
      <c r="AG37" s="280">
        <v>0</v>
      </c>
      <c r="AH37" s="277">
        <v>2</v>
      </c>
      <c r="AI37" s="282">
        <v>2</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1</v>
      </c>
      <c r="AE38" s="280">
        <v>0</v>
      </c>
      <c r="AF38" s="280">
        <v>1</v>
      </c>
      <c r="AG38" s="280">
        <v>0</v>
      </c>
      <c r="AH38" s="277">
        <v>3</v>
      </c>
      <c r="AI38" s="282">
        <v>3</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2</v>
      </c>
      <c r="BK38" s="280">
        <v>0</v>
      </c>
      <c r="BL38" s="280">
        <v>0</v>
      </c>
      <c r="BM38" s="280">
        <v>0</v>
      </c>
      <c r="BN38" s="280">
        <v>1</v>
      </c>
      <c r="BO38" s="281">
        <v>3</v>
      </c>
      <c r="BP38" s="282">
        <v>3</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26">
        <f>第１表!F2</f>
        <v>5</v>
      </c>
      <c r="I1" s="526"/>
      <c r="J1" s="248">
        <f>第１表!G2</f>
        <v>3</v>
      </c>
      <c r="K1" s="530">
        <f>IF(J1&lt;3,J1+12-2,J1-2)</f>
        <v>1</v>
      </c>
      <c r="L1" s="530"/>
    </row>
    <row r="2" spans="2:24" ht="24" customHeight="1" thickBot="1" x14ac:dyDescent="0.25">
      <c r="B2" s="290" t="s">
        <v>133</v>
      </c>
    </row>
    <row r="3" spans="2:24" ht="21" customHeight="1" x14ac:dyDescent="0.2">
      <c r="B3" s="542"/>
      <c r="C3" s="538" t="s">
        <v>143</v>
      </c>
      <c r="D3" s="538"/>
      <c r="E3" s="538"/>
      <c r="F3" s="538"/>
      <c r="G3" s="538"/>
      <c r="H3" s="538"/>
      <c r="I3" s="538"/>
      <c r="J3" s="538"/>
      <c r="K3" s="538"/>
      <c r="L3" s="538"/>
      <c r="M3" s="568"/>
      <c r="N3" s="538" t="s">
        <v>113</v>
      </c>
      <c r="O3" s="538"/>
      <c r="P3" s="538"/>
      <c r="Q3" s="538"/>
      <c r="R3" s="538"/>
      <c r="S3" s="538"/>
      <c r="T3" s="538"/>
      <c r="U3" s="538"/>
      <c r="V3" s="538"/>
      <c r="W3" s="538"/>
      <c r="X3" s="568"/>
    </row>
    <row r="4" spans="2:24" ht="21" customHeight="1" x14ac:dyDescent="0.2">
      <c r="B4" s="566"/>
      <c r="C4" s="569" t="s">
        <v>61</v>
      </c>
      <c r="D4" s="569"/>
      <c r="E4" s="570"/>
      <c r="F4" s="571" t="s">
        <v>62</v>
      </c>
      <c r="G4" s="569"/>
      <c r="H4" s="569"/>
      <c r="I4" s="569"/>
      <c r="J4" s="569"/>
      <c r="K4" s="569"/>
      <c r="L4" s="572"/>
      <c r="M4" s="573" t="s">
        <v>52</v>
      </c>
      <c r="N4" s="569" t="s">
        <v>61</v>
      </c>
      <c r="O4" s="569"/>
      <c r="P4" s="570"/>
      <c r="Q4" s="571" t="s">
        <v>62</v>
      </c>
      <c r="R4" s="569"/>
      <c r="S4" s="569"/>
      <c r="T4" s="569"/>
      <c r="U4" s="569"/>
      <c r="V4" s="569"/>
      <c r="W4" s="572"/>
      <c r="X4" s="573" t="s">
        <v>52</v>
      </c>
    </row>
    <row r="5" spans="2:24" ht="30" customHeight="1" thickBot="1" x14ac:dyDescent="0.25">
      <c r="B5" s="567"/>
      <c r="C5" s="259" t="s">
        <v>43</v>
      </c>
      <c r="D5" s="259" t="s">
        <v>44</v>
      </c>
      <c r="E5" s="265" t="s">
        <v>45</v>
      </c>
      <c r="F5" s="267" t="s">
        <v>83</v>
      </c>
      <c r="G5" s="259" t="s">
        <v>47</v>
      </c>
      <c r="H5" s="259" t="s">
        <v>48</v>
      </c>
      <c r="I5" s="259" t="s">
        <v>49</v>
      </c>
      <c r="J5" s="259" t="s">
        <v>50</v>
      </c>
      <c r="K5" s="259" t="s">
        <v>51</v>
      </c>
      <c r="L5" s="265" t="s">
        <v>45</v>
      </c>
      <c r="M5" s="541"/>
      <c r="N5" s="259" t="s">
        <v>43</v>
      </c>
      <c r="O5" s="259" t="s">
        <v>44</v>
      </c>
      <c r="P5" s="265" t="s">
        <v>45</v>
      </c>
      <c r="Q5" s="267" t="s">
        <v>83</v>
      </c>
      <c r="R5" s="259" t="s">
        <v>47</v>
      </c>
      <c r="S5" s="259" t="s">
        <v>48</v>
      </c>
      <c r="T5" s="259" t="s">
        <v>49</v>
      </c>
      <c r="U5" s="259" t="s">
        <v>50</v>
      </c>
      <c r="V5" s="259" t="s">
        <v>51</v>
      </c>
      <c r="W5" s="265" t="s">
        <v>45</v>
      </c>
      <c r="X5" s="541"/>
    </row>
    <row r="6" spans="2:24" ht="21" customHeight="1" x14ac:dyDescent="0.2">
      <c r="B6" s="258" t="s">
        <v>4</v>
      </c>
      <c r="C6" s="273">
        <v>0</v>
      </c>
      <c r="D6" s="273">
        <v>0</v>
      </c>
      <c r="E6" s="270">
        <v>0</v>
      </c>
      <c r="F6" s="272">
        <v>0</v>
      </c>
      <c r="G6" s="273">
        <v>91714</v>
      </c>
      <c r="H6" s="273">
        <v>90542</v>
      </c>
      <c r="I6" s="273">
        <v>56058</v>
      </c>
      <c r="J6" s="273">
        <v>30599</v>
      </c>
      <c r="K6" s="273">
        <v>13453</v>
      </c>
      <c r="L6" s="270">
        <v>282366</v>
      </c>
      <c r="M6" s="275">
        <v>282366</v>
      </c>
      <c r="N6" s="273">
        <v>37</v>
      </c>
      <c r="O6" s="273">
        <v>37</v>
      </c>
      <c r="P6" s="270">
        <v>74</v>
      </c>
      <c r="Q6" s="272">
        <v>0</v>
      </c>
      <c r="R6" s="273">
        <v>6198</v>
      </c>
      <c r="S6" s="273">
        <v>8483</v>
      </c>
      <c r="T6" s="273">
        <v>11479</v>
      </c>
      <c r="U6" s="273">
        <v>6060</v>
      </c>
      <c r="V6" s="273">
        <v>4641</v>
      </c>
      <c r="W6" s="270">
        <v>36861</v>
      </c>
      <c r="X6" s="275">
        <v>36935</v>
      </c>
    </row>
    <row r="7" spans="2:24" ht="21" customHeight="1" x14ac:dyDescent="0.2">
      <c r="B7" s="256" t="s">
        <v>5</v>
      </c>
      <c r="C7" s="280">
        <v>0</v>
      </c>
      <c r="D7" s="280">
        <v>0</v>
      </c>
      <c r="E7" s="277">
        <v>0</v>
      </c>
      <c r="F7" s="279">
        <v>0</v>
      </c>
      <c r="G7" s="280">
        <v>31397</v>
      </c>
      <c r="H7" s="280">
        <v>42548</v>
      </c>
      <c r="I7" s="280">
        <v>25034</v>
      </c>
      <c r="J7" s="280">
        <v>14221</v>
      </c>
      <c r="K7" s="280">
        <v>6120</v>
      </c>
      <c r="L7" s="277">
        <v>119320</v>
      </c>
      <c r="M7" s="282">
        <v>119320</v>
      </c>
      <c r="N7" s="280">
        <v>11</v>
      </c>
      <c r="O7" s="280">
        <v>16</v>
      </c>
      <c r="P7" s="277">
        <v>27</v>
      </c>
      <c r="Q7" s="279">
        <v>0</v>
      </c>
      <c r="R7" s="280">
        <v>2859</v>
      </c>
      <c r="S7" s="280">
        <v>4539</v>
      </c>
      <c r="T7" s="280">
        <v>6056</v>
      </c>
      <c r="U7" s="280">
        <v>3235</v>
      </c>
      <c r="V7" s="280">
        <v>2525</v>
      </c>
      <c r="W7" s="277">
        <v>19214</v>
      </c>
      <c r="X7" s="282">
        <v>19241</v>
      </c>
    </row>
    <row r="8" spans="2:24" ht="21" customHeight="1" x14ac:dyDescent="0.2">
      <c r="B8" s="256" t="s">
        <v>6</v>
      </c>
      <c r="C8" s="280">
        <v>0</v>
      </c>
      <c r="D8" s="280">
        <v>0</v>
      </c>
      <c r="E8" s="277">
        <v>0</v>
      </c>
      <c r="F8" s="279">
        <v>0</v>
      </c>
      <c r="G8" s="280">
        <v>13372</v>
      </c>
      <c r="H8" s="280">
        <v>9502</v>
      </c>
      <c r="I8" s="280">
        <v>6794</v>
      </c>
      <c r="J8" s="280">
        <v>3901</v>
      </c>
      <c r="K8" s="280">
        <v>1839</v>
      </c>
      <c r="L8" s="277">
        <v>35408</v>
      </c>
      <c r="M8" s="282">
        <v>35408</v>
      </c>
      <c r="N8" s="280">
        <v>7</v>
      </c>
      <c r="O8" s="280">
        <v>2</v>
      </c>
      <c r="P8" s="277">
        <v>9</v>
      </c>
      <c r="Q8" s="279">
        <v>0</v>
      </c>
      <c r="R8" s="280">
        <v>1574</v>
      </c>
      <c r="S8" s="280">
        <v>1781</v>
      </c>
      <c r="T8" s="280">
        <v>2336</v>
      </c>
      <c r="U8" s="280">
        <v>1416</v>
      </c>
      <c r="V8" s="280">
        <v>912</v>
      </c>
      <c r="W8" s="277">
        <v>8019</v>
      </c>
      <c r="X8" s="282">
        <v>8028</v>
      </c>
    </row>
    <row r="9" spans="2:24" ht="21" customHeight="1" x14ac:dyDescent="0.2">
      <c r="B9" s="256" t="s">
        <v>14</v>
      </c>
      <c r="C9" s="280">
        <v>0</v>
      </c>
      <c r="D9" s="280">
        <v>0</v>
      </c>
      <c r="E9" s="277">
        <v>0</v>
      </c>
      <c r="F9" s="279">
        <v>0</v>
      </c>
      <c r="G9" s="280">
        <v>6823</v>
      </c>
      <c r="H9" s="280">
        <v>8235</v>
      </c>
      <c r="I9" s="280">
        <v>5233</v>
      </c>
      <c r="J9" s="280">
        <v>2698</v>
      </c>
      <c r="K9" s="280">
        <v>1405</v>
      </c>
      <c r="L9" s="277">
        <v>24394</v>
      </c>
      <c r="M9" s="282">
        <v>24394</v>
      </c>
      <c r="N9" s="280">
        <v>7</v>
      </c>
      <c r="O9" s="280">
        <v>0</v>
      </c>
      <c r="P9" s="277">
        <v>7</v>
      </c>
      <c r="Q9" s="279">
        <v>0</v>
      </c>
      <c r="R9" s="280">
        <v>155</v>
      </c>
      <c r="S9" s="280">
        <v>190</v>
      </c>
      <c r="T9" s="280">
        <v>392</v>
      </c>
      <c r="U9" s="280">
        <v>193</v>
      </c>
      <c r="V9" s="280">
        <v>287</v>
      </c>
      <c r="W9" s="277">
        <v>1217</v>
      </c>
      <c r="X9" s="282">
        <v>1224</v>
      </c>
    </row>
    <row r="10" spans="2:24" ht="21" customHeight="1" x14ac:dyDescent="0.2">
      <c r="B10" s="256" t="s">
        <v>7</v>
      </c>
      <c r="C10" s="280">
        <v>0</v>
      </c>
      <c r="D10" s="280">
        <v>0</v>
      </c>
      <c r="E10" s="277">
        <v>0</v>
      </c>
      <c r="F10" s="279">
        <v>0</v>
      </c>
      <c r="G10" s="280">
        <v>7316</v>
      </c>
      <c r="H10" s="280">
        <v>4598</v>
      </c>
      <c r="I10" s="280">
        <v>2731</v>
      </c>
      <c r="J10" s="280">
        <v>1080</v>
      </c>
      <c r="K10" s="280">
        <v>451</v>
      </c>
      <c r="L10" s="277">
        <v>16176</v>
      </c>
      <c r="M10" s="282">
        <v>16176</v>
      </c>
      <c r="N10" s="280">
        <v>0</v>
      </c>
      <c r="O10" s="280">
        <v>0</v>
      </c>
      <c r="P10" s="277">
        <v>0</v>
      </c>
      <c r="Q10" s="279">
        <v>0</v>
      </c>
      <c r="R10" s="280">
        <v>675</v>
      </c>
      <c r="S10" s="280">
        <v>862</v>
      </c>
      <c r="T10" s="280">
        <v>990</v>
      </c>
      <c r="U10" s="280">
        <v>458</v>
      </c>
      <c r="V10" s="280">
        <v>202</v>
      </c>
      <c r="W10" s="277">
        <v>3187</v>
      </c>
      <c r="X10" s="282">
        <v>3187</v>
      </c>
    </row>
    <row r="11" spans="2:24" ht="21" customHeight="1" x14ac:dyDescent="0.2">
      <c r="B11" s="256" t="s">
        <v>8</v>
      </c>
      <c r="C11" s="280">
        <v>0</v>
      </c>
      <c r="D11" s="280">
        <v>0</v>
      </c>
      <c r="E11" s="277">
        <v>0</v>
      </c>
      <c r="F11" s="279">
        <v>0</v>
      </c>
      <c r="G11" s="280">
        <v>4532</v>
      </c>
      <c r="H11" s="280">
        <v>4244</v>
      </c>
      <c r="I11" s="280">
        <v>2395</v>
      </c>
      <c r="J11" s="280">
        <v>1040</v>
      </c>
      <c r="K11" s="280">
        <v>365</v>
      </c>
      <c r="L11" s="277">
        <v>12576</v>
      </c>
      <c r="M11" s="282">
        <v>12576</v>
      </c>
      <c r="N11" s="280">
        <v>0</v>
      </c>
      <c r="O11" s="280">
        <v>0</v>
      </c>
      <c r="P11" s="277">
        <v>0</v>
      </c>
      <c r="Q11" s="279">
        <v>0</v>
      </c>
      <c r="R11" s="280">
        <v>49</v>
      </c>
      <c r="S11" s="280">
        <v>73</v>
      </c>
      <c r="T11" s="280">
        <v>99</v>
      </c>
      <c r="U11" s="280">
        <v>69</v>
      </c>
      <c r="V11" s="280">
        <v>96</v>
      </c>
      <c r="W11" s="277">
        <v>386</v>
      </c>
      <c r="X11" s="282">
        <v>386</v>
      </c>
    </row>
    <row r="12" spans="2:24" ht="21" customHeight="1" x14ac:dyDescent="0.2">
      <c r="B12" s="256" t="s">
        <v>9</v>
      </c>
      <c r="C12" s="280">
        <v>0</v>
      </c>
      <c r="D12" s="280">
        <v>0</v>
      </c>
      <c r="E12" s="277">
        <v>0</v>
      </c>
      <c r="F12" s="279">
        <v>0</v>
      </c>
      <c r="G12" s="280">
        <v>2863</v>
      </c>
      <c r="H12" s="280">
        <v>1920</v>
      </c>
      <c r="I12" s="280">
        <v>1673</v>
      </c>
      <c r="J12" s="280">
        <v>813</v>
      </c>
      <c r="K12" s="280">
        <v>320</v>
      </c>
      <c r="L12" s="277">
        <v>7589</v>
      </c>
      <c r="M12" s="282">
        <v>7589</v>
      </c>
      <c r="N12" s="280">
        <v>0</v>
      </c>
      <c r="O12" s="280">
        <v>0</v>
      </c>
      <c r="P12" s="277">
        <v>0</v>
      </c>
      <c r="Q12" s="279">
        <v>0</v>
      </c>
      <c r="R12" s="280">
        <v>32</v>
      </c>
      <c r="S12" s="280">
        <v>50</v>
      </c>
      <c r="T12" s="280">
        <v>87</v>
      </c>
      <c r="U12" s="280">
        <v>36</v>
      </c>
      <c r="V12" s="280">
        <v>42</v>
      </c>
      <c r="W12" s="277">
        <v>247</v>
      </c>
      <c r="X12" s="282">
        <v>247</v>
      </c>
    </row>
    <row r="13" spans="2:24" ht="21" customHeight="1" x14ac:dyDescent="0.2">
      <c r="B13" s="256" t="s">
        <v>10</v>
      </c>
      <c r="C13" s="280">
        <v>0</v>
      </c>
      <c r="D13" s="280">
        <v>0</v>
      </c>
      <c r="E13" s="277">
        <v>0</v>
      </c>
      <c r="F13" s="279">
        <v>0</v>
      </c>
      <c r="G13" s="280">
        <v>3989</v>
      </c>
      <c r="H13" s="280">
        <v>1977</v>
      </c>
      <c r="I13" s="280">
        <v>1140</v>
      </c>
      <c r="J13" s="280">
        <v>805</v>
      </c>
      <c r="K13" s="280">
        <v>203</v>
      </c>
      <c r="L13" s="277">
        <v>8114</v>
      </c>
      <c r="M13" s="282">
        <v>8114</v>
      </c>
      <c r="N13" s="280">
        <v>0</v>
      </c>
      <c r="O13" s="280">
        <v>4</v>
      </c>
      <c r="P13" s="277">
        <v>4</v>
      </c>
      <c r="Q13" s="279">
        <v>0</v>
      </c>
      <c r="R13" s="280">
        <v>108</v>
      </c>
      <c r="S13" s="280">
        <v>99</v>
      </c>
      <c r="T13" s="280">
        <v>203</v>
      </c>
      <c r="U13" s="280">
        <v>109</v>
      </c>
      <c r="V13" s="280">
        <v>137</v>
      </c>
      <c r="W13" s="277">
        <v>656</v>
      </c>
      <c r="X13" s="282">
        <v>660</v>
      </c>
    </row>
    <row r="14" spans="2:24" ht="21" customHeight="1" x14ac:dyDescent="0.2">
      <c r="B14" s="256" t="s">
        <v>11</v>
      </c>
      <c r="C14" s="280">
        <v>0</v>
      </c>
      <c r="D14" s="280">
        <v>0</v>
      </c>
      <c r="E14" s="277">
        <v>0</v>
      </c>
      <c r="F14" s="279">
        <v>0</v>
      </c>
      <c r="G14" s="280">
        <v>3970</v>
      </c>
      <c r="H14" s="280">
        <v>2142</v>
      </c>
      <c r="I14" s="280">
        <v>1356</v>
      </c>
      <c r="J14" s="280">
        <v>861</v>
      </c>
      <c r="K14" s="280">
        <v>347</v>
      </c>
      <c r="L14" s="277">
        <v>8676</v>
      </c>
      <c r="M14" s="282">
        <v>8676</v>
      </c>
      <c r="N14" s="280">
        <v>0</v>
      </c>
      <c r="O14" s="280">
        <v>4</v>
      </c>
      <c r="P14" s="277">
        <v>4</v>
      </c>
      <c r="Q14" s="279">
        <v>0</v>
      </c>
      <c r="R14" s="280">
        <v>106</v>
      </c>
      <c r="S14" s="280">
        <v>102</v>
      </c>
      <c r="T14" s="280">
        <v>169</v>
      </c>
      <c r="U14" s="280">
        <v>0</v>
      </c>
      <c r="V14" s="280">
        <v>14</v>
      </c>
      <c r="W14" s="277">
        <v>391</v>
      </c>
      <c r="X14" s="282">
        <v>395</v>
      </c>
    </row>
    <row r="15" spans="2:24" ht="21" customHeight="1" x14ac:dyDescent="0.2">
      <c r="B15" s="256" t="s">
        <v>12</v>
      </c>
      <c r="C15" s="280">
        <v>0</v>
      </c>
      <c r="D15" s="280">
        <v>0</v>
      </c>
      <c r="E15" s="277">
        <v>0</v>
      </c>
      <c r="F15" s="279">
        <v>0</v>
      </c>
      <c r="G15" s="280">
        <v>2562</v>
      </c>
      <c r="H15" s="280">
        <v>1780</v>
      </c>
      <c r="I15" s="280">
        <v>1457</v>
      </c>
      <c r="J15" s="280">
        <v>626</v>
      </c>
      <c r="K15" s="280">
        <v>272</v>
      </c>
      <c r="L15" s="277">
        <v>6697</v>
      </c>
      <c r="M15" s="282">
        <v>6697</v>
      </c>
      <c r="N15" s="280">
        <v>0</v>
      </c>
      <c r="O15" s="280">
        <v>0</v>
      </c>
      <c r="P15" s="277">
        <v>0</v>
      </c>
      <c r="Q15" s="279">
        <v>0</v>
      </c>
      <c r="R15" s="280">
        <v>31</v>
      </c>
      <c r="S15" s="280">
        <v>19</v>
      </c>
      <c r="T15" s="280">
        <v>11</v>
      </c>
      <c r="U15" s="280">
        <v>7</v>
      </c>
      <c r="V15" s="280">
        <v>0</v>
      </c>
      <c r="W15" s="277">
        <v>68</v>
      </c>
      <c r="X15" s="282">
        <v>68</v>
      </c>
    </row>
    <row r="16" spans="2:24" ht="21" customHeight="1" x14ac:dyDescent="0.2">
      <c r="B16" s="256" t="s">
        <v>13</v>
      </c>
      <c r="C16" s="280">
        <v>0</v>
      </c>
      <c r="D16" s="280">
        <v>0</v>
      </c>
      <c r="E16" s="277">
        <v>0</v>
      </c>
      <c r="F16" s="279">
        <v>0</v>
      </c>
      <c r="G16" s="280">
        <v>941</v>
      </c>
      <c r="H16" s="280">
        <v>831</v>
      </c>
      <c r="I16" s="280">
        <v>586</v>
      </c>
      <c r="J16" s="280">
        <v>256</v>
      </c>
      <c r="K16" s="280">
        <v>86</v>
      </c>
      <c r="L16" s="277">
        <v>2700</v>
      </c>
      <c r="M16" s="282">
        <v>2700</v>
      </c>
      <c r="N16" s="280">
        <v>0</v>
      </c>
      <c r="O16" s="280">
        <v>0</v>
      </c>
      <c r="P16" s="277">
        <v>0</v>
      </c>
      <c r="Q16" s="279">
        <v>0</v>
      </c>
      <c r="R16" s="280">
        <v>12</v>
      </c>
      <c r="S16" s="280">
        <v>32</v>
      </c>
      <c r="T16" s="280">
        <v>71</v>
      </c>
      <c r="U16" s="280">
        <v>19</v>
      </c>
      <c r="V16" s="280">
        <v>25</v>
      </c>
      <c r="W16" s="277">
        <v>159</v>
      </c>
      <c r="X16" s="282">
        <v>159</v>
      </c>
    </row>
    <row r="17" spans="2:24" ht="21" customHeight="1" x14ac:dyDescent="0.2">
      <c r="B17" s="256" t="s">
        <v>15</v>
      </c>
      <c r="C17" s="280">
        <v>0</v>
      </c>
      <c r="D17" s="280">
        <v>0</v>
      </c>
      <c r="E17" s="277">
        <v>0</v>
      </c>
      <c r="F17" s="279">
        <v>0</v>
      </c>
      <c r="G17" s="280">
        <v>1005</v>
      </c>
      <c r="H17" s="280">
        <v>1153</v>
      </c>
      <c r="I17" s="280">
        <v>656</v>
      </c>
      <c r="J17" s="280">
        <v>377</v>
      </c>
      <c r="K17" s="280">
        <v>76</v>
      </c>
      <c r="L17" s="277">
        <v>3267</v>
      </c>
      <c r="M17" s="282">
        <v>3267</v>
      </c>
      <c r="N17" s="280">
        <v>0</v>
      </c>
      <c r="O17" s="280">
        <v>0</v>
      </c>
      <c r="P17" s="277">
        <v>0</v>
      </c>
      <c r="Q17" s="279">
        <v>0</v>
      </c>
      <c r="R17" s="280">
        <v>9</v>
      </c>
      <c r="S17" s="280">
        <v>54</v>
      </c>
      <c r="T17" s="280">
        <v>50</v>
      </c>
      <c r="U17" s="280">
        <v>39</v>
      </c>
      <c r="V17" s="280">
        <v>12</v>
      </c>
      <c r="W17" s="277">
        <v>164</v>
      </c>
      <c r="X17" s="282">
        <v>164</v>
      </c>
    </row>
    <row r="18" spans="2:24" ht="21" customHeight="1" x14ac:dyDescent="0.2">
      <c r="B18" s="256" t="s">
        <v>16</v>
      </c>
      <c r="C18" s="280">
        <v>0</v>
      </c>
      <c r="D18" s="280">
        <v>0</v>
      </c>
      <c r="E18" s="277">
        <v>0</v>
      </c>
      <c r="F18" s="279">
        <v>0</v>
      </c>
      <c r="G18" s="280">
        <v>1215</v>
      </c>
      <c r="H18" s="280">
        <v>1307</v>
      </c>
      <c r="I18" s="280">
        <v>967</v>
      </c>
      <c r="J18" s="280">
        <v>395</v>
      </c>
      <c r="K18" s="280">
        <v>210</v>
      </c>
      <c r="L18" s="277">
        <v>4094</v>
      </c>
      <c r="M18" s="282">
        <v>4094</v>
      </c>
      <c r="N18" s="280">
        <v>0</v>
      </c>
      <c r="O18" s="280">
        <v>0</v>
      </c>
      <c r="P18" s="277">
        <v>0</v>
      </c>
      <c r="Q18" s="279">
        <v>0</v>
      </c>
      <c r="R18" s="280">
        <v>44</v>
      </c>
      <c r="S18" s="280">
        <v>101</v>
      </c>
      <c r="T18" s="280">
        <v>98</v>
      </c>
      <c r="U18" s="280">
        <v>51</v>
      </c>
      <c r="V18" s="280">
        <v>85</v>
      </c>
      <c r="W18" s="277">
        <v>379</v>
      </c>
      <c r="X18" s="282">
        <v>379</v>
      </c>
    </row>
    <row r="19" spans="2:24" ht="21" customHeight="1" x14ac:dyDescent="0.2">
      <c r="B19" s="256" t="s">
        <v>17</v>
      </c>
      <c r="C19" s="280">
        <v>0</v>
      </c>
      <c r="D19" s="280">
        <v>0</v>
      </c>
      <c r="E19" s="277">
        <v>0</v>
      </c>
      <c r="F19" s="279">
        <v>0</v>
      </c>
      <c r="G19" s="280">
        <v>1816</v>
      </c>
      <c r="H19" s="280">
        <v>2454</v>
      </c>
      <c r="I19" s="280">
        <v>1602</v>
      </c>
      <c r="J19" s="280">
        <v>1319</v>
      </c>
      <c r="K19" s="280">
        <v>715</v>
      </c>
      <c r="L19" s="277">
        <v>7906</v>
      </c>
      <c r="M19" s="282">
        <v>7906</v>
      </c>
      <c r="N19" s="280">
        <v>4</v>
      </c>
      <c r="O19" s="280">
        <v>11</v>
      </c>
      <c r="P19" s="277">
        <v>15</v>
      </c>
      <c r="Q19" s="279">
        <v>0</v>
      </c>
      <c r="R19" s="280">
        <v>157</v>
      </c>
      <c r="S19" s="280">
        <v>192</v>
      </c>
      <c r="T19" s="280">
        <v>198</v>
      </c>
      <c r="U19" s="280">
        <v>163</v>
      </c>
      <c r="V19" s="280">
        <v>26</v>
      </c>
      <c r="W19" s="277">
        <v>736</v>
      </c>
      <c r="X19" s="282">
        <v>751</v>
      </c>
    </row>
    <row r="20" spans="2:24" ht="21" customHeight="1" x14ac:dyDescent="0.2">
      <c r="B20" s="256" t="s">
        <v>18</v>
      </c>
      <c r="C20" s="280">
        <v>0</v>
      </c>
      <c r="D20" s="280">
        <v>0</v>
      </c>
      <c r="E20" s="277">
        <v>0</v>
      </c>
      <c r="F20" s="279">
        <v>0</v>
      </c>
      <c r="G20" s="280">
        <v>1657</v>
      </c>
      <c r="H20" s="280">
        <v>1479</v>
      </c>
      <c r="I20" s="280">
        <v>957</v>
      </c>
      <c r="J20" s="280">
        <v>382</v>
      </c>
      <c r="K20" s="280">
        <v>156</v>
      </c>
      <c r="L20" s="277">
        <v>4631</v>
      </c>
      <c r="M20" s="282">
        <v>4631</v>
      </c>
      <c r="N20" s="280">
        <v>0</v>
      </c>
      <c r="O20" s="280">
        <v>0</v>
      </c>
      <c r="P20" s="277">
        <v>0</v>
      </c>
      <c r="Q20" s="279">
        <v>0</v>
      </c>
      <c r="R20" s="280">
        <v>90</v>
      </c>
      <c r="S20" s="280">
        <v>33</v>
      </c>
      <c r="T20" s="280">
        <v>245</v>
      </c>
      <c r="U20" s="280">
        <v>97</v>
      </c>
      <c r="V20" s="280">
        <v>116</v>
      </c>
      <c r="W20" s="277">
        <v>581</v>
      </c>
      <c r="X20" s="282">
        <v>581</v>
      </c>
    </row>
    <row r="21" spans="2:24" ht="21" customHeight="1" x14ac:dyDescent="0.2">
      <c r="B21" s="256" t="s">
        <v>19</v>
      </c>
      <c r="C21" s="280">
        <v>0</v>
      </c>
      <c r="D21" s="280">
        <v>0</v>
      </c>
      <c r="E21" s="277">
        <v>0</v>
      </c>
      <c r="F21" s="279">
        <v>0</v>
      </c>
      <c r="G21" s="280">
        <v>942</v>
      </c>
      <c r="H21" s="280">
        <v>799</v>
      </c>
      <c r="I21" s="280">
        <v>380</v>
      </c>
      <c r="J21" s="280">
        <v>299</v>
      </c>
      <c r="K21" s="280">
        <v>138</v>
      </c>
      <c r="L21" s="277">
        <v>2558</v>
      </c>
      <c r="M21" s="282">
        <v>2558</v>
      </c>
      <c r="N21" s="280">
        <v>0</v>
      </c>
      <c r="O21" s="280">
        <v>0</v>
      </c>
      <c r="P21" s="277">
        <v>0</v>
      </c>
      <c r="Q21" s="279">
        <v>0</v>
      </c>
      <c r="R21" s="280">
        <v>96</v>
      </c>
      <c r="S21" s="280">
        <v>189</v>
      </c>
      <c r="T21" s="280">
        <v>170</v>
      </c>
      <c r="U21" s="280">
        <v>22</v>
      </c>
      <c r="V21" s="280">
        <v>21</v>
      </c>
      <c r="W21" s="277">
        <v>498</v>
      </c>
      <c r="X21" s="282">
        <v>498</v>
      </c>
    </row>
    <row r="22" spans="2:24" ht="21" customHeight="1" x14ac:dyDescent="0.2">
      <c r="B22" s="256" t="s">
        <v>20</v>
      </c>
      <c r="C22" s="280">
        <v>0</v>
      </c>
      <c r="D22" s="280">
        <v>0</v>
      </c>
      <c r="E22" s="277">
        <v>0</v>
      </c>
      <c r="F22" s="279">
        <v>0</v>
      </c>
      <c r="G22" s="280">
        <v>1341</v>
      </c>
      <c r="H22" s="280">
        <v>661</v>
      </c>
      <c r="I22" s="280">
        <v>553</v>
      </c>
      <c r="J22" s="280">
        <v>212</v>
      </c>
      <c r="K22" s="280">
        <v>16</v>
      </c>
      <c r="L22" s="277">
        <v>2783</v>
      </c>
      <c r="M22" s="282">
        <v>2783</v>
      </c>
      <c r="N22" s="280">
        <v>0</v>
      </c>
      <c r="O22" s="280">
        <v>0</v>
      </c>
      <c r="P22" s="277">
        <v>0</v>
      </c>
      <c r="Q22" s="279">
        <v>0</v>
      </c>
      <c r="R22" s="280">
        <v>8</v>
      </c>
      <c r="S22" s="280">
        <v>21</v>
      </c>
      <c r="T22" s="280">
        <v>14</v>
      </c>
      <c r="U22" s="280">
        <v>0</v>
      </c>
      <c r="V22" s="280">
        <v>25</v>
      </c>
      <c r="W22" s="277">
        <v>68</v>
      </c>
      <c r="X22" s="282">
        <v>68</v>
      </c>
    </row>
    <row r="23" spans="2:24" ht="21" customHeight="1" x14ac:dyDescent="0.2">
      <c r="B23" s="256" t="s">
        <v>21</v>
      </c>
      <c r="C23" s="280">
        <v>0</v>
      </c>
      <c r="D23" s="280">
        <v>0</v>
      </c>
      <c r="E23" s="277">
        <v>0</v>
      </c>
      <c r="F23" s="279">
        <v>0</v>
      </c>
      <c r="G23" s="280">
        <v>1249</v>
      </c>
      <c r="H23" s="280">
        <v>1371</v>
      </c>
      <c r="I23" s="280">
        <v>623</v>
      </c>
      <c r="J23" s="280">
        <v>268</v>
      </c>
      <c r="K23" s="280">
        <v>108</v>
      </c>
      <c r="L23" s="277">
        <v>3619</v>
      </c>
      <c r="M23" s="282">
        <v>3619</v>
      </c>
      <c r="N23" s="280">
        <v>0</v>
      </c>
      <c r="O23" s="280">
        <v>0</v>
      </c>
      <c r="P23" s="277">
        <v>0</v>
      </c>
      <c r="Q23" s="279">
        <v>0</v>
      </c>
      <c r="R23" s="280">
        <v>0</v>
      </c>
      <c r="S23" s="280">
        <v>0</v>
      </c>
      <c r="T23" s="280">
        <v>3</v>
      </c>
      <c r="U23" s="280">
        <v>0</v>
      </c>
      <c r="V23" s="280">
        <v>10</v>
      </c>
      <c r="W23" s="277">
        <v>13</v>
      </c>
      <c r="X23" s="282">
        <v>13</v>
      </c>
    </row>
    <row r="24" spans="2:24" ht="21" customHeight="1" x14ac:dyDescent="0.2">
      <c r="B24" s="256" t="s">
        <v>22</v>
      </c>
      <c r="C24" s="280">
        <v>0</v>
      </c>
      <c r="D24" s="280">
        <v>0</v>
      </c>
      <c r="E24" s="277">
        <v>0</v>
      </c>
      <c r="F24" s="279">
        <v>0</v>
      </c>
      <c r="G24" s="280">
        <v>1025</v>
      </c>
      <c r="H24" s="280">
        <v>916</v>
      </c>
      <c r="I24" s="280">
        <v>322</v>
      </c>
      <c r="J24" s="280">
        <v>253</v>
      </c>
      <c r="K24" s="280">
        <v>116</v>
      </c>
      <c r="L24" s="277">
        <v>2632</v>
      </c>
      <c r="M24" s="282">
        <v>2632</v>
      </c>
      <c r="N24" s="280">
        <v>4</v>
      </c>
      <c r="O24" s="280">
        <v>0</v>
      </c>
      <c r="P24" s="277">
        <v>4</v>
      </c>
      <c r="Q24" s="279">
        <v>0</v>
      </c>
      <c r="R24" s="280">
        <v>34</v>
      </c>
      <c r="S24" s="280">
        <v>63</v>
      </c>
      <c r="T24" s="280">
        <v>28</v>
      </c>
      <c r="U24" s="280">
        <v>45</v>
      </c>
      <c r="V24" s="280">
        <v>10</v>
      </c>
      <c r="W24" s="277">
        <v>180</v>
      </c>
      <c r="X24" s="282">
        <v>184</v>
      </c>
    </row>
    <row r="25" spans="2:24" ht="21" customHeight="1" x14ac:dyDescent="0.2">
      <c r="B25" s="256" t="s">
        <v>23</v>
      </c>
      <c r="C25" s="280">
        <v>0</v>
      </c>
      <c r="D25" s="280">
        <v>0</v>
      </c>
      <c r="E25" s="277">
        <v>0</v>
      </c>
      <c r="F25" s="279">
        <v>0</v>
      </c>
      <c r="G25" s="280">
        <v>484</v>
      </c>
      <c r="H25" s="280">
        <v>369</v>
      </c>
      <c r="I25" s="280">
        <v>150</v>
      </c>
      <c r="J25" s="280">
        <v>158</v>
      </c>
      <c r="K25" s="280">
        <v>99</v>
      </c>
      <c r="L25" s="277">
        <v>1260</v>
      </c>
      <c r="M25" s="282">
        <v>1260</v>
      </c>
      <c r="N25" s="280">
        <v>0</v>
      </c>
      <c r="O25" s="280">
        <v>0</v>
      </c>
      <c r="P25" s="277">
        <v>0</v>
      </c>
      <c r="Q25" s="279">
        <v>0</v>
      </c>
      <c r="R25" s="280">
        <v>0</v>
      </c>
      <c r="S25" s="280">
        <v>8</v>
      </c>
      <c r="T25" s="280">
        <v>25</v>
      </c>
      <c r="U25" s="280">
        <v>20</v>
      </c>
      <c r="V25" s="280">
        <v>0</v>
      </c>
      <c r="W25" s="277">
        <v>53</v>
      </c>
      <c r="X25" s="282">
        <v>53</v>
      </c>
    </row>
    <row r="26" spans="2:24" ht="21" customHeight="1" x14ac:dyDescent="0.2">
      <c r="B26" s="256" t="s">
        <v>24</v>
      </c>
      <c r="C26" s="280">
        <v>0</v>
      </c>
      <c r="D26" s="280">
        <v>0</v>
      </c>
      <c r="E26" s="277">
        <v>0</v>
      </c>
      <c r="F26" s="279">
        <v>0</v>
      </c>
      <c r="G26" s="280">
        <v>181</v>
      </c>
      <c r="H26" s="280">
        <v>108</v>
      </c>
      <c r="I26" s="280">
        <v>126</v>
      </c>
      <c r="J26" s="280">
        <v>35</v>
      </c>
      <c r="K26" s="280">
        <v>7</v>
      </c>
      <c r="L26" s="277">
        <v>457</v>
      </c>
      <c r="M26" s="282">
        <v>457</v>
      </c>
      <c r="N26" s="280">
        <v>0</v>
      </c>
      <c r="O26" s="280">
        <v>0</v>
      </c>
      <c r="P26" s="277">
        <v>0</v>
      </c>
      <c r="Q26" s="279">
        <v>0</v>
      </c>
      <c r="R26" s="280">
        <v>60</v>
      </c>
      <c r="S26" s="280">
        <v>28</v>
      </c>
      <c r="T26" s="280">
        <v>67</v>
      </c>
      <c r="U26" s="280">
        <v>9</v>
      </c>
      <c r="V26" s="280">
        <v>13</v>
      </c>
      <c r="W26" s="277">
        <v>177</v>
      </c>
      <c r="X26" s="282">
        <v>177</v>
      </c>
    </row>
    <row r="27" spans="2:24" ht="21" customHeight="1" x14ac:dyDescent="0.2">
      <c r="B27" s="256" t="s">
        <v>25</v>
      </c>
      <c r="C27" s="280">
        <v>0</v>
      </c>
      <c r="D27" s="280">
        <v>0</v>
      </c>
      <c r="E27" s="277">
        <v>0</v>
      </c>
      <c r="F27" s="279">
        <v>0</v>
      </c>
      <c r="G27" s="280">
        <v>612</v>
      </c>
      <c r="H27" s="280">
        <v>269</v>
      </c>
      <c r="I27" s="280">
        <v>123</v>
      </c>
      <c r="J27" s="280">
        <v>45</v>
      </c>
      <c r="K27" s="280">
        <v>4</v>
      </c>
      <c r="L27" s="277">
        <v>1053</v>
      </c>
      <c r="M27" s="282">
        <v>1053</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28</v>
      </c>
      <c r="H28" s="280">
        <v>355</v>
      </c>
      <c r="I28" s="280">
        <v>212</v>
      </c>
      <c r="J28" s="280">
        <v>67</v>
      </c>
      <c r="K28" s="280">
        <v>83</v>
      </c>
      <c r="L28" s="277">
        <v>1045</v>
      </c>
      <c r="M28" s="282">
        <v>1045</v>
      </c>
      <c r="N28" s="280">
        <v>0</v>
      </c>
      <c r="O28" s="280">
        <v>0</v>
      </c>
      <c r="P28" s="277">
        <v>0</v>
      </c>
      <c r="Q28" s="279">
        <v>0</v>
      </c>
      <c r="R28" s="280">
        <v>8</v>
      </c>
      <c r="S28" s="280">
        <v>14</v>
      </c>
      <c r="T28" s="280">
        <v>54</v>
      </c>
      <c r="U28" s="280">
        <v>15</v>
      </c>
      <c r="V28" s="280">
        <v>8</v>
      </c>
      <c r="W28" s="277">
        <v>99</v>
      </c>
      <c r="X28" s="282">
        <v>99</v>
      </c>
    </row>
    <row r="29" spans="2:24" ht="21" customHeight="1" x14ac:dyDescent="0.2">
      <c r="B29" s="256" t="s">
        <v>27</v>
      </c>
      <c r="C29" s="280">
        <v>0</v>
      </c>
      <c r="D29" s="280">
        <v>0</v>
      </c>
      <c r="E29" s="277">
        <v>0</v>
      </c>
      <c r="F29" s="279">
        <v>0</v>
      </c>
      <c r="G29" s="280">
        <v>224</v>
      </c>
      <c r="H29" s="280">
        <v>99</v>
      </c>
      <c r="I29" s="280">
        <v>58</v>
      </c>
      <c r="J29" s="280">
        <v>23</v>
      </c>
      <c r="K29" s="280">
        <v>0</v>
      </c>
      <c r="L29" s="277">
        <v>404</v>
      </c>
      <c r="M29" s="282">
        <v>404</v>
      </c>
      <c r="N29" s="280">
        <v>0</v>
      </c>
      <c r="O29" s="280">
        <v>0</v>
      </c>
      <c r="P29" s="277">
        <v>0</v>
      </c>
      <c r="Q29" s="279">
        <v>0</v>
      </c>
      <c r="R29" s="280">
        <v>22</v>
      </c>
      <c r="S29" s="280">
        <v>2</v>
      </c>
      <c r="T29" s="280">
        <v>12</v>
      </c>
      <c r="U29" s="280">
        <v>29</v>
      </c>
      <c r="V29" s="280">
        <v>23</v>
      </c>
      <c r="W29" s="277">
        <v>88</v>
      </c>
      <c r="X29" s="282">
        <v>88</v>
      </c>
    </row>
    <row r="30" spans="2:24" ht="21" customHeight="1" x14ac:dyDescent="0.2">
      <c r="B30" s="256" t="s">
        <v>28</v>
      </c>
      <c r="C30" s="280">
        <v>0</v>
      </c>
      <c r="D30" s="280">
        <v>0</v>
      </c>
      <c r="E30" s="277">
        <v>0</v>
      </c>
      <c r="F30" s="279">
        <v>0</v>
      </c>
      <c r="G30" s="280">
        <v>147</v>
      </c>
      <c r="H30" s="280">
        <v>111</v>
      </c>
      <c r="I30" s="280">
        <v>19</v>
      </c>
      <c r="J30" s="280">
        <v>17</v>
      </c>
      <c r="K30" s="280">
        <v>7</v>
      </c>
      <c r="L30" s="277">
        <v>301</v>
      </c>
      <c r="M30" s="282">
        <v>301</v>
      </c>
      <c r="N30" s="280">
        <v>0</v>
      </c>
      <c r="O30" s="280">
        <v>0</v>
      </c>
      <c r="P30" s="277">
        <v>0</v>
      </c>
      <c r="Q30" s="279">
        <v>0</v>
      </c>
      <c r="R30" s="280">
        <v>13</v>
      </c>
      <c r="S30" s="280">
        <v>9</v>
      </c>
      <c r="T30" s="280">
        <v>19</v>
      </c>
      <c r="U30" s="280">
        <v>0</v>
      </c>
      <c r="V30" s="280">
        <v>0</v>
      </c>
      <c r="W30" s="277">
        <v>41</v>
      </c>
      <c r="X30" s="282">
        <v>41</v>
      </c>
    </row>
    <row r="31" spans="2:24" ht="21" customHeight="1" x14ac:dyDescent="0.2">
      <c r="B31" s="256" t="s">
        <v>29</v>
      </c>
      <c r="C31" s="280">
        <v>0</v>
      </c>
      <c r="D31" s="280">
        <v>0</v>
      </c>
      <c r="E31" s="277">
        <v>0</v>
      </c>
      <c r="F31" s="279">
        <v>0</v>
      </c>
      <c r="G31" s="280">
        <v>119</v>
      </c>
      <c r="H31" s="280">
        <v>112</v>
      </c>
      <c r="I31" s="280">
        <v>8</v>
      </c>
      <c r="J31" s="280">
        <v>38</v>
      </c>
      <c r="K31" s="280">
        <v>0</v>
      </c>
      <c r="L31" s="277">
        <v>277</v>
      </c>
      <c r="M31" s="282">
        <v>277</v>
      </c>
      <c r="N31" s="280">
        <v>0</v>
      </c>
      <c r="O31" s="280">
        <v>0</v>
      </c>
      <c r="P31" s="277">
        <v>0</v>
      </c>
      <c r="Q31" s="279">
        <v>0</v>
      </c>
      <c r="R31" s="280">
        <v>6</v>
      </c>
      <c r="S31" s="280">
        <v>0</v>
      </c>
      <c r="T31" s="280">
        <v>8</v>
      </c>
      <c r="U31" s="280">
        <v>4</v>
      </c>
      <c r="V31" s="280">
        <v>0</v>
      </c>
      <c r="W31" s="277">
        <v>18</v>
      </c>
      <c r="X31" s="282">
        <v>18</v>
      </c>
    </row>
    <row r="32" spans="2:24" ht="21" customHeight="1" x14ac:dyDescent="0.2">
      <c r="B32" s="256" t="s">
        <v>30</v>
      </c>
      <c r="C32" s="280">
        <v>0</v>
      </c>
      <c r="D32" s="280">
        <v>0</v>
      </c>
      <c r="E32" s="277">
        <v>0</v>
      </c>
      <c r="F32" s="279">
        <v>0</v>
      </c>
      <c r="G32" s="280">
        <v>154</v>
      </c>
      <c r="H32" s="280">
        <v>72</v>
      </c>
      <c r="I32" s="280">
        <v>70</v>
      </c>
      <c r="J32" s="280">
        <v>41</v>
      </c>
      <c r="K32" s="280">
        <v>0</v>
      </c>
      <c r="L32" s="277">
        <v>337</v>
      </c>
      <c r="M32" s="282">
        <v>337</v>
      </c>
      <c r="N32" s="280">
        <v>4</v>
      </c>
      <c r="O32" s="280">
        <v>0</v>
      </c>
      <c r="P32" s="277">
        <v>4</v>
      </c>
      <c r="Q32" s="279">
        <v>0</v>
      </c>
      <c r="R32" s="280">
        <v>17</v>
      </c>
      <c r="S32" s="280">
        <v>16</v>
      </c>
      <c r="T32" s="280">
        <v>21</v>
      </c>
      <c r="U32" s="280">
        <v>0</v>
      </c>
      <c r="V32" s="280">
        <v>0</v>
      </c>
      <c r="W32" s="277">
        <v>54</v>
      </c>
      <c r="X32" s="282">
        <v>58</v>
      </c>
    </row>
    <row r="33" spans="2:24" ht="21" customHeight="1" x14ac:dyDescent="0.2">
      <c r="B33" s="256" t="s">
        <v>31</v>
      </c>
      <c r="C33" s="280">
        <v>0</v>
      </c>
      <c r="D33" s="280">
        <v>0</v>
      </c>
      <c r="E33" s="277">
        <v>0</v>
      </c>
      <c r="F33" s="279">
        <v>0</v>
      </c>
      <c r="G33" s="280">
        <v>214</v>
      </c>
      <c r="H33" s="280">
        <v>81</v>
      </c>
      <c r="I33" s="280">
        <v>55</v>
      </c>
      <c r="J33" s="280">
        <v>16</v>
      </c>
      <c r="K33" s="280">
        <v>0</v>
      </c>
      <c r="L33" s="277">
        <v>366</v>
      </c>
      <c r="M33" s="282">
        <v>366</v>
      </c>
      <c r="N33" s="280">
        <v>0</v>
      </c>
      <c r="O33" s="280">
        <v>0</v>
      </c>
      <c r="P33" s="277">
        <v>0</v>
      </c>
      <c r="Q33" s="279">
        <v>0</v>
      </c>
      <c r="R33" s="280">
        <v>0</v>
      </c>
      <c r="S33" s="280">
        <v>0</v>
      </c>
      <c r="T33" s="280">
        <v>16</v>
      </c>
      <c r="U33" s="280">
        <v>0</v>
      </c>
      <c r="V33" s="280">
        <v>17</v>
      </c>
      <c r="W33" s="277">
        <v>33</v>
      </c>
      <c r="X33" s="282">
        <v>33</v>
      </c>
    </row>
    <row r="34" spans="2:24" ht="21" customHeight="1" x14ac:dyDescent="0.2">
      <c r="B34" s="256" t="s">
        <v>32</v>
      </c>
      <c r="C34" s="280">
        <v>0</v>
      </c>
      <c r="D34" s="280">
        <v>0</v>
      </c>
      <c r="E34" s="277">
        <v>0</v>
      </c>
      <c r="F34" s="279">
        <v>0</v>
      </c>
      <c r="G34" s="280">
        <v>279</v>
      </c>
      <c r="H34" s="280">
        <v>266</v>
      </c>
      <c r="I34" s="280">
        <v>81</v>
      </c>
      <c r="J34" s="280">
        <v>0</v>
      </c>
      <c r="K34" s="280">
        <v>18</v>
      </c>
      <c r="L34" s="277">
        <v>644</v>
      </c>
      <c r="M34" s="282">
        <v>644</v>
      </c>
      <c r="N34" s="280">
        <v>0</v>
      </c>
      <c r="O34" s="280">
        <v>0</v>
      </c>
      <c r="P34" s="277">
        <v>0</v>
      </c>
      <c r="Q34" s="279">
        <v>0</v>
      </c>
      <c r="R34" s="280">
        <v>29</v>
      </c>
      <c r="S34" s="280">
        <v>6</v>
      </c>
      <c r="T34" s="280">
        <v>21</v>
      </c>
      <c r="U34" s="280">
        <v>0</v>
      </c>
      <c r="V34" s="280">
        <v>12</v>
      </c>
      <c r="W34" s="277">
        <v>68</v>
      </c>
      <c r="X34" s="282">
        <v>68</v>
      </c>
    </row>
    <row r="35" spans="2:24" ht="21" customHeight="1" x14ac:dyDescent="0.2">
      <c r="B35" s="256" t="s">
        <v>33</v>
      </c>
      <c r="C35" s="280">
        <v>0</v>
      </c>
      <c r="D35" s="280">
        <v>0</v>
      </c>
      <c r="E35" s="277">
        <v>0</v>
      </c>
      <c r="F35" s="279">
        <v>0</v>
      </c>
      <c r="G35" s="280">
        <v>199</v>
      </c>
      <c r="H35" s="280">
        <v>75</v>
      </c>
      <c r="I35" s="280">
        <v>86</v>
      </c>
      <c r="J35" s="280">
        <v>0</v>
      </c>
      <c r="K35" s="280">
        <v>38</v>
      </c>
      <c r="L35" s="277">
        <v>398</v>
      </c>
      <c r="M35" s="282">
        <v>398</v>
      </c>
      <c r="N35" s="280">
        <v>0</v>
      </c>
      <c r="O35" s="280">
        <v>0</v>
      </c>
      <c r="P35" s="277">
        <v>0</v>
      </c>
      <c r="Q35" s="279">
        <v>0</v>
      </c>
      <c r="R35" s="280">
        <v>0</v>
      </c>
      <c r="S35" s="280">
        <v>0</v>
      </c>
      <c r="T35" s="280">
        <v>16</v>
      </c>
      <c r="U35" s="280">
        <v>0</v>
      </c>
      <c r="V35" s="280">
        <v>0</v>
      </c>
      <c r="W35" s="277">
        <v>16</v>
      </c>
      <c r="X35" s="282">
        <v>16</v>
      </c>
    </row>
    <row r="36" spans="2:24" ht="21" customHeight="1" x14ac:dyDescent="0.2">
      <c r="B36" s="256" t="s">
        <v>34</v>
      </c>
      <c r="C36" s="280">
        <v>0</v>
      </c>
      <c r="D36" s="280">
        <v>0</v>
      </c>
      <c r="E36" s="277">
        <v>0</v>
      </c>
      <c r="F36" s="279">
        <v>0</v>
      </c>
      <c r="G36" s="280">
        <v>127</v>
      </c>
      <c r="H36" s="280">
        <v>39</v>
      </c>
      <c r="I36" s="280">
        <v>28</v>
      </c>
      <c r="J36" s="280">
        <v>11</v>
      </c>
      <c r="K36" s="280">
        <v>2</v>
      </c>
      <c r="L36" s="277">
        <v>207</v>
      </c>
      <c r="M36" s="282">
        <v>207</v>
      </c>
      <c r="N36" s="280">
        <v>0</v>
      </c>
      <c r="O36" s="280">
        <v>0</v>
      </c>
      <c r="P36" s="277">
        <v>0</v>
      </c>
      <c r="Q36" s="279">
        <v>0</v>
      </c>
      <c r="R36" s="280">
        <v>0</v>
      </c>
      <c r="S36" s="280">
        <v>0</v>
      </c>
      <c r="T36" s="280">
        <v>0</v>
      </c>
      <c r="U36" s="280">
        <v>0</v>
      </c>
      <c r="V36" s="280">
        <v>6</v>
      </c>
      <c r="W36" s="277">
        <v>6</v>
      </c>
      <c r="X36" s="282">
        <v>6</v>
      </c>
    </row>
    <row r="37" spans="2:24" ht="21" customHeight="1" x14ac:dyDescent="0.2">
      <c r="B37" s="256" t="s">
        <v>35</v>
      </c>
      <c r="C37" s="280">
        <v>0</v>
      </c>
      <c r="D37" s="280">
        <v>0</v>
      </c>
      <c r="E37" s="277">
        <v>0</v>
      </c>
      <c r="F37" s="279">
        <v>0</v>
      </c>
      <c r="G37" s="280">
        <v>145</v>
      </c>
      <c r="H37" s="280">
        <v>204</v>
      </c>
      <c r="I37" s="280">
        <v>132</v>
      </c>
      <c r="J37" s="280">
        <v>137</v>
      </c>
      <c r="K37" s="280">
        <v>76</v>
      </c>
      <c r="L37" s="277">
        <v>694</v>
      </c>
      <c r="M37" s="282">
        <v>694</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04</v>
      </c>
      <c r="H38" s="280">
        <v>411</v>
      </c>
      <c r="I38" s="280">
        <v>363</v>
      </c>
      <c r="J38" s="280">
        <v>205</v>
      </c>
      <c r="K38" s="280">
        <v>154</v>
      </c>
      <c r="L38" s="277">
        <v>1537</v>
      </c>
      <c r="M38" s="282">
        <v>1537</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82</v>
      </c>
      <c r="H39" s="287">
        <v>54</v>
      </c>
      <c r="I39" s="287">
        <v>88</v>
      </c>
      <c r="J39" s="287">
        <v>0</v>
      </c>
      <c r="K39" s="287">
        <v>22</v>
      </c>
      <c r="L39" s="284">
        <v>246</v>
      </c>
      <c r="M39" s="289">
        <v>246</v>
      </c>
      <c r="N39" s="287">
        <v>0</v>
      </c>
      <c r="O39" s="287">
        <v>0</v>
      </c>
      <c r="P39" s="284">
        <v>0</v>
      </c>
      <c r="Q39" s="286">
        <v>0</v>
      </c>
      <c r="R39" s="287">
        <v>4</v>
      </c>
      <c r="S39" s="287">
        <v>0</v>
      </c>
      <c r="T39" s="287">
        <v>0</v>
      </c>
      <c r="U39" s="287">
        <v>24</v>
      </c>
      <c r="V39" s="287">
        <v>17</v>
      </c>
      <c r="W39" s="284">
        <v>45</v>
      </c>
      <c r="X39" s="289">
        <v>45</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6">
        <f>第１表!F2</f>
        <v>5</v>
      </c>
      <c r="I1" s="526"/>
      <c r="J1" s="248">
        <f>第１表!G2</f>
        <v>3</v>
      </c>
      <c r="K1" s="530">
        <f>IF(J1&lt;3,J1+12-2,J1-2)</f>
        <v>1</v>
      </c>
      <c r="L1" s="530"/>
    </row>
    <row r="2" spans="2:24" ht="24" customHeight="1" thickBot="1" x14ac:dyDescent="0.25">
      <c r="B2" s="290" t="s">
        <v>135</v>
      </c>
    </row>
    <row r="3" spans="2:24" ht="21" customHeight="1" x14ac:dyDescent="0.2">
      <c r="B3" s="542"/>
      <c r="C3" s="538" t="s">
        <v>143</v>
      </c>
      <c r="D3" s="538"/>
      <c r="E3" s="538"/>
      <c r="F3" s="538"/>
      <c r="G3" s="538"/>
      <c r="H3" s="538"/>
      <c r="I3" s="538"/>
      <c r="J3" s="538"/>
      <c r="K3" s="538"/>
      <c r="L3" s="538"/>
      <c r="M3" s="568"/>
      <c r="N3" s="538" t="s">
        <v>113</v>
      </c>
      <c r="O3" s="538"/>
      <c r="P3" s="538"/>
      <c r="Q3" s="538"/>
      <c r="R3" s="538"/>
      <c r="S3" s="538"/>
      <c r="T3" s="538"/>
      <c r="U3" s="538"/>
      <c r="V3" s="538"/>
      <c r="W3" s="538"/>
      <c r="X3" s="568"/>
    </row>
    <row r="4" spans="2:24" ht="21" customHeight="1" x14ac:dyDescent="0.2">
      <c r="B4" s="566"/>
      <c r="C4" s="569" t="s">
        <v>61</v>
      </c>
      <c r="D4" s="569"/>
      <c r="E4" s="570"/>
      <c r="F4" s="571" t="s">
        <v>62</v>
      </c>
      <c r="G4" s="569"/>
      <c r="H4" s="569"/>
      <c r="I4" s="569"/>
      <c r="J4" s="569"/>
      <c r="K4" s="569"/>
      <c r="L4" s="572"/>
      <c r="M4" s="573" t="s">
        <v>52</v>
      </c>
      <c r="N4" s="569" t="s">
        <v>61</v>
      </c>
      <c r="O4" s="569"/>
      <c r="P4" s="570"/>
      <c r="Q4" s="571" t="s">
        <v>62</v>
      </c>
      <c r="R4" s="569"/>
      <c r="S4" s="569"/>
      <c r="T4" s="569"/>
      <c r="U4" s="569"/>
      <c r="V4" s="569"/>
      <c r="W4" s="572"/>
      <c r="X4" s="573" t="s">
        <v>52</v>
      </c>
    </row>
    <row r="5" spans="2:24" ht="30" customHeight="1" thickBot="1" x14ac:dyDescent="0.25">
      <c r="B5" s="567"/>
      <c r="C5" s="259" t="s">
        <v>43</v>
      </c>
      <c r="D5" s="259" t="s">
        <v>44</v>
      </c>
      <c r="E5" s="265" t="s">
        <v>45</v>
      </c>
      <c r="F5" s="267" t="s">
        <v>83</v>
      </c>
      <c r="G5" s="259" t="s">
        <v>47</v>
      </c>
      <c r="H5" s="259" t="s">
        <v>48</v>
      </c>
      <c r="I5" s="259" t="s">
        <v>49</v>
      </c>
      <c r="J5" s="259" t="s">
        <v>50</v>
      </c>
      <c r="K5" s="259" t="s">
        <v>51</v>
      </c>
      <c r="L5" s="265" t="s">
        <v>45</v>
      </c>
      <c r="M5" s="541"/>
      <c r="N5" s="259" t="s">
        <v>43</v>
      </c>
      <c r="O5" s="259" t="s">
        <v>44</v>
      </c>
      <c r="P5" s="265" t="s">
        <v>45</v>
      </c>
      <c r="Q5" s="267" t="s">
        <v>83</v>
      </c>
      <c r="R5" s="259" t="s">
        <v>47</v>
      </c>
      <c r="S5" s="259" t="s">
        <v>48</v>
      </c>
      <c r="T5" s="259" t="s">
        <v>49</v>
      </c>
      <c r="U5" s="259" t="s">
        <v>50</v>
      </c>
      <c r="V5" s="259" t="s">
        <v>51</v>
      </c>
      <c r="W5" s="265" t="s">
        <v>45</v>
      </c>
      <c r="X5" s="541"/>
    </row>
    <row r="6" spans="2:24" ht="21" customHeight="1" x14ac:dyDescent="0.2">
      <c r="B6" s="258" t="s">
        <v>4</v>
      </c>
      <c r="C6" s="273">
        <v>0</v>
      </c>
      <c r="D6" s="273">
        <v>0</v>
      </c>
      <c r="E6" s="270">
        <v>0</v>
      </c>
      <c r="F6" s="272">
        <v>0</v>
      </c>
      <c r="G6" s="273">
        <v>6231</v>
      </c>
      <c r="H6" s="273">
        <v>5115</v>
      </c>
      <c r="I6" s="273">
        <v>3071</v>
      </c>
      <c r="J6" s="273">
        <v>1318</v>
      </c>
      <c r="K6" s="273">
        <v>537</v>
      </c>
      <c r="L6" s="270">
        <v>16272</v>
      </c>
      <c r="M6" s="275">
        <v>16272</v>
      </c>
      <c r="N6" s="273">
        <v>4</v>
      </c>
      <c r="O6" s="273">
        <v>0</v>
      </c>
      <c r="P6" s="270">
        <v>4</v>
      </c>
      <c r="Q6" s="272">
        <v>0</v>
      </c>
      <c r="R6" s="273">
        <v>560</v>
      </c>
      <c r="S6" s="273">
        <v>602</v>
      </c>
      <c r="T6" s="273">
        <v>809</v>
      </c>
      <c r="U6" s="273">
        <v>310</v>
      </c>
      <c r="V6" s="273">
        <v>164</v>
      </c>
      <c r="W6" s="270">
        <v>2445</v>
      </c>
      <c r="X6" s="275">
        <v>2449</v>
      </c>
    </row>
    <row r="7" spans="2:24" ht="21" customHeight="1" x14ac:dyDescent="0.2">
      <c r="B7" s="256" t="s">
        <v>5</v>
      </c>
      <c r="C7" s="280">
        <v>0</v>
      </c>
      <c r="D7" s="280">
        <v>0</v>
      </c>
      <c r="E7" s="277">
        <v>0</v>
      </c>
      <c r="F7" s="279">
        <v>0</v>
      </c>
      <c r="G7" s="280">
        <v>2400</v>
      </c>
      <c r="H7" s="280">
        <v>2504</v>
      </c>
      <c r="I7" s="280">
        <v>1455</v>
      </c>
      <c r="J7" s="280">
        <v>745</v>
      </c>
      <c r="K7" s="280">
        <v>261</v>
      </c>
      <c r="L7" s="277">
        <v>7365</v>
      </c>
      <c r="M7" s="282">
        <v>7365</v>
      </c>
      <c r="N7" s="280">
        <v>0</v>
      </c>
      <c r="O7" s="280">
        <v>0</v>
      </c>
      <c r="P7" s="277">
        <v>0</v>
      </c>
      <c r="Q7" s="279">
        <v>0</v>
      </c>
      <c r="R7" s="280">
        <v>264</v>
      </c>
      <c r="S7" s="280">
        <v>293</v>
      </c>
      <c r="T7" s="280">
        <v>523</v>
      </c>
      <c r="U7" s="280">
        <v>177</v>
      </c>
      <c r="V7" s="280">
        <v>79</v>
      </c>
      <c r="W7" s="277">
        <v>1336</v>
      </c>
      <c r="X7" s="282">
        <v>1336</v>
      </c>
    </row>
    <row r="8" spans="2:24" ht="21" customHeight="1" x14ac:dyDescent="0.2">
      <c r="B8" s="256" t="s">
        <v>6</v>
      </c>
      <c r="C8" s="280">
        <v>0</v>
      </c>
      <c r="D8" s="280">
        <v>0</v>
      </c>
      <c r="E8" s="277">
        <v>0</v>
      </c>
      <c r="F8" s="279">
        <v>0</v>
      </c>
      <c r="G8" s="280">
        <v>654</v>
      </c>
      <c r="H8" s="280">
        <v>403</v>
      </c>
      <c r="I8" s="280">
        <v>277</v>
      </c>
      <c r="J8" s="280">
        <v>189</v>
      </c>
      <c r="K8" s="280">
        <v>24</v>
      </c>
      <c r="L8" s="277">
        <v>1547</v>
      </c>
      <c r="M8" s="282">
        <v>1547</v>
      </c>
      <c r="N8" s="280">
        <v>0</v>
      </c>
      <c r="O8" s="280">
        <v>0</v>
      </c>
      <c r="P8" s="277">
        <v>0</v>
      </c>
      <c r="Q8" s="279">
        <v>0</v>
      </c>
      <c r="R8" s="280">
        <v>122</v>
      </c>
      <c r="S8" s="280">
        <v>72</v>
      </c>
      <c r="T8" s="280">
        <v>71</v>
      </c>
      <c r="U8" s="280">
        <v>45</v>
      </c>
      <c r="V8" s="280">
        <v>44</v>
      </c>
      <c r="W8" s="277">
        <v>354</v>
      </c>
      <c r="X8" s="282">
        <v>354</v>
      </c>
    </row>
    <row r="9" spans="2:24" ht="21" customHeight="1" x14ac:dyDescent="0.2">
      <c r="B9" s="256" t="s">
        <v>14</v>
      </c>
      <c r="C9" s="280">
        <v>0</v>
      </c>
      <c r="D9" s="280">
        <v>0</v>
      </c>
      <c r="E9" s="277">
        <v>0</v>
      </c>
      <c r="F9" s="279">
        <v>0</v>
      </c>
      <c r="G9" s="280">
        <v>511</v>
      </c>
      <c r="H9" s="280">
        <v>492</v>
      </c>
      <c r="I9" s="280">
        <v>360</v>
      </c>
      <c r="J9" s="280">
        <v>59</v>
      </c>
      <c r="K9" s="280">
        <v>66</v>
      </c>
      <c r="L9" s="277">
        <v>1488</v>
      </c>
      <c r="M9" s="282">
        <v>1488</v>
      </c>
      <c r="N9" s="280">
        <v>0</v>
      </c>
      <c r="O9" s="280">
        <v>0</v>
      </c>
      <c r="P9" s="277">
        <v>0</v>
      </c>
      <c r="Q9" s="279">
        <v>0</v>
      </c>
      <c r="R9" s="280">
        <v>12</v>
      </c>
      <c r="S9" s="280">
        <v>45</v>
      </c>
      <c r="T9" s="280">
        <v>9</v>
      </c>
      <c r="U9" s="280">
        <v>0</v>
      </c>
      <c r="V9" s="280">
        <v>0</v>
      </c>
      <c r="W9" s="277">
        <v>66</v>
      </c>
      <c r="X9" s="282">
        <v>66</v>
      </c>
    </row>
    <row r="10" spans="2:24" ht="21" customHeight="1" x14ac:dyDescent="0.2">
      <c r="B10" s="256" t="s">
        <v>7</v>
      </c>
      <c r="C10" s="280">
        <v>0</v>
      </c>
      <c r="D10" s="280">
        <v>0</v>
      </c>
      <c r="E10" s="277">
        <v>0</v>
      </c>
      <c r="F10" s="279">
        <v>0</v>
      </c>
      <c r="G10" s="280">
        <v>643</v>
      </c>
      <c r="H10" s="280">
        <v>283</v>
      </c>
      <c r="I10" s="280">
        <v>176</v>
      </c>
      <c r="J10" s="280">
        <v>35</v>
      </c>
      <c r="K10" s="280">
        <v>12</v>
      </c>
      <c r="L10" s="277">
        <v>1149</v>
      </c>
      <c r="M10" s="282">
        <v>1149</v>
      </c>
      <c r="N10" s="280">
        <v>0</v>
      </c>
      <c r="O10" s="280">
        <v>0</v>
      </c>
      <c r="P10" s="277">
        <v>0</v>
      </c>
      <c r="Q10" s="279">
        <v>0</v>
      </c>
      <c r="R10" s="280">
        <v>74</v>
      </c>
      <c r="S10" s="280">
        <v>102</v>
      </c>
      <c r="T10" s="280">
        <v>50</v>
      </c>
      <c r="U10" s="280">
        <v>21</v>
      </c>
      <c r="V10" s="280">
        <v>12</v>
      </c>
      <c r="W10" s="277">
        <v>259</v>
      </c>
      <c r="X10" s="282">
        <v>259</v>
      </c>
    </row>
    <row r="11" spans="2:24" ht="21" customHeight="1" x14ac:dyDescent="0.2">
      <c r="B11" s="256" t="s">
        <v>8</v>
      </c>
      <c r="C11" s="280">
        <v>0</v>
      </c>
      <c r="D11" s="280">
        <v>0</v>
      </c>
      <c r="E11" s="277">
        <v>0</v>
      </c>
      <c r="F11" s="279">
        <v>0</v>
      </c>
      <c r="G11" s="280">
        <v>256</v>
      </c>
      <c r="H11" s="280">
        <v>229</v>
      </c>
      <c r="I11" s="280">
        <v>135</v>
      </c>
      <c r="J11" s="280">
        <v>27</v>
      </c>
      <c r="K11" s="280">
        <v>10</v>
      </c>
      <c r="L11" s="277">
        <v>657</v>
      </c>
      <c r="M11" s="282">
        <v>657</v>
      </c>
      <c r="N11" s="280">
        <v>0</v>
      </c>
      <c r="O11" s="280">
        <v>0</v>
      </c>
      <c r="P11" s="277">
        <v>0</v>
      </c>
      <c r="Q11" s="279">
        <v>0</v>
      </c>
      <c r="R11" s="280">
        <v>2</v>
      </c>
      <c r="S11" s="280">
        <v>0</v>
      </c>
      <c r="T11" s="280">
        <v>0</v>
      </c>
      <c r="U11" s="280">
        <v>0</v>
      </c>
      <c r="V11" s="280">
        <v>5</v>
      </c>
      <c r="W11" s="277">
        <v>7</v>
      </c>
      <c r="X11" s="282">
        <v>7</v>
      </c>
    </row>
    <row r="12" spans="2:24" ht="21" customHeight="1" x14ac:dyDescent="0.2">
      <c r="B12" s="256" t="s">
        <v>9</v>
      </c>
      <c r="C12" s="280">
        <v>0</v>
      </c>
      <c r="D12" s="280">
        <v>0</v>
      </c>
      <c r="E12" s="277">
        <v>0</v>
      </c>
      <c r="F12" s="279">
        <v>0</v>
      </c>
      <c r="G12" s="280">
        <v>354</v>
      </c>
      <c r="H12" s="280">
        <v>134</v>
      </c>
      <c r="I12" s="280">
        <v>160</v>
      </c>
      <c r="J12" s="280">
        <v>46</v>
      </c>
      <c r="K12" s="280">
        <v>29</v>
      </c>
      <c r="L12" s="277">
        <v>723</v>
      </c>
      <c r="M12" s="282">
        <v>723</v>
      </c>
      <c r="N12" s="280">
        <v>0</v>
      </c>
      <c r="O12" s="280">
        <v>0</v>
      </c>
      <c r="P12" s="277">
        <v>0</v>
      </c>
      <c r="Q12" s="279">
        <v>0</v>
      </c>
      <c r="R12" s="280">
        <v>0</v>
      </c>
      <c r="S12" s="280">
        <v>5</v>
      </c>
      <c r="T12" s="280">
        <v>10</v>
      </c>
      <c r="U12" s="280">
        <v>4</v>
      </c>
      <c r="V12" s="280">
        <v>0</v>
      </c>
      <c r="W12" s="277">
        <v>19</v>
      </c>
      <c r="X12" s="282">
        <v>19</v>
      </c>
    </row>
    <row r="13" spans="2:24" ht="21" customHeight="1" x14ac:dyDescent="0.2">
      <c r="B13" s="256" t="s">
        <v>10</v>
      </c>
      <c r="C13" s="280">
        <v>0</v>
      </c>
      <c r="D13" s="280">
        <v>0</v>
      </c>
      <c r="E13" s="277">
        <v>0</v>
      </c>
      <c r="F13" s="279">
        <v>0</v>
      </c>
      <c r="G13" s="280">
        <v>319</v>
      </c>
      <c r="H13" s="280">
        <v>220</v>
      </c>
      <c r="I13" s="280">
        <v>51</v>
      </c>
      <c r="J13" s="280">
        <v>39</v>
      </c>
      <c r="K13" s="280">
        <v>2</v>
      </c>
      <c r="L13" s="277">
        <v>631</v>
      </c>
      <c r="M13" s="282">
        <v>631</v>
      </c>
      <c r="N13" s="280">
        <v>0</v>
      </c>
      <c r="O13" s="280">
        <v>0</v>
      </c>
      <c r="P13" s="277">
        <v>0</v>
      </c>
      <c r="Q13" s="279">
        <v>0</v>
      </c>
      <c r="R13" s="280">
        <v>25</v>
      </c>
      <c r="S13" s="280">
        <v>0</v>
      </c>
      <c r="T13" s="280">
        <v>19</v>
      </c>
      <c r="U13" s="280">
        <v>12</v>
      </c>
      <c r="V13" s="280">
        <v>16</v>
      </c>
      <c r="W13" s="277">
        <v>72</v>
      </c>
      <c r="X13" s="282">
        <v>72</v>
      </c>
    </row>
    <row r="14" spans="2:24" ht="21" customHeight="1" x14ac:dyDescent="0.2">
      <c r="B14" s="256" t="s">
        <v>11</v>
      </c>
      <c r="C14" s="280">
        <v>0</v>
      </c>
      <c r="D14" s="280">
        <v>0</v>
      </c>
      <c r="E14" s="277">
        <v>0</v>
      </c>
      <c r="F14" s="279">
        <v>0</v>
      </c>
      <c r="G14" s="280">
        <v>122</v>
      </c>
      <c r="H14" s="280">
        <v>51</v>
      </c>
      <c r="I14" s="280">
        <v>32</v>
      </c>
      <c r="J14" s="280">
        <v>14</v>
      </c>
      <c r="K14" s="280">
        <v>42</v>
      </c>
      <c r="L14" s="277">
        <v>261</v>
      </c>
      <c r="M14" s="282">
        <v>261</v>
      </c>
      <c r="N14" s="280">
        <v>0</v>
      </c>
      <c r="O14" s="280">
        <v>0</v>
      </c>
      <c r="P14" s="277">
        <v>0</v>
      </c>
      <c r="Q14" s="279">
        <v>0</v>
      </c>
      <c r="R14" s="280">
        <v>0</v>
      </c>
      <c r="S14" s="280">
        <v>21</v>
      </c>
      <c r="T14" s="280">
        <v>16</v>
      </c>
      <c r="U14" s="280">
        <v>0</v>
      </c>
      <c r="V14" s="280">
        <v>0</v>
      </c>
      <c r="W14" s="277">
        <v>37</v>
      </c>
      <c r="X14" s="282">
        <v>37</v>
      </c>
    </row>
    <row r="15" spans="2:24" ht="21" customHeight="1" x14ac:dyDescent="0.2">
      <c r="B15" s="256" t="s">
        <v>12</v>
      </c>
      <c r="C15" s="280">
        <v>0</v>
      </c>
      <c r="D15" s="280">
        <v>0</v>
      </c>
      <c r="E15" s="277">
        <v>0</v>
      </c>
      <c r="F15" s="279">
        <v>0</v>
      </c>
      <c r="G15" s="280">
        <v>216</v>
      </c>
      <c r="H15" s="280">
        <v>125</v>
      </c>
      <c r="I15" s="280">
        <v>93</v>
      </c>
      <c r="J15" s="280">
        <v>47</v>
      </c>
      <c r="K15" s="280">
        <v>32</v>
      </c>
      <c r="L15" s="277">
        <v>513</v>
      </c>
      <c r="M15" s="282">
        <v>513</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67</v>
      </c>
      <c r="H16" s="280">
        <v>62</v>
      </c>
      <c r="I16" s="280">
        <v>45</v>
      </c>
      <c r="J16" s="280">
        <v>12</v>
      </c>
      <c r="K16" s="280">
        <v>16</v>
      </c>
      <c r="L16" s="277">
        <v>202</v>
      </c>
      <c r="M16" s="282">
        <v>202</v>
      </c>
      <c r="N16" s="280">
        <v>0</v>
      </c>
      <c r="O16" s="280">
        <v>0</v>
      </c>
      <c r="P16" s="277">
        <v>0</v>
      </c>
      <c r="Q16" s="279">
        <v>0</v>
      </c>
      <c r="R16" s="280">
        <v>0</v>
      </c>
      <c r="S16" s="280">
        <v>18</v>
      </c>
      <c r="T16" s="280">
        <v>13</v>
      </c>
      <c r="U16" s="280">
        <v>2</v>
      </c>
      <c r="V16" s="280">
        <v>4</v>
      </c>
      <c r="W16" s="277">
        <v>37</v>
      </c>
      <c r="X16" s="282">
        <v>37</v>
      </c>
    </row>
    <row r="17" spans="2:24" ht="21" customHeight="1" x14ac:dyDescent="0.2">
      <c r="B17" s="256" t="s">
        <v>15</v>
      </c>
      <c r="C17" s="280">
        <v>0</v>
      </c>
      <c r="D17" s="280">
        <v>0</v>
      </c>
      <c r="E17" s="277">
        <v>0</v>
      </c>
      <c r="F17" s="279">
        <v>0</v>
      </c>
      <c r="G17" s="280">
        <v>25</v>
      </c>
      <c r="H17" s="280">
        <v>76</v>
      </c>
      <c r="I17" s="280">
        <v>12</v>
      </c>
      <c r="J17" s="280">
        <v>15</v>
      </c>
      <c r="K17" s="280">
        <v>0</v>
      </c>
      <c r="L17" s="277">
        <v>128</v>
      </c>
      <c r="M17" s="282">
        <v>128</v>
      </c>
      <c r="N17" s="280">
        <v>0</v>
      </c>
      <c r="O17" s="280">
        <v>0</v>
      </c>
      <c r="P17" s="277">
        <v>0</v>
      </c>
      <c r="Q17" s="279">
        <v>0</v>
      </c>
      <c r="R17" s="280">
        <v>0</v>
      </c>
      <c r="S17" s="280">
        <v>0</v>
      </c>
      <c r="T17" s="280">
        <v>0</v>
      </c>
      <c r="U17" s="280">
        <v>14</v>
      </c>
      <c r="V17" s="280">
        <v>0</v>
      </c>
      <c r="W17" s="277">
        <v>14</v>
      </c>
      <c r="X17" s="282">
        <v>14</v>
      </c>
    </row>
    <row r="18" spans="2:24" ht="21" customHeight="1" x14ac:dyDescent="0.2">
      <c r="B18" s="256" t="s">
        <v>16</v>
      </c>
      <c r="C18" s="280">
        <v>0</v>
      </c>
      <c r="D18" s="280">
        <v>0</v>
      </c>
      <c r="E18" s="277">
        <v>0</v>
      </c>
      <c r="F18" s="279">
        <v>0</v>
      </c>
      <c r="G18" s="280">
        <v>60</v>
      </c>
      <c r="H18" s="280">
        <v>73</v>
      </c>
      <c r="I18" s="280">
        <v>45</v>
      </c>
      <c r="J18" s="280">
        <v>4</v>
      </c>
      <c r="K18" s="280">
        <v>0</v>
      </c>
      <c r="L18" s="277">
        <v>182</v>
      </c>
      <c r="M18" s="282">
        <v>182</v>
      </c>
      <c r="N18" s="280">
        <v>0</v>
      </c>
      <c r="O18" s="280">
        <v>0</v>
      </c>
      <c r="P18" s="277">
        <v>0</v>
      </c>
      <c r="Q18" s="279">
        <v>0</v>
      </c>
      <c r="R18" s="280">
        <v>0</v>
      </c>
      <c r="S18" s="280">
        <v>0</v>
      </c>
      <c r="T18" s="280">
        <v>8</v>
      </c>
      <c r="U18" s="280">
        <v>0</v>
      </c>
      <c r="V18" s="280">
        <v>0</v>
      </c>
      <c r="W18" s="277">
        <v>8</v>
      </c>
      <c r="X18" s="282">
        <v>8</v>
      </c>
    </row>
    <row r="19" spans="2:24" ht="21" customHeight="1" x14ac:dyDescent="0.2">
      <c r="B19" s="256" t="s">
        <v>17</v>
      </c>
      <c r="C19" s="280">
        <v>0</v>
      </c>
      <c r="D19" s="280">
        <v>0</v>
      </c>
      <c r="E19" s="277">
        <v>0</v>
      </c>
      <c r="F19" s="279">
        <v>0</v>
      </c>
      <c r="G19" s="280">
        <v>92</v>
      </c>
      <c r="H19" s="280">
        <v>107</v>
      </c>
      <c r="I19" s="280">
        <v>99</v>
      </c>
      <c r="J19" s="280">
        <v>16</v>
      </c>
      <c r="K19" s="280">
        <v>37</v>
      </c>
      <c r="L19" s="277">
        <v>351</v>
      </c>
      <c r="M19" s="282">
        <v>351</v>
      </c>
      <c r="N19" s="280">
        <v>0</v>
      </c>
      <c r="O19" s="280">
        <v>0</v>
      </c>
      <c r="P19" s="277">
        <v>0</v>
      </c>
      <c r="Q19" s="279">
        <v>0</v>
      </c>
      <c r="R19" s="280">
        <v>24</v>
      </c>
      <c r="S19" s="280">
        <v>7</v>
      </c>
      <c r="T19" s="280">
        <v>8</v>
      </c>
      <c r="U19" s="280">
        <v>0</v>
      </c>
      <c r="V19" s="280">
        <v>0</v>
      </c>
      <c r="W19" s="277">
        <v>39</v>
      </c>
      <c r="X19" s="282">
        <v>39</v>
      </c>
    </row>
    <row r="20" spans="2:24" ht="21" customHeight="1" x14ac:dyDescent="0.2">
      <c r="B20" s="256" t="s">
        <v>18</v>
      </c>
      <c r="C20" s="280">
        <v>0</v>
      </c>
      <c r="D20" s="280">
        <v>0</v>
      </c>
      <c r="E20" s="277">
        <v>0</v>
      </c>
      <c r="F20" s="279">
        <v>0</v>
      </c>
      <c r="G20" s="280">
        <v>111</v>
      </c>
      <c r="H20" s="280">
        <v>102</v>
      </c>
      <c r="I20" s="280">
        <v>11</v>
      </c>
      <c r="J20" s="280">
        <v>21</v>
      </c>
      <c r="K20" s="280">
        <v>0</v>
      </c>
      <c r="L20" s="277">
        <v>245</v>
      </c>
      <c r="M20" s="282">
        <v>245</v>
      </c>
      <c r="N20" s="280">
        <v>0</v>
      </c>
      <c r="O20" s="280">
        <v>0</v>
      </c>
      <c r="P20" s="277">
        <v>0</v>
      </c>
      <c r="Q20" s="279">
        <v>0</v>
      </c>
      <c r="R20" s="280">
        <v>16</v>
      </c>
      <c r="S20" s="280">
        <v>0</v>
      </c>
      <c r="T20" s="280">
        <v>54</v>
      </c>
      <c r="U20" s="280">
        <v>2</v>
      </c>
      <c r="V20" s="280">
        <v>4</v>
      </c>
      <c r="W20" s="277">
        <v>76</v>
      </c>
      <c r="X20" s="282">
        <v>76</v>
      </c>
    </row>
    <row r="21" spans="2:24" ht="21" customHeight="1" x14ac:dyDescent="0.2">
      <c r="B21" s="256" t="s">
        <v>19</v>
      </c>
      <c r="C21" s="280">
        <v>0</v>
      </c>
      <c r="D21" s="280">
        <v>0</v>
      </c>
      <c r="E21" s="277">
        <v>0</v>
      </c>
      <c r="F21" s="279">
        <v>0</v>
      </c>
      <c r="G21" s="280">
        <v>11</v>
      </c>
      <c r="H21" s="280">
        <v>42</v>
      </c>
      <c r="I21" s="280">
        <v>0</v>
      </c>
      <c r="J21" s="280">
        <v>8</v>
      </c>
      <c r="K21" s="280">
        <v>3</v>
      </c>
      <c r="L21" s="277">
        <v>64</v>
      </c>
      <c r="M21" s="282">
        <v>64</v>
      </c>
      <c r="N21" s="280">
        <v>0</v>
      </c>
      <c r="O21" s="280">
        <v>0</v>
      </c>
      <c r="P21" s="277">
        <v>0</v>
      </c>
      <c r="Q21" s="279">
        <v>0</v>
      </c>
      <c r="R21" s="280">
        <v>6</v>
      </c>
      <c r="S21" s="280">
        <v>29</v>
      </c>
      <c r="T21" s="280">
        <v>0</v>
      </c>
      <c r="U21" s="280">
        <v>0</v>
      </c>
      <c r="V21" s="280">
        <v>0</v>
      </c>
      <c r="W21" s="277">
        <v>35</v>
      </c>
      <c r="X21" s="282">
        <v>35</v>
      </c>
    </row>
    <row r="22" spans="2:24" ht="21" customHeight="1" x14ac:dyDescent="0.2">
      <c r="B22" s="256" t="s">
        <v>20</v>
      </c>
      <c r="C22" s="280">
        <v>0</v>
      </c>
      <c r="D22" s="280">
        <v>0</v>
      </c>
      <c r="E22" s="277">
        <v>0</v>
      </c>
      <c r="F22" s="279">
        <v>0</v>
      </c>
      <c r="G22" s="280">
        <v>89</v>
      </c>
      <c r="H22" s="280">
        <v>48</v>
      </c>
      <c r="I22" s="280">
        <v>47</v>
      </c>
      <c r="J22" s="280">
        <v>18</v>
      </c>
      <c r="K22" s="280">
        <v>0</v>
      </c>
      <c r="L22" s="277">
        <v>202</v>
      </c>
      <c r="M22" s="282">
        <v>202</v>
      </c>
      <c r="N22" s="280">
        <v>0</v>
      </c>
      <c r="O22" s="280">
        <v>0</v>
      </c>
      <c r="P22" s="277">
        <v>0</v>
      </c>
      <c r="Q22" s="279">
        <v>0</v>
      </c>
      <c r="R22" s="280">
        <v>0</v>
      </c>
      <c r="S22" s="280">
        <v>0</v>
      </c>
      <c r="T22" s="280">
        <v>0</v>
      </c>
      <c r="U22" s="280">
        <v>0</v>
      </c>
      <c r="V22" s="280">
        <v>0</v>
      </c>
      <c r="W22" s="277">
        <v>0</v>
      </c>
      <c r="X22" s="282">
        <v>0</v>
      </c>
    </row>
    <row r="23" spans="2:24" ht="21" customHeight="1" x14ac:dyDescent="0.2">
      <c r="B23" s="256" t="s">
        <v>21</v>
      </c>
      <c r="C23" s="280">
        <v>0</v>
      </c>
      <c r="D23" s="280">
        <v>0</v>
      </c>
      <c r="E23" s="277">
        <v>0</v>
      </c>
      <c r="F23" s="279">
        <v>0</v>
      </c>
      <c r="G23" s="280">
        <v>56</v>
      </c>
      <c r="H23" s="280">
        <v>52</v>
      </c>
      <c r="I23" s="280">
        <v>11</v>
      </c>
      <c r="J23" s="280">
        <v>11</v>
      </c>
      <c r="K23" s="280">
        <v>0</v>
      </c>
      <c r="L23" s="277">
        <v>130</v>
      </c>
      <c r="M23" s="282">
        <v>130</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29</v>
      </c>
      <c r="H24" s="280">
        <v>20</v>
      </c>
      <c r="I24" s="280">
        <v>3</v>
      </c>
      <c r="J24" s="280">
        <v>11</v>
      </c>
      <c r="K24" s="280">
        <v>0</v>
      </c>
      <c r="L24" s="277">
        <v>63</v>
      </c>
      <c r="M24" s="282">
        <v>63</v>
      </c>
      <c r="N24" s="280">
        <v>0</v>
      </c>
      <c r="O24" s="280">
        <v>0</v>
      </c>
      <c r="P24" s="277">
        <v>0</v>
      </c>
      <c r="Q24" s="279">
        <v>0</v>
      </c>
      <c r="R24" s="280">
        <v>0</v>
      </c>
      <c r="S24" s="280">
        <v>0</v>
      </c>
      <c r="T24" s="280">
        <v>0</v>
      </c>
      <c r="U24" s="280">
        <v>12</v>
      </c>
      <c r="V24" s="280">
        <v>0</v>
      </c>
      <c r="W24" s="277">
        <v>12</v>
      </c>
      <c r="X24" s="282">
        <v>12</v>
      </c>
    </row>
    <row r="25" spans="2:24" ht="21" customHeight="1" x14ac:dyDescent="0.2">
      <c r="B25" s="256" t="s">
        <v>23</v>
      </c>
      <c r="C25" s="280">
        <v>0</v>
      </c>
      <c r="D25" s="280">
        <v>0</v>
      </c>
      <c r="E25" s="277">
        <v>0</v>
      </c>
      <c r="F25" s="279">
        <v>0</v>
      </c>
      <c r="G25" s="280">
        <v>45</v>
      </c>
      <c r="H25" s="280">
        <v>11</v>
      </c>
      <c r="I25" s="280">
        <v>6</v>
      </c>
      <c r="J25" s="280">
        <v>0</v>
      </c>
      <c r="K25" s="280">
        <v>0</v>
      </c>
      <c r="L25" s="277">
        <v>62</v>
      </c>
      <c r="M25" s="282">
        <v>62</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8</v>
      </c>
      <c r="H26" s="280">
        <v>0</v>
      </c>
      <c r="I26" s="280">
        <v>32</v>
      </c>
      <c r="J26" s="280">
        <v>0</v>
      </c>
      <c r="K26" s="280">
        <v>0</v>
      </c>
      <c r="L26" s="277">
        <v>40</v>
      </c>
      <c r="M26" s="282">
        <v>40</v>
      </c>
      <c r="N26" s="280">
        <v>0</v>
      </c>
      <c r="O26" s="280">
        <v>0</v>
      </c>
      <c r="P26" s="277">
        <v>0</v>
      </c>
      <c r="Q26" s="279">
        <v>0</v>
      </c>
      <c r="R26" s="280">
        <v>2</v>
      </c>
      <c r="S26" s="280">
        <v>0</v>
      </c>
      <c r="T26" s="280">
        <v>12</v>
      </c>
      <c r="U26" s="280">
        <v>0</v>
      </c>
      <c r="V26" s="280">
        <v>0</v>
      </c>
      <c r="W26" s="277">
        <v>14</v>
      </c>
      <c r="X26" s="282">
        <v>14</v>
      </c>
    </row>
    <row r="27" spans="2:24" ht="21" customHeight="1" x14ac:dyDescent="0.2">
      <c r="B27" s="256" t="s">
        <v>25</v>
      </c>
      <c r="C27" s="280">
        <v>0</v>
      </c>
      <c r="D27" s="280">
        <v>0</v>
      </c>
      <c r="E27" s="277">
        <v>0</v>
      </c>
      <c r="F27" s="279">
        <v>0</v>
      </c>
      <c r="G27" s="280">
        <v>20</v>
      </c>
      <c r="H27" s="280">
        <v>4</v>
      </c>
      <c r="I27" s="280">
        <v>0</v>
      </c>
      <c r="J27" s="280">
        <v>0</v>
      </c>
      <c r="K27" s="280">
        <v>0</v>
      </c>
      <c r="L27" s="277">
        <v>24</v>
      </c>
      <c r="M27" s="282">
        <v>24</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17</v>
      </c>
      <c r="H28" s="280">
        <v>25</v>
      </c>
      <c r="I28" s="280">
        <v>8</v>
      </c>
      <c r="J28" s="280">
        <v>0</v>
      </c>
      <c r="K28" s="280">
        <v>0</v>
      </c>
      <c r="L28" s="277">
        <v>50</v>
      </c>
      <c r="M28" s="282">
        <v>50</v>
      </c>
      <c r="N28" s="280">
        <v>0</v>
      </c>
      <c r="O28" s="280">
        <v>0</v>
      </c>
      <c r="P28" s="277">
        <v>0</v>
      </c>
      <c r="Q28" s="279">
        <v>0</v>
      </c>
      <c r="R28" s="280">
        <v>0</v>
      </c>
      <c r="S28" s="280">
        <v>8</v>
      </c>
      <c r="T28" s="280">
        <v>0</v>
      </c>
      <c r="U28" s="280">
        <v>0</v>
      </c>
      <c r="V28" s="280">
        <v>0</v>
      </c>
      <c r="W28" s="277">
        <v>8</v>
      </c>
      <c r="X28" s="282">
        <v>8</v>
      </c>
    </row>
    <row r="29" spans="2:24" ht="21" customHeight="1" x14ac:dyDescent="0.2">
      <c r="B29" s="256" t="s">
        <v>27</v>
      </c>
      <c r="C29" s="280">
        <v>0</v>
      </c>
      <c r="D29" s="280">
        <v>0</v>
      </c>
      <c r="E29" s="277">
        <v>0</v>
      </c>
      <c r="F29" s="279">
        <v>0</v>
      </c>
      <c r="G29" s="280">
        <v>4</v>
      </c>
      <c r="H29" s="280">
        <v>8</v>
      </c>
      <c r="I29" s="280">
        <v>0</v>
      </c>
      <c r="J29" s="280">
        <v>0</v>
      </c>
      <c r="K29" s="280">
        <v>0</v>
      </c>
      <c r="L29" s="277">
        <v>12</v>
      </c>
      <c r="M29" s="282">
        <v>12</v>
      </c>
      <c r="N29" s="280">
        <v>0</v>
      </c>
      <c r="O29" s="280">
        <v>0</v>
      </c>
      <c r="P29" s="277">
        <v>0</v>
      </c>
      <c r="Q29" s="279">
        <v>0</v>
      </c>
      <c r="R29" s="280">
        <v>13</v>
      </c>
      <c r="S29" s="280">
        <v>2</v>
      </c>
      <c r="T29" s="280">
        <v>0</v>
      </c>
      <c r="U29" s="280">
        <v>21</v>
      </c>
      <c r="V29" s="280">
        <v>0</v>
      </c>
      <c r="W29" s="277">
        <v>36</v>
      </c>
      <c r="X29" s="282">
        <v>36</v>
      </c>
    </row>
    <row r="30" spans="2:24" ht="21" customHeight="1" x14ac:dyDescent="0.2">
      <c r="B30" s="256" t="s">
        <v>28</v>
      </c>
      <c r="C30" s="280">
        <v>0</v>
      </c>
      <c r="D30" s="280">
        <v>0</v>
      </c>
      <c r="E30" s="277">
        <v>0</v>
      </c>
      <c r="F30" s="279">
        <v>0</v>
      </c>
      <c r="G30" s="280">
        <v>28</v>
      </c>
      <c r="H30" s="280">
        <v>8</v>
      </c>
      <c r="I30" s="280">
        <v>4</v>
      </c>
      <c r="J30" s="280">
        <v>0</v>
      </c>
      <c r="K30" s="280">
        <v>0</v>
      </c>
      <c r="L30" s="277">
        <v>40</v>
      </c>
      <c r="M30" s="282">
        <v>40</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30</v>
      </c>
      <c r="H31" s="280">
        <v>8</v>
      </c>
      <c r="I31" s="280">
        <v>0</v>
      </c>
      <c r="J31" s="280">
        <v>0</v>
      </c>
      <c r="K31" s="280">
        <v>0</v>
      </c>
      <c r="L31" s="277">
        <v>38</v>
      </c>
      <c r="M31" s="282">
        <v>38</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6</v>
      </c>
      <c r="H32" s="280">
        <v>0</v>
      </c>
      <c r="I32" s="280">
        <v>9</v>
      </c>
      <c r="J32" s="280">
        <v>0</v>
      </c>
      <c r="K32" s="280">
        <v>0</v>
      </c>
      <c r="L32" s="277">
        <v>15</v>
      </c>
      <c r="M32" s="282">
        <v>15</v>
      </c>
      <c r="N32" s="280">
        <v>4</v>
      </c>
      <c r="O32" s="280">
        <v>0</v>
      </c>
      <c r="P32" s="277">
        <v>4</v>
      </c>
      <c r="Q32" s="279">
        <v>0</v>
      </c>
      <c r="R32" s="280">
        <v>0</v>
      </c>
      <c r="S32" s="280">
        <v>0</v>
      </c>
      <c r="T32" s="280">
        <v>0</v>
      </c>
      <c r="U32" s="280">
        <v>0</v>
      </c>
      <c r="V32" s="280">
        <v>0</v>
      </c>
      <c r="W32" s="277">
        <v>0</v>
      </c>
      <c r="X32" s="282">
        <v>4</v>
      </c>
    </row>
    <row r="33" spans="2:24" ht="21" customHeight="1" x14ac:dyDescent="0.2">
      <c r="B33" s="256" t="s">
        <v>31</v>
      </c>
      <c r="C33" s="280">
        <v>0</v>
      </c>
      <c r="D33" s="280">
        <v>0</v>
      </c>
      <c r="E33" s="277">
        <v>0</v>
      </c>
      <c r="F33" s="279">
        <v>0</v>
      </c>
      <c r="G33" s="280">
        <v>3</v>
      </c>
      <c r="H33" s="280">
        <v>7</v>
      </c>
      <c r="I33" s="280">
        <v>0</v>
      </c>
      <c r="J33" s="280">
        <v>0</v>
      </c>
      <c r="K33" s="280">
        <v>0</v>
      </c>
      <c r="L33" s="277">
        <v>10</v>
      </c>
      <c r="M33" s="282">
        <v>10</v>
      </c>
      <c r="N33" s="280">
        <v>0</v>
      </c>
      <c r="O33" s="280">
        <v>0</v>
      </c>
      <c r="P33" s="277">
        <v>0</v>
      </c>
      <c r="Q33" s="279">
        <v>0</v>
      </c>
      <c r="R33" s="280">
        <v>0</v>
      </c>
      <c r="S33" s="280">
        <v>0</v>
      </c>
      <c r="T33" s="280">
        <v>16</v>
      </c>
      <c r="U33" s="280">
        <v>0</v>
      </c>
      <c r="V33" s="280">
        <v>0</v>
      </c>
      <c r="W33" s="277">
        <v>16</v>
      </c>
      <c r="X33" s="282">
        <v>16</v>
      </c>
    </row>
    <row r="34" spans="2:24" ht="21" customHeight="1" x14ac:dyDescent="0.2">
      <c r="B34" s="256" t="s">
        <v>32</v>
      </c>
      <c r="C34" s="280">
        <v>0</v>
      </c>
      <c r="D34" s="280">
        <v>0</v>
      </c>
      <c r="E34" s="277">
        <v>0</v>
      </c>
      <c r="F34" s="279">
        <v>0</v>
      </c>
      <c r="G34" s="280">
        <v>20</v>
      </c>
      <c r="H34" s="280">
        <v>17</v>
      </c>
      <c r="I34" s="280">
        <v>0</v>
      </c>
      <c r="J34" s="280">
        <v>0</v>
      </c>
      <c r="K34" s="280">
        <v>3</v>
      </c>
      <c r="L34" s="277">
        <v>40</v>
      </c>
      <c r="M34" s="282">
        <v>40</v>
      </c>
      <c r="N34" s="280">
        <v>0</v>
      </c>
      <c r="O34" s="280">
        <v>0</v>
      </c>
      <c r="P34" s="277">
        <v>0</v>
      </c>
      <c r="Q34" s="279">
        <v>0</v>
      </c>
      <c r="R34" s="280">
        <v>0</v>
      </c>
      <c r="S34" s="280">
        <v>0</v>
      </c>
      <c r="T34" s="280">
        <v>0</v>
      </c>
      <c r="U34" s="280">
        <v>0</v>
      </c>
      <c r="V34" s="280">
        <v>0</v>
      </c>
      <c r="W34" s="277">
        <v>0</v>
      </c>
      <c r="X34" s="282">
        <v>0</v>
      </c>
    </row>
    <row r="35" spans="2:24" ht="21" customHeight="1" x14ac:dyDescent="0.2">
      <c r="B35" s="256" t="s">
        <v>33</v>
      </c>
      <c r="C35" s="280">
        <v>0</v>
      </c>
      <c r="D35" s="280">
        <v>0</v>
      </c>
      <c r="E35" s="277">
        <v>0</v>
      </c>
      <c r="F35" s="279">
        <v>0</v>
      </c>
      <c r="G35" s="280">
        <v>3</v>
      </c>
      <c r="H35" s="280">
        <v>0</v>
      </c>
      <c r="I35" s="280">
        <v>0</v>
      </c>
      <c r="J35" s="280">
        <v>0</v>
      </c>
      <c r="K35" s="280">
        <v>0</v>
      </c>
      <c r="L35" s="277">
        <v>3</v>
      </c>
      <c r="M35" s="282">
        <v>3</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17</v>
      </c>
      <c r="H36" s="280">
        <v>0</v>
      </c>
      <c r="I36" s="280">
        <v>0</v>
      </c>
      <c r="J36" s="280">
        <v>0</v>
      </c>
      <c r="K36" s="280">
        <v>0</v>
      </c>
      <c r="L36" s="277">
        <v>17</v>
      </c>
      <c r="M36" s="282">
        <v>17</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15</v>
      </c>
      <c r="H38" s="280">
        <v>4</v>
      </c>
      <c r="I38" s="280">
        <v>0</v>
      </c>
      <c r="J38" s="280">
        <v>1</v>
      </c>
      <c r="K38" s="280">
        <v>0</v>
      </c>
      <c r="L38" s="277">
        <v>20</v>
      </c>
      <c r="M38" s="282">
        <v>20</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26">
        <f>第１表!F2</f>
        <v>5</v>
      </c>
      <c r="I1" s="526"/>
      <c r="J1" s="248">
        <f>第１表!G2</f>
        <v>3</v>
      </c>
      <c r="K1" s="530">
        <f>IF(J1&lt;3,J1+12-2,J1-2)</f>
        <v>1</v>
      </c>
      <c r="L1" s="530"/>
    </row>
    <row r="2" spans="2:24" ht="24" customHeight="1" thickBot="1" x14ac:dyDescent="0.25">
      <c r="B2" s="290" t="s">
        <v>155</v>
      </c>
    </row>
    <row r="3" spans="2:24" ht="21" customHeight="1" x14ac:dyDescent="0.2">
      <c r="B3" s="542"/>
      <c r="C3" s="538" t="s">
        <v>142</v>
      </c>
      <c r="D3" s="538"/>
      <c r="E3" s="538"/>
      <c r="F3" s="538"/>
      <c r="G3" s="538"/>
      <c r="H3" s="538"/>
      <c r="I3" s="538"/>
      <c r="J3" s="538"/>
      <c r="K3" s="538"/>
      <c r="L3" s="538"/>
      <c r="M3" s="568"/>
      <c r="N3" s="538" t="s">
        <v>113</v>
      </c>
      <c r="O3" s="538"/>
      <c r="P3" s="538"/>
      <c r="Q3" s="538"/>
      <c r="R3" s="538"/>
      <c r="S3" s="538"/>
      <c r="T3" s="538"/>
      <c r="U3" s="538"/>
      <c r="V3" s="538"/>
      <c r="W3" s="538"/>
      <c r="X3" s="568"/>
    </row>
    <row r="4" spans="2:24" ht="21" customHeight="1" x14ac:dyDescent="0.2">
      <c r="B4" s="566"/>
      <c r="C4" s="569" t="s">
        <v>61</v>
      </c>
      <c r="D4" s="569"/>
      <c r="E4" s="570"/>
      <c r="F4" s="571" t="s">
        <v>62</v>
      </c>
      <c r="G4" s="569"/>
      <c r="H4" s="569"/>
      <c r="I4" s="569"/>
      <c r="J4" s="569"/>
      <c r="K4" s="569"/>
      <c r="L4" s="572"/>
      <c r="M4" s="573" t="s">
        <v>52</v>
      </c>
      <c r="N4" s="569" t="s">
        <v>61</v>
      </c>
      <c r="O4" s="569"/>
      <c r="P4" s="570"/>
      <c r="Q4" s="571" t="s">
        <v>62</v>
      </c>
      <c r="R4" s="569"/>
      <c r="S4" s="569"/>
      <c r="T4" s="569"/>
      <c r="U4" s="569"/>
      <c r="V4" s="569"/>
      <c r="W4" s="572"/>
      <c r="X4" s="573" t="s">
        <v>52</v>
      </c>
    </row>
    <row r="5" spans="2:24" ht="30" customHeight="1" thickBot="1" x14ac:dyDescent="0.25">
      <c r="B5" s="567"/>
      <c r="C5" s="259" t="s">
        <v>43</v>
      </c>
      <c r="D5" s="259" t="s">
        <v>44</v>
      </c>
      <c r="E5" s="265" t="s">
        <v>45</v>
      </c>
      <c r="F5" s="267" t="s">
        <v>83</v>
      </c>
      <c r="G5" s="259" t="s">
        <v>47</v>
      </c>
      <c r="H5" s="259" t="s">
        <v>48</v>
      </c>
      <c r="I5" s="259" t="s">
        <v>49</v>
      </c>
      <c r="J5" s="259" t="s">
        <v>50</v>
      </c>
      <c r="K5" s="259" t="s">
        <v>51</v>
      </c>
      <c r="L5" s="265" t="s">
        <v>45</v>
      </c>
      <c r="M5" s="541"/>
      <c r="N5" s="259" t="s">
        <v>43</v>
      </c>
      <c r="O5" s="259" t="s">
        <v>44</v>
      </c>
      <c r="P5" s="265" t="s">
        <v>45</v>
      </c>
      <c r="Q5" s="267" t="s">
        <v>83</v>
      </c>
      <c r="R5" s="259" t="s">
        <v>47</v>
      </c>
      <c r="S5" s="259" t="s">
        <v>48</v>
      </c>
      <c r="T5" s="259" t="s">
        <v>49</v>
      </c>
      <c r="U5" s="259" t="s">
        <v>50</v>
      </c>
      <c r="V5" s="259" t="s">
        <v>51</v>
      </c>
      <c r="W5" s="265" t="s">
        <v>45</v>
      </c>
      <c r="X5" s="541"/>
    </row>
    <row r="6" spans="2:24" ht="21" customHeight="1" x14ac:dyDescent="0.2">
      <c r="B6" s="258" t="s">
        <v>4</v>
      </c>
      <c r="C6" s="273">
        <v>0</v>
      </c>
      <c r="D6" s="273">
        <v>0</v>
      </c>
      <c r="E6" s="270">
        <v>0</v>
      </c>
      <c r="F6" s="272">
        <v>0</v>
      </c>
      <c r="G6" s="273">
        <v>4907</v>
      </c>
      <c r="H6" s="273">
        <v>4185</v>
      </c>
      <c r="I6" s="273">
        <v>2547</v>
      </c>
      <c r="J6" s="273">
        <v>1276</v>
      </c>
      <c r="K6" s="273">
        <v>368</v>
      </c>
      <c r="L6" s="270">
        <v>13283</v>
      </c>
      <c r="M6" s="275">
        <v>13283</v>
      </c>
      <c r="N6" s="273">
        <v>2</v>
      </c>
      <c r="O6" s="273">
        <v>0</v>
      </c>
      <c r="P6" s="270">
        <v>2</v>
      </c>
      <c r="Q6" s="272">
        <v>0</v>
      </c>
      <c r="R6" s="273">
        <v>421</v>
      </c>
      <c r="S6" s="273">
        <v>546</v>
      </c>
      <c r="T6" s="273">
        <v>663</v>
      </c>
      <c r="U6" s="273">
        <v>250</v>
      </c>
      <c r="V6" s="273">
        <v>235</v>
      </c>
      <c r="W6" s="270">
        <v>2115</v>
      </c>
      <c r="X6" s="275">
        <v>2117</v>
      </c>
    </row>
    <row r="7" spans="2:24" ht="21" customHeight="1" x14ac:dyDescent="0.2">
      <c r="B7" s="256" t="s">
        <v>5</v>
      </c>
      <c r="C7" s="280">
        <v>0</v>
      </c>
      <c r="D7" s="280">
        <v>0</v>
      </c>
      <c r="E7" s="277">
        <v>0</v>
      </c>
      <c r="F7" s="279">
        <v>0</v>
      </c>
      <c r="G7" s="280">
        <v>1803</v>
      </c>
      <c r="H7" s="280">
        <v>2304</v>
      </c>
      <c r="I7" s="280">
        <v>1117</v>
      </c>
      <c r="J7" s="280">
        <v>641</v>
      </c>
      <c r="K7" s="280">
        <v>198</v>
      </c>
      <c r="L7" s="277">
        <v>6063</v>
      </c>
      <c r="M7" s="282">
        <v>6063</v>
      </c>
      <c r="N7" s="280">
        <v>2</v>
      </c>
      <c r="O7" s="280">
        <v>0</v>
      </c>
      <c r="P7" s="277">
        <v>2</v>
      </c>
      <c r="Q7" s="279">
        <v>0</v>
      </c>
      <c r="R7" s="280">
        <v>236</v>
      </c>
      <c r="S7" s="280">
        <v>303</v>
      </c>
      <c r="T7" s="280">
        <v>287</v>
      </c>
      <c r="U7" s="280">
        <v>148</v>
      </c>
      <c r="V7" s="280">
        <v>116</v>
      </c>
      <c r="W7" s="277">
        <v>1090</v>
      </c>
      <c r="X7" s="282">
        <v>1092</v>
      </c>
    </row>
    <row r="8" spans="2:24" ht="21" customHeight="1" x14ac:dyDescent="0.2">
      <c r="B8" s="256" t="s">
        <v>6</v>
      </c>
      <c r="C8" s="280">
        <v>0</v>
      </c>
      <c r="D8" s="280">
        <v>0</v>
      </c>
      <c r="E8" s="277">
        <v>0</v>
      </c>
      <c r="F8" s="279">
        <v>0</v>
      </c>
      <c r="G8" s="280">
        <v>866</v>
      </c>
      <c r="H8" s="280">
        <v>394</v>
      </c>
      <c r="I8" s="280">
        <v>380</v>
      </c>
      <c r="J8" s="280">
        <v>128</v>
      </c>
      <c r="K8" s="280">
        <v>50</v>
      </c>
      <c r="L8" s="277">
        <v>1818</v>
      </c>
      <c r="M8" s="282">
        <v>1818</v>
      </c>
      <c r="N8" s="280">
        <v>0</v>
      </c>
      <c r="O8" s="280">
        <v>0</v>
      </c>
      <c r="P8" s="277">
        <v>0</v>
      </c>
      <c r="Q8" s="279">
        <v>0</v>
      </c>
      <c r="R8" s="280">
        <v>126</v>
      </c>
      <c r="S8" s="280">
        <v>118</v>
      </c>
      <c r="T8" s="280">
        <v>155</v>
      </c>
      <c r="U8" s="280">
        <v>50</v>
      </c>
      <c r="V8" s="280">
        <v>47</v>
      </c>
      <c r="W8" s="277">
        <v>496</v>
      </c>
      <c r="X8" s="282">
        <v>496</v>
      </c>
    </row>
    <row r="9" spans="2:24" ht="21" customHeight="1" x14ac:dyDescent="0.2">
      <c r="B9" s="256" t="s">
        <v>14</v>
      </c>
      <c r="C9" s="280">
        <v>0</v>
      </c>
      <c r="D9" s="280">
        <v>0</v>
      </c>
      <c r="E9" s="277">
        <v>0</v>
      </c>
      <c r="F9" s="279">
        <v>0</v>
      </c>
      <c r="G9" s="280">
        <v>356</v>
      </c>
      <c r="H9" s="280">
        <v>366</v>
      </c>
      <c r="I9" s="280">
        <v>226</v>
      </c>
      <c r="J9" s="280">
        <v>31</v>
      </c>
      <c r="K9" s="280">
        <v>19</v>
      </c>
      <c r="L9" s="277">
        <v>998</v>
      </c>
      <c r="M9" s="282">
        <v>998</v>
      </c>
      <c r="N9" s="280">
        <v>0</v>
      </c>
      <c r="O9" s="280">
        <v>0</v>
      </c>
      <c r="P9" s="277">
        <v>0</v>
      </c>
      <c r="Q9" s="279">
        <v>0</v>
      </c>
      <c r="R9" s="280">
        <v>0</v>
      </c>
      <c r="S9" s="280">
        <v>10</v>
      </c>
      <c r="T9" s="280">
        <v>2</v>
      </c>
      <c r="U9" s="280">
        <v>0</v>
      </c>
      <c r="V9" s="280">
        <v>18</v>
      </c>
      <c r="W9" s="277">
        <v>30</v>
      </c>
      <c r="X9" s="282">
        <v>30</v>
      </c>
    </row>
    <row r="10" spans="2:24" ht="21" customHeight="1" x14ac:dyDescent="0.2">
      <c r="B10" s="256" t="s">
        <v>7</v>
      </c>
      <c r="C10" s="280">
        <v>0</v>
      </c>
      <c r="D10" s="280">
        <v>0</v>
      </c>
      <c r="E10" s="277">
        <v>0</v>
      </c>
      <c r="F10" s="279">
        <v>0</v>
      </c>
      <c r="G10" s="280">
        <v>173</v>
      </c>
      <c r="H10" s="280">
        <v>151</v>
      </c>
      <c r="I10" s="280">
        <v>111</v>
      </c>
      <c r="J10" s="280">
        <v>46</v>
      </c>
      <c r="K10" s="280">
        <v>8</v>
      </c>
      <c r="L10" s="277">
        <v>489</v>
      </c>
      <c r="M10" s="282">
        <v>489</v>
      </c>
      <c r="N10" s="280">
        <v>0</v>
      </c>
      <c r="O10" s="280">
        <v>0</v>
      </c>
      <c r="P10" s="277">
        <v>0</v>
      </c>
      <c r="Q10" s="279">
        <v>0</v>
      </c>
      <c r="R10" s="280">
        <v>14</v>
      </c>
      <c r="S10" s="280">
        <v>26</v>
      </c>
      <c r="T10" s="280">
        <v>53</v>
      </c>
      <c r="U10" s="280">
        <v>24</v>
      </c>
      <c r="V10" s="280">
        <v>8</v>
      </c>
      <c r="W10" s="277">
        <v>125</v>
      </c>
      <c r="X10" s="282">
        <v>125</v>
      </c>
    </row>
    <row r="11" spans="2:24" ht="21" customHeight="1" x14ac:dyDescent="0.2">
      <c r="B11" s="256" t="s">
        <v>8</v>
      </c>
      <c r="C11" s="280">
        <v>0</v>
      </c>
      <c r="D11" s="280">
        <v>0</v>
      </c>
      <c r="E11" s="277">
        <v>0</v>
      </c>
      <c r="F11" s="279">
        <v>0</v>
      </c>
      <c r="G11" s="280">
        <v>221</v>
      </c>
      <c r="H11" s="280">
        <v>115</v>
      </c>
      <c r="I11" s="280">
        <v>56</v>
      </c>
      <c r="J11" s="280">
        <v>55</v>
      </c>
      <c r="K11" s="280">
        <v>0</v>
      </c>
      <c r="L11" s="277">
        <v>447</v>
      </c>
      <c r="M11" s="282">
        <v>447</v>
      </c>
      <c r="N11" s="280">
        <v>0</v>
      </c>
      <c r="O11" s="280">
        <v>0</v>
      </c>
      <c r="P11" s="277">
        <v>0</v>
      </c>
      <c r="Q11" s="279">
        <v>0</v>
      </c>
      <c r="R11" s="280">
        <v>0</v>
      </c>
      <c r="S11" s="280">
        <v>3</v>
      </c>
      <c r="T11" s="280">
        <v>0</v>
      </c>
      <c r="U11" s="280">
        <v>0</v>
      </c>
      <c r="V11" s="280">
        <v>0</v>
      </c>
      <c r="W11" s="277">
        <v>3</v>
      </c>
      <c r="X11" s="282">
        <v>3</v>
      </c>
    </row>
    <row r="12" spans="2:24" ht="21" customHeight="1" x14ac:dyDescent="0.2">
      <c r="B12" s="256" t="s">
        <v>9</v>
      </c>
      <c r="C12" s="280">
        <v>0</v>
      </c>
      <c r="D12" s="280">
        <v>0</v>
      </c>
      <c r="E12" s="277">
        <v>0</v>
      </c>
      <c r="F12" s="279">
        <v>0</v>
      </c>
      <c r="G12" s="280">
        <v>272</v>
      </c>
      <c r="H12" s="280">
        <v>159</v>
      </c>
      <c r="I12" s="280">
        <v>148</v>
      </c>
      <c r="J12" s="280">
        <v>33</v>
      </c>
      <c r="K12" s="280">
        <v>32</v>
      </c>
      <c r="L12" s="277">
        <v>644</v>
      </c>
      <c r="M12" s="282">
        <v>644</v>
      </c>
      <c r="N12" s="280">
        <v>0</v>
      </c>
      <c r="O12" s="280">
        <v>0</v>
      </c>
      <c r="P12" s="277">
        <v>0</v>
      </c>
      <c r="Q12" s="279">
        <v>0</v>
      </c>
      <c r="R12" s="280">
        <v>0</v>
      </c>
      <c r="S12" s="280">
        <v>0</v>
      </c>
      <c r="T12" s="280">
        <v>36</v>
      </c>
      <c r="U12" s="280">
        <v>14</v>
      </c>
      <c r="V12" s="280">
        <v>8</v>
      </c>
      <c r="W12" s="277">
        <v>58</v>
      </c>
      <c r="X12" s="282">
        <v>58</v>
      </c>
    </row>
    <row r="13" spans="2:24" ht="21" customHeight="1" x14ac:dyDescent="0.2">
      <c r="B13" s="256" t="s">
        <v>10</v>
      </c>
      <c r="C13" s="280">
        <v>0</v>
      </c>
      <c r="D13" s="280">
        <v>0</v>
      </c>
      <c r="E13" s="277">
        <v>0</v>
      </c>
      <c r="F13" s="279">
        <v>0</v>
      </c>
      <c r="G13" s="280">
        <v>257</v>
      </c>
      <c r="H13" s="280">
        <v>105</v>
      </c>
      <c r="I13" s="280">
        <v>17</v>
      </c>
      <c r="J13" s="280">
        <v>85</v>
      </c>
      <c r="K13" s="280">
        <v>0</v>
      </c>
      <c r="L13" s="277">
        <v>464</v>
      </c>
      <c r="M13" s="282">
        <v>464</v>
      </c>
      <c r="N13" s="280">
        <v>0</v>
      </c>
      <c r="O13" s="280">
        <v>0</v>
      </c>
      <c r="P13" s="277">
        <v>0</v>
      </c>
      <c r="Q13" s="279">
        <v>0</v>
      </c>
      <c r="R13" s="280">
        <v>0</v>
      </c>
      <c r="S13" s="280">
        <v>37</v>
      </c>
      <c r="T13" s="280">
        <v>36</v>
      </c>
      <c r="U13" s="280">
        <v>0</v>
      </c>
      <c r="V13" s="280">
        <v>16</v>
      </c>
      <c r="W13" s="277">
        <v>89</v>
      </c>
      <c r="X13" s="282">
        <v>89</v>
      </c>
    </row>
    <row r="14" spans="2:24" ht="21" customHeight="1" x14ac:dyDescent="0.2">
      <c r="B14" s="256" t="s">
        <v>11</v>
      </c>
      <c r="C14" s="280">
        <v>0</v>
      </c>
      <c r="D14" s="280">
        <v>0</v>
      </c>
      <c r="E14" s="277">
        <v>0</v>
      </c>
      <c r="F14" s="279">
        <v>0</v>
      </c>
      <c r="G14" s="280">
        <v>149</v>
      </c>
      <c r="H14" s="280">
        <v>61</v>
      </c>
      <c r="I14" s="280">
        <v>55</v>
      </c>
      <c r="J14" s="280">
        <v>25</v>
      </c>
      <c r="K14" s="280">
        <v>8</v>
      </c>
      <c r="L14" s="277">
        <v>298</v>
      </c>
      <c r="M14" s="282">
        <v>298</v>
      </c>
      <c r="N14" s="280">
        <v>0</v>
      </c>
      <c r="O14" s="280">
        <v>0</v>
      </c>
      <c r="P14" s="277">
        <v>0</v>
      </c>
      <c r="Q14" s="279">
        <v>0</v>
      </c>
      <c r="R14" s="280">
        <v>0</v>
      </c>
      <c r="S14" s="280">
        <v>0</v>
      </c>
      <c r="T14" s="280">
        <v>0</v>
      </c>
      <c r="U14" s="280">
        <v>0</v>
      </c>
      <c r="V14" s="280">
        <v>0</v>
      </c>
      <c r="W14" s="277">
        <v>0</v>
      </c>
      <c r="X14" s="282">
        <v>0</v>
      </c>
    </row>
    <row r="15" spans="2:24" ht="21" customHeight="1" x14ac:dyDescent="0.2">
      <c r="B15" s="256" t="s">
        <v>12</v>
      </c>
      <c r="C15" s="280">
        <v>0</v>
      </c>
      <c r="D15" s="280">
        <v>0</v>
      </c>
      <c r="E15" s="277">
        <v>0</v>
      </c>
      <c r="F15" s="279">
        <v>0</v>
      </c>
      <c r="G15" s="280">
        <v>108</v>
      </c>
      <c r="H15" s="280">
        <v>89</v>
      </c>
      <c r="I15" s="280">
        <v>76</v>
      </c>
      <c r="J15" s="280">
        <v>49</v>
      </c>
      <c r="K15" s="280">
        <v>0</v>
      </c>
      <c r="L15" s="277">
        <v>322</v>
      </c>
      <c r="M15" s="282">
        <v>322</v>
      </c>
      <c r="N15" s="280">
        <v>0</v>
      </c>
      <c r="O15" s="280">
        <v>0</v>
      </c>
      <c r="P15" s="277">
        <v>0</v>
      </c>
      <c r="Q15" s="279">
        <v>0</v>
      </c>
      <c r="R15" s="280">
        <v>0</v>
      </c>
      <c r="S15" s="280">
        <v>4</v>
      </c>
      <c r="T15" s="280">
        <v>0</v>
      </c>
      <c r="U15" s="280">
        <v>0</v>
      </c>
      <c r="V15" s="280">
        <v>0</v>
      </c>
      <c r="W15" s="277">
        <v>4</v>
      </c>
      <c r="X15" s="282">
        <v>4</v>
      </c>
    </row>
    <row r="16" spans="2:24" ht="21" customHeight="1" x14ac:dyDescent="0.2">
      <c r="B16" s="256" t="s">
        <v>13</v>
      </c>
      <c r="C16" s="280">
        <v>0</v>
      </c>
      <c r="D16" s="280">
        <v>0</v>
      </c>
      <c r="E16" s="277">
        <v>0</v>
      </c>
      <c r="F16" s="279">
        <v>0</v>
      </c>
      <c r="G16" s="280">
        <v>83</v>
      </c>
      <c r="H16" s="280">
        <v>72</v>
      </c>
      <c r="I16" s="280">
        <v>42</v>
      </c>
      <c r="J16" s="280">
        <v>8</v>
      </c>
      <c r="K16" s="280">
        <v>0</v>
      </c>
      <c r="L16" s="277">
        <v>205</v>
      </c>
      <c r="M16" s="282">
        <v>205</v>
      </c>
      <c r="N16" s="280">
        <v>0</v>
      </c>
      <c r="O16" s="280">
        <v>0</v>
      </c>
      <c r="P16" s="277">
        <v>0</v>
      </c>
      <c r="Q16" s="279">
        <v>0</v>
      </c>
      <c r="R16" s="280">
        <v>0</v>
      </c>
      <c r="S16" s="280">
        <v>0</v>
      </c>
      <c r="T16" s="280">
        <v>0</v>
      </c>
      <c r="U16" s="280">
        <v>0</v>
      </c>
      <c r="V16" s="280">
        <v>0</v>
      </c>
      <c r="W16" s="277">
        <v>0</v>
      </c>
      <c r="X16" s="282">
        <v>0</v>
      </c>
    </row>
    <row r="17" spans="2:24" ht="21" customHeight="1" x14ac:dyDescent="0.2">
      <c r="B17" s="256" t="s">
        <v>15</v>
      </c>
      <c r="C17" s="280">
        <v>0</v>
      </c>
      <c r="D17" s="280">
        <v>0</v>
      </c>
      <c r="E17" s="277">
        <v>0</v>
      </c>
      <c r="F17" s="279">
        <v>0</v>
      </c>
      <c r="G17" s="280">
        <v>36</v>
      </c>
      <c r="H17" s="280">
        <v>26</v>
      </c>
      <c r="I17" s="280">
        <v>8</v>
      </c>
      <c r="J17" s="280">
        <v>5</v>
      </c>
      <c r="K17" s="280">
        <v>2</v>
      </c>
      <c r="L17" s="277">
        <v>77</v>
      </c>
      <c r="M17" s="282">
        <v>77</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62</v>
      </c>
      <c r="H18" s="280">
        <v>28</v>
      </c>
      <c r="I18" s="280">
        <v>55</v>
      </c>
      <c r="J18" s="280">
        <v>16</v>
      </c>
      <c r="K18" s="280">
        <v>21</v>
      </c>
      <c r="L18" s="277">
        <v>182</v>
      </c>
      <c r="M18" s="282">
        <v>182</v>
      </c>
      <c r="N18" s="280">
        <v>0</v>
      </c>
      <c r="O18" s="280">
        <v>0</v>
      </c>
      <c r="P18" s="277">
        <v>0</v>
      </c>
      <c r="Q18" s="279">
        <v>0</v>
      </c>
      <c r="R18" s="280">
        <v>10</v>
      </c>
      <c r="S18" s="280">
        <v>10</v>
      </c>
      <c r="T18" s="280">
        <v>0</v>
      </c>
      <c r="U18" s="280">
        <v>0</v>
      </c>
      <c r="V18" s="280">
        <v>0</v>
      </c>
      <c r="W18" s="277">
        <v>20</v>
      </c>
      <c r="X18" s="282">
        <v>20</v>
      </c>
    </row>
    <row r="19" spans="2:24" ht="21" customHeight="1" x14ac:dyDescent="0.2">
      <c r="B19" s="256" t="s">
        <v>17</v>
      </c>
      <c r="C19" s="280">
        <v>0</v>
      </c>
      <c r="D19" s="280">
        <v>0</v>
      </c>
      <c r="E19" s="277">
        <v>0</v>
      </c>
      <c r="F19" s="279">
        <v>0</v>
      </c>
      <c r="G19" s="280">
        <v>43</v>
      </c>
      <c r="H19" s="280">
        <v>105</v>
      </c>
      <c r="I19" s="280">
        <v>53</v>
      </c>
      <c r="J19" s="280">
        <v>72</v>
      </c>
      <c r="K19" s="280">
        <v>7</v>
      </c>
      <c r="L19" s="277">
        <v>280</v>
      </c>
      <c r="M19" s="282">
        <v>280</v>
      </c>
      <c r="N19" s="280">
        <v>0</v>
      </c>
      <c r="O19" s="280">
        <v>0</v>
      </c>
      <c r="P19" s="277">
        <v>0</v>
      </c>
      <c r="Q19" s="279">
        <v>0</v>
      </c>
      <c r="R19" s="280">
        <v>0</v>
      </c>
      <c r="S19" s="280">
        <v>0</v>
      </c>
      <c r="T19" s="280">
        <v>37</v>
      </c>
      <c r="U19" s="280">
        <v>0</v>
      </c>
      <c r="V19" s="280">
        <v>0</v>
      </c>
      <c r="W19" s="277">
        <v>37</v>
      </c>
      <c r="X19" s="282">
        <v>37</v>
      </c>
    </row>
    <row r="20" spans="2:24" ht="21" customHeight="1" x14ac:dyDescent="0.2">
      <c r="B20" s="256" t="s">
        <v>18</v>
      </c>
      <c r="C20" s="280">
        <v>0</v>
      </c>
      <c r="D20" s="280">
        <v>0</v>
      </c>
      <c r="E20" s="277">
        <v>0</v>
      </c>
      <c r="F20" s="279">
        <v>0</v>
      </c>
      <c r="G20" s="280">
        <v>107</v>
      </c>
      <c r="H20" s="280">
        <v>62</v>
      </c>
      <c r="I20" s="280">
        <v>87</v>
      </c>
      <c r="J20" s="280">
        <v>18</v>
      </c>
      <c r="K20" s="280">
        <v>1</v>
      </c>
      <c r="L20" s="277">
        <v>275</v>
      </c>
      <c r="M20" s="282">
        <v>275</v>
      </c>
      <c r="N20" s="280">
        <v>0</v>
      </c>
      <c r="O20" s="280">
        <v>0</v>
      </c>
      <c r="P20" s="277">
        <v>0</v>
      </c>
      <c r="Q20" s="279">
        <v>0</v>
      </c>
      <c r="R20" s="280">
        <v>11</v>
      </c>
      <c r="S20" s="280">
        <v>4</v>
      </c>
      <c r="T20" s="280">
        <v>29</v>
      </c>
      <c r="U20" s="280">
        <v>14</v>
      </c>
      <c r="V20" s="280">
        <v>0</v>
      </c>
      <c r="W20" s="277">
        <v>58</v>
      </c>
      <c r="X20" s="282">
        <v>58</v>
      </c>
    </row>
    <row r="21" spans="2:24" ht="21" customHeight="1" x14ac:dyDescent="0.2">
      <c r="B21" s="256" t="s">
        <v>19</v>
      </c>
      <c r="C21" s="280">
        <v>0</v>
      </c>
      <c r="D21" s="280">
        <v>0</v>
      </c>
      <c r="E21" s="277">
        <v>0</v>
      </c>
      <c r="F21" s="279">
        <v>0</v>
      </c>
      <c r="G21" s="280">
        <v>72</v>
      </c>
      <c r="H21" s="280">
        <v>28</v>
      </c>
      <c r="I21" s="280">
        <v>17</v>
      </c>
      <c r="J21" s="280">
        <v>27</v>
      </c>
      <c r="K21" s="280">
        <v>0</v>
      </c>
      <c r="L21" s="277">
        <v>144</v>
      </c>
      <c r="M21" s="282">
        <v>144</v>
      </c>
      <c r="N21" s="280">
        <v>0</v>
      </c>
      <c r="O21" s="280">
        <v>0</v>
      </c>
      <c r="P21" s="277">
        <v>0</v>
      </c>
      <c r="Q21" s="279">
        <v>0</v>
      </c>
      <c r="R21" s="280">
        <v>4</v>
      </c>
      <c r="S21" s="280">
        <v>19</v>
      </c>
      <c r="T21" s="280">
        <v>0</v>
      </c>
      <c r="U21" s="280">
        <v>0</v>
      </c>
      <c r="V21" s="280">
        <v>0</v>
      </c>
      <c r="W21" s="277">
        <v>23</v>
      </c>
      <c r="X21" s="282">
        <v>23</v>
      </c>
    </row>
    <row r="22" spans="2:24" ht="21" customHeight="1" x14ac:dyDescent="0.2">
      <c r="B22" s="256" t="s">
        <v>20</v>
      </c>
      <c r="C22" s="280">
        <v>0</v>
      </c>
      <c r="D22" s="280">
        <v>0</v>
      </c>
      <c r="E22" s="277">
        <v>0</v>
      </c>
      <c r="F22" s="279">
        <v>0</v>
      </c>
      <c r="G22" s="280">
        <v>45</v>
      </c>
      <c r="H22" s="280">
        <v>39</v>
      </c>
      <c r="I22" s="280">
        <v>1</v>
      </c>
      <c r="J22" s="280">
        <v>3</v>
      </c>
      <c r="K22" s="280">
        <v>0</v>
      </c>
      <c r="L22" s="277">
        <v>88</v>
      </c>
      <c r="M22" s="282">
        <v>88</v>
      </c>
      <c r="N22" s="280">
        <v>0</v>
      </c>
      <c r="O22" s="280">
        <v>0</v>
      </c>
      <c r="P22" s="277">
        <v>0</v>
      </c>
      <c r="Q22" s="279">
        <v>0</v>
      </c>
      <c r="R22" s="280">
        <v>8</v>
      </c>
      <c r="S22" s="280">
        <v>0</v>
      </c>
      <c r="T22" s="280">
        <v>0</v>
      </c>
      <c r="U22" s="280">
        <v>0</v>
      </c>
      <c r="V22" s="280">
        <v>9</v>
      </c>
      <c r="W22" s="277">
        <v>17</v>
      </c>
      <c r="X22" s="282">
        <v>17</v>
      </c>
    </row>
    <row r="23" spans="2:24" ht="21" customHeight="1" x14ac:dyDescent="0.2">
      <c r="B23" s="256" t="s">
        <v>21</v>
      </c>
      <c r="C23" s="280">
        <v>0</v>
      </c>
      <c r="D23" s="280">
        <v>0</v>
      </c>
      <c r="E23" s="277">
        <v>0</v>
      </c>
      <c r="F23" s="279">
        <v>0</v>
      </c>
      <c r="G23" s="280">
        <v>80</v>
      </c>
      <c r="H23" s="280">
        <v>25</v>
      </c>
      <c r="I23" s="280">
        <v>24</v>
      </c>
      <c r="J23" s="280">
        <v>15</v>
      </c>
      <c r="K23" s="280">
        <v>0</v>
      </c>
      <c r="L23" s="277">
        <v>144</v>
      </c>
      <c r="M23" s="282">
        <v>144</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51</v>
      </c>
      <c r="H24" s="280">
        <v>4</v>
      </c>
      <c r="I24" s="280">
        <v>0</v>
      </c>
      <c r="J24" s="280">
        <v>0</v>
      </c>
      <c r="K24" s="280">
        <v>0</v>
      </c>
      <c r="L24" s="277">
        <v>55</v>
      </c>
      <c r="M24" s="282">
        <v>55</v>
      </c>
      <c r="N24" s="280">
        <v>0</v>
      </c>
      <c r="O24" s="280">
        <v>0</v>
      </c>
      <c r="P24" s="277">
        <v>0</v>
      </c>
      <c r="Q24" s="279">
        <v>0</v>
      </c>
      <c r="R24" s="280">
        <v>0</v>
      </c>
      <c r="S24" s="280">
        <v>0</v>
      </c>
      <c r="T24" s="280">
        <v>8</v>
      </c>
      <c r="U24" s="280">
        <v>0</v>
      </c>
      <c r="V24" s="280">
        <v>0</v>
      </c>
      <c r="W24" s="277">
        <v>8</v>
      </c>
      <c r="X24" s="282">
        <v>8</v>
      </c>
    </row>
    <row r="25" spans="2:24" ht="21" customHeight="1" x14ac:dyDescent="0.2">
      <c r="B25" s="256" t="s">
        <v>23</v>
      </c>
      <c r="C25" s="280">
        <v>0</v>
      </c>
      <c r="D25" s="280">
        <v>0</v>
      </c>
      <c r="E25" s="277">
        <v>0</v>
      </c>
      <c r="F25" s="279">
        <v>0</v>
      </c>
      <c r="G25" s="280">
        <v>8</v>
      </c>
      <c r="H25" s="280">
        <v>14</v>
      </c>
      <c r="I25" s="280">
        <v>11</v>
      </c>
      <c r="J25" s="280">
        <v>0</v>
      </c>
      <c r="K25" s="280">
        <v>12</v>
      </c>
      <c r="L25" s="277">
        <v>45</v>
      </c>
      <c r="M25" s="282">
        <v>45</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4</v>
      </c>
      <c r="H26" s="280">
        <v>0</v>
      </c>
      <c r="I26" s="280">
        <v>3</v>
      </c>
      <c r="J26" s="280">
        <v>0</v>
      </c>
      <c r="K26" s="280">
        <v>0</v>
      </c>
      <c r="L26" s="277">
        <v>7</v>
      </c>
      <c r="M26" s="282">
        <v>7</v>
      </c>
      <c r="N26" s="280">
        <v>0</v>
      </c>
      <c r="O26" s="280">
        <v>0</v>
      </c>
      <c r="P26" s="277">
        <v>0</v>
      </c>
      <c r="Q26" s="279">
        <v>0</v>
      </c>
      <c r="R26" s="280">
        <v>0</v>
      </c>
      <c r="S26" s="280">
        <v>8</v>
      </c>
      <c r="T26" s="280">
        <v>0</v>
      </c>
      <c r="U26" s="280">
        <v>0</v>
      </c>
      <c r="V26" s="280">
        <v>13</v>
      </c>
      <c r="W26" s="277">
        <v>21</v>
      </c>
      <c r="X26" s="282">
        <v>21</v>
      </c>
    </row>
    <row r="27" spans="2:24" ht="21" customHeight="1" x14ac:dyDescent="0.2">
      <c r="B27" s="256" t="s">
        <v>25</v>
      </c>
      <c r="C27" s="280">
        <v>0</v>
      </c>
      <c r="D27" s="280">
        <v>0</v>
      </c>
      <c r="E27" s="277">
        <v>0</v>
      </c>
      <c r="F27" s="279">
        <v>0</v>
      </c>
      <c r="G27" s="280">
        <v>16</v>
      </c>
      <c r="H27" s="280">
        <v>4</v>
      </c>
      <c r="I27" s="280">
        <v>4</v>
      </c>
      <c r="J27" s="280">
        <v>0</v>
      </c>
      <c r="K27" s="280">
        <v>0</v>
      </c>
      <c r="L27" s="277">
        <v>24</v>
      </c>
      <c r="M27" s="282">
        <v>24</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12</v>
      </c>
      <c r="H28" s="280">
        <v>13</v>
      </c>
      <c r="I28" s="280">
        <v>0</v>
      </c>
      <c r="J28" s="280">
        <v>0</v>
      </c>
      <c r="K28" s="280">
        <v>0</v>
      </c>
      <c r="L28" s="277">
        <v>25</v>
      </c>
      <c r="M28" s="282">
        <v>25</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7</v>
      </c>
      <c r="H29" s="280">
        <v>8</v>
      </c>
      <c r="I29" s="280">
        <v>0</v>
      </c>
      <c r="J29" s="280">
        <v>0</v>
      </c>
      <c r="K29" s="280">
        <v>0</v>
      </c>
      <c r="L29" s="277">
        <v>15</v>
      </c>
      <c r="M29" s="282">
        <v>15</v>
      </c>
      <c r="N29" s="280">
        <v>0</v>
      </c>
      <c r="O29" s="280">
        <v>0</v>
      </c>
      <c r="P29" s="277">
        <v>0</v>
      </c>
      <c r="Q29" s="279">
        <v>0</v>
      </c>
      <c r="R29" s="280">
        <v>2</v>
      </c>
      <c r="S29" s="280">
        <v>0</v>
      </c>
      <c r="T29" s="280">
        <v>12</v>
      </c>
      <c r="U29" s="280">
        <v>0</v>
      </c>
      <c r="V29" s="280">
        <v>0</v>
      </c>
      <c r="W29" s="277">
        <v>14</v>
      </c>
      <c r="X29" s="282">
        <v>14</v>
      </c>
    </row>
    <row r="30" spans="2:24" ht="21" customHeight="1" x14ac:dyDescent="0.2">
      <c r="B30" s="256" t="s">
        <v>28</v>
      </c>
      <c r="C30" s="280">
        <v>0</v>
      </c>
      <c r="D30" s="280">
        <v>0</v>
      </c>
      <c r="E30" s="277">
        <v>0</v>
      </c>
      <c r="F30" s="279">
        <v>0</v>
      </c>
      <c r="G30" s="280">
        <v>37</v>
      </c>
      <c r="H30" s="280">
        <v>1</v>
      </c>
      <c r="I30" s="280">
        <v>0</v>
      </c>
      <c r="J30" s="280">
        <v>0</v>
      </c>
      <c r="K30" s="280">
        <v>0</v>
      </c>
      <c r="L30" s="277">
        <v>38</v>
      </c>
      <c r="M30" s="282">
        <v>38</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3</v>
      </c>
      <c r="H31" s="280">
        <v>0</v>
      </c>
      <c r="I31" s="280">
        <v>0</v>
      </c>
      <c r="J31" s="280">
        <v>0</v>
      </c>
      <c r="K31" s="280">
        <v>0</v>
      </c>
      <c r="L31" s="277">
        <v>3</v>
      </c>
      <c r="M31" s="282">
        <v>3</v>
      </c>
      <c r="N31" s="280">
        <v>0</v>
      </c>
      <c r="O31" s="280">
        <v>0</v>
      </c>
      <c r="P31" s="277">
        <v>0</v>
      </c>
      <c r="Q31" s="279">
        <v>0</v>
      </c>
      <c r="R31" s="280">
        <v>0</v>
      </c>
      <c r="S31" s="280">
        <v>0</v>
      </c>
      <c r="T31" s="280">
        <v>8</v>
      </c>
      <c r="U31" s="280">
        <v>0</v>
      </c>
      <c r="V31" s="280">
        <v>0</v>
      </c>
      <c r="W31" s="277">
        <v>8</v>
      </c>
      <c r="X31" s="282">
        <v>8</v>
      </c>
    </row>
    <row r="32" spans="2:24" ht="21" customHeight="1" x14ac:dyDescent="0.2">
      <c r="B32" s="256" t="s">
        <v>30</v>
      </c>
      <c r="C32" s="280">
        <v>0</v>
      </c>
      <c r="D32" s="280">
        <v>0</v>
      </c>
      <c r="E32" s="277">
        <v>0</v>
      </c>
      <c r="F32" s="279">
        <v>0</v>
      </c>
      <c r="G32" s="280">
        <v>11</v>
      </c>
      <c r="H32" s="280">
        <v>0</v>
      </c>
      <c r="I32" s="280">
        <v>0</v>
      </c>
      <c r="J32" s="280">
        <v>5</v>
      </c>
      <c r="K32" s="280">
        <v>0</v>
      </c>
      <c r="L32" s="277">
        <v>16</v>
      </c>
      <c r="M32" s="282">
        <v>16</v>
      </c>
      <c r="N32" s="280">
        <v>0</v>
      </c>
      <c r="O32" s="280">
        <v>0</v>
      </c>
      <c r="P32" s="277">
        <v>0</v>
      </c>
      <c r="Q32" s="279">
        <v>0</v>
      </c>
      <c r="R32" s="280">
        <v>0</v>
      </c>
      <c r="S32" s="280">
        <v>4</v>
      </c>
      <c r="T32" s="280">
        <v>0</v>
      </c>
      <c r="U32" s="280">
        <v>0</v>
      </c>
      <c r="V32" s="280">
        <v>0</v>
      </c>
      <c r="W32" s="277">
        <v>4</v>
      </c>
      <c r="X32" s="282">
        <v>4</v>
      </c>
    </row>
    <row r="33" spans="2:24" ht="21" customHeight="1" x14ac:dyDescent="0.2">
      <c r="B33" s="256" t="s">
        <v>31</v>
      </c>
      <c r="C33" s="280">
        <v>0</v>
      </c>
      <c r="D33" s="280">
        <v>0</v>
      </c>
      <c r="E33" s="277">
        <v>0</v>
      </c>
      <c r="F33" s="279">
        <v>0</v>
      </c>
      <c r="G33" s="280">
        <v>9</v>
      </c>
      <c r="H33" s="280">
        <v>4</v>
      </c>
      <c r="I33" s="280">
        <v>8</v>
      </c>
      <c r="J33" s="280">
        <v>0</v>
      </c>
      <c r="K33" s="280">
        <v>0</v>
      </c>
      <c r="L33" s="277">
        <v>21</v>
      </c>
      <c r="M33" s="282">
        <v>21</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0</v>
      </c>
      <c r="H34" s="280">
        <v>6</v>
      </c>
      <c r="I34" s="280">
        <v>4</v>
      </c>
      <c r="J34" s="280">
        <v>0</v>
      </c>
      <c r="K34" s="280">
        <v>0</v>
      </c>
      <c r="L34" s="277">
        <v>10</v>
      </c>
      <c r="M34" s="282">
        <v>10</v>
      </c>
      <c r="N34" s="280">
        <v>0</v>
      </c>
      <c r="O34" s="280">
        <v>0</v>
      </c>
      <c r="P34" s="277">
        <v>0</v>
      </c>
      <c r="Q34" s="279">
        <v>0</v>
      </c>
      <c r="R34" s="280">
        <v>10</v>
      </c>
      <c r="S34" s="280">
        <v>0</v>
      </c>
      <c r="T34" s="280">
        <v>0</v>
      </c>
      <c r="U34" s="280">
        <v>0</v>
      </c>
      <c r="V34" s="280">
        <v>0</v>
      </c>
      <c r="W34" s="277">
        <v>10</v>
      </c>
      <c r="X34" s="282">
        <v>10</v>
      </c>
    </row>
    <row r="35" spans="2:24" ht="21" customHeight="1" x14ac:dyDescent="0.2">
      <c r="B35" s="256" t="s">
        <v>33</v>
      </c>
      <c r="C35" s="280">
        <v>0</v>
      </c>
      <c r="D35" s="280">
        <v>0</v>
      </c>
      <c r="E35" s="277">
        <v>0</v>
      </c>
      <c r="F35" s="279">
        <v>0</v>
      </c>
      <c r="G35" s="280">
        <v>8</v>
      </c>
      <c r="H35" s="280">
        <v>0</v>
      </c>
      <c r="I35" s="280">
        <v>14</v>
      </c>
      <c r="J35" s="280">
        <v>0</v>
      </c>
      <c r="K35" s="280">
        <v>0</v>
      </c>
      <c r="L35" s="277">
        <v>22</v>
      </c>
      <c r="M35" s="282">
        <v>22</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2</v>
      </c>
      <c r="H37" s="280">
        <v>0</v>
      </c>
      <c r="I37" s="280">
        <v>30</v>
      </c>
      <c r="J37" s="280">
        <v>0</v>
      </c>
      <c r="K37" s="280">
        <v>0</v>
      </c>
      <c r="L37" s="277">
        <v>32</v>
      </c>
      <c r="M37" s="282">
        <v>32</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6</v>
      </c>
      <c r="H38" s="280">
        <v>2</v>
      </c>
      <c r="I38" s="280">
        <v>0</v>
      </c>
      <c r="J38" s="280">
        <v>14</v>
      </c>
      <c r="K38" s="280">
        <v>0</v>
      </c>
      <c r="L38" s="277">
        <v>22</v>
      </c>
      <c r="M38" s="282">
        <v>22</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0</v>
      </c>
      <c r="L39" s="284">
        <v>10</v>
      </c>
      <c r="M39" s="289">
        <v>10</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26">
        <f>第１表!F2</f>
        <v>5</v>
      </c>
      <c r="I1" s="526"/>
      <c r="J1" s="248">
        <f>第１表!G2</f>
        <v>3</v>
      </c>
      <c r="K1" s="556">
        <f>IF(J1&lt;3,J1-2+12,J1-2)</f>
        <v>1</v>
      </c>
      <c r="L1" s="556"/>
    </row>
    <row r="2" spans="2:133" ht="24" customHeight="1" thickBot="1" x14ac:dyDescent="0.25"/>
    <row r="3" spans="2:133" ht="21" customHeight="1" thickBot="1" x14ac:dyDescent="0.25">
      <c r="B3" s="602"/>
      <c r="C3" s="592" t="s">
        <v>57</v>
      </c>
      <c r="D3" s="593"/>
      <c r="E3" s="593"/>
      <c r="F3" s="593"/>
      <c r="G3" s="593"/>
      <c r="H3" s="593"/>
      <c r="I3" s="593"/>
      <c r="J3" s="593"/>
      <c r="K3" s="593"/>
      <c r="L3" s="593"/>
      <c r="M3" s="593"/>
      <c r="N3" s="593"/>
      <c r="O3" s="593"/>
      <c r="P3" s="593"/>
      <c r="Q3" s="593"/>
      <c r="R3" s="593"/>
      <c r="S3" s="593"/>
      <c r="T3" s="593"/>
      <c r="U3" s="593"/>
      <c r="V3" s="593"/>
      <c r="W3" s="593"/>
      <c r="X3" s="593"/>
      <c r="Y3" s="593"/>
      <c r="Z3" s="593"/>
      <c r="AA3" s="593"/>
      <c r="AB3" s="593"/>
      <c r="AC3" s="593"/>
      <c r="AD3" s="593"/>
      <c r="AE3" s="593"/>
      <c r="AF3" s="594"/>
      <c r="AG3" s="592" t="s">
        <v>58</v>
      </c>
      <c r="AH3" s="605"/>
      <c r="AI3" s="605"/>
      <c r="AJ3" s="605"/>
      <c r="AK3" s="605"/>
      <c r="AL3" s="605"/>
      <c r="AM3" s="605"/>
      <c r="AN3" s="605"/>
      <c r="AO3" s="605"/>
      <c r="AP3" s="605"/>
      <c r="AQ3" s="605"/>
      <c r="AR3" s="605"/>
      <c r="AS3" s="605"/>
      <c r="AT3" s="605"/>
      <c r="AU3" s="605"/>
      <c r="AV3" s="605"/>
      <c r="AW3" s="605"/>
      <c r="AX3" s="605"/>
      <c r="AY3" s="605"/>
      <c r="AZ3" s="605"/>
      <c r="BA3" s="605"/>
      <c r="BB3" s="605"/>
      <c r="BC3" s="605"/>
      <c r="BD3" s="605"/>
      <c r="BE3" s="605"/>
      <c r="BF3" s="605"/>
      <c r="BG3" s="605"/>
      <c r="BH3" s="605"/>
      <c r="BI3" s="605"/>
      <c r="BJ3" s="606"/>
      <c r="BK3" s="592" t="s">
        <v>59</v>
      </c>
      <c r="BL3" s="593"/>
      <c r="BM3" s="593"/>
      <c r="BN3" s="593"/>
      <c r="BO3" s="593"/>
      <c r="BP3" s="593"/>
      <c r="BQ3" s="593"/>
      <c r="BR3" s="593"/>
      <c r="BS3" s="593"/>
      <c r="BT3" s="593"/>
      <c r="BU3" s="593"/>
      <c r="BV3" s="593"/>
      <c r="BW3" s="593"/>
      <c r="BX3" s="593"/>
      <c r="BY3" s="593"/>
      <c r="BZ3" s="593"/>
      <c r="CA3" s="593"/>
      <c r="CB3" s="593"/>
      <c r="CC3" s="593"/>
      <c r="CD3" s="593"/>
      <c r="CE3" s="593"/>
      <c r="CF3" s="593"/>
      <c r="CG3" s="593"/>
      <c r="CH3" s="593"/>
      <c r="CI3" s="593"/>
      <c r="CJ3" s="593"/>
      <c r="CK3" s="593"/>
      <c r="CL3" s="593"/>
      <c r="CM3" s="593"/>
      <c r="CN3" s="594"/>
      <c r="CO3" s="601" t="s">
        <v>151</v>
      </c>
      <c r="CP3" s="593"/>
      <c r="CQ3" s="593"/>
      <c r="CR3" s="593"/>
      <c r="CS3" s="593"/>
      <c r="CT3" s="593"/>
      <c r="CU3" s="593"/>
      <c r="CV3" s="593"/>
      <c r="CW3" s="593"/>
      <c r="CX3" s="593"/>
      <c r="CY3" s="593"/>
      <c r="CZ3" s="593"/>
      <c r="DA3" s="593"/>
      <c r="DB3" s="593"/>
      <c r="DC3" s="593"/>
      <c r="DD3" s="593"/>
      <c r="DE3" s="593"/>
      <c r="DF3" s="593"/>
      <c r="DG3" s="593"/>
      <c r="DH3" s="593"/>
      <c r="DI3" s="593"/>
      <c r="DJ3" s="593"/>
      <c r="DK3" s="593"/>
      <c r="DL3" s="593"/>
      <c r="DM3" s="593"/>
      <c r="DN3" s="593"/>
      <c r="DO3" s="593"/>
      <c r="DP3" s="593"/>
      <c r="DQ3" s="593"/>
      <c r="DR3" s="594"/>
      <c r="DS3" s="595" t="s">
        <v>60</v>
      </c>
      <c r="DT3" s="505"/>
      <c r="DU3" s="505"/>
      <c r="DV3" s="505"/>
      <c r="DW3" s="505"/>
      <c r="DX3" s="505"/>
      <c r="DY3" s="505"/>
      <c r="DZ3" s="505"/>
      <c r="EA3" s="505"/>
      <c r="EB3" s="506"/>
    </row>
    <row r="4" spans="2:133" ht="21" customHeight="1" thickBot="1" x14ac:dyDescent="0.25">
      <c r="B4" s="603"/>
      <c r="C4" s="596"/>
      <c r="D4" s="587"/>
      <c r="E4" s="587"/>
      <c r="F4" s="587"/>
      <c r="G4" s="587"/>
      <c r="H4" s="587"/>
      <c r="I4" s="587"/>
      <c r="J4" s="587"/>
      <c r="K4" s="587"/>
      <c r="L4" s="587"/>
      <c r="M4" s="598" t="s">
        <v>39</v>
      </c>
      <c r="N4" s="599"/>
      <c r="O4" s="599"/>
      <c r="P4" s="599"/>
      <c r="Q4" s="599"/>
      <c r="R4" s="599"/>
      <c r="S4" s="599"/>
      <c r="T4" s="599"/>
      <c r="U4" s="599"/>
      <c r="V4" s="600"/>
      <c r="W4" s="598" t="s">
        <v>40</v>
      </c>
      <c r="X4" s="599"/>
      <c r="Y4" s="599"/>
      <c r="Z4" s="599"/>
      <c r="AA4" s="599"/>
      <c r="AB4" s="599"/>
      <c r="AC4" s="599"/>
      <c r="AD4" s="599"/>
      <c r="AE4" s="599"/>
      <c r="AF4" s="600"/>
      <c r="AG4" s="596"/>
      <c r="AH4" s="587"/>
      <c r="AI4" s="587"/>
      <c r="AJ4" s="587"/>
      <c r="AK4" s="587"/>
      <c r="AL4" s="587"/>
      <c r="AM4" s="587"/>
      <c r="AN4" s="587"/>
      <c r="AO4" s="587"/>
      <c r="AP4" s="587"/>
      <c r="AQ4" s="598" t="s">
        <v>39</v>
      </c>
      <c r="AR4" s="599"/>
      <c r="AS4" s="599"/>
      <c r="AT4" s="599"/>
      <c r="AU4" s="599"/>
      <c r="AV4" s="599"/>
      <c r="AW4" s="599"/>
      <c r="AX4" s="599"/>
      <c r="AY4" s="599"/>
      <c r="AZ4" s="600"/>
      <c r="BA4" s="598" t="s">
        <v>40</v>
      </c>
      <c r="BB4" s="599"/>
      <c r="BC4" s="599"/>
      <c r="BD4" s="599"/>
      <c r="BE4" s="599"/>
      <c r="BF4" s="599"/>
      <c r="BG4" s="599"/>
      <c r="BH4" s="599"/>
      <c r="BI4" s="599"/>
      <c r="BJ4" s="600"/>
      <c r="BK4" s="596"/>
      <c r="BL4" s="587"/>
      <c r="BM4" s="587"/>
      <c r="BN4" s="587"/>
      <c r="BO4" s="587"/>
      <c r="BP4" s="587"/>
      <c r="BQ4" s="587"/>
      <c r="BR4" s="587"/>
      <c r="BS4" s="587"/>
      <c r="BT4" s="587"/>
      <c r="BU4" s="598" t="s">
        <v>39</v>
      </c>
      <c r="BV4" s="599"/>
      <c r="BW4" s="599"/>
      <c r="BX4" s="599"/>
      <c r="BY4" s="599"/>
      <c r="BZ4" s="599"/>
      <c r="CA4" s="599"/>
      <c r="CB4" s="599"/>
      <c r="CC4" s="599"/>
      <c r="CD4" s="600"/>
      <c r="CE4" s="598" t="s">
        <v>40</v>
      </c>
      <c r="CF4" s="599"/>
      <c r="CG4" s="599"/>
      <c r="CH4" s="599"/>
      <c r="CI4" s="599"/>
      <c r="CJ4" s="599"/>
      <c r="CK4" s="599"/>
      <c r="CL4" s="599"/>
      <c r="CM4" s="599"/>
      <c r="CN4" s="600"/>
      <c r="CO4" s="596"/>
      <c r="CP4" s="587"/>
      <c r="CQ4" s="587"/>
      <c r="CR4" s="587"/>
      <c r="CS4" s="587"/>
      <c r="CT4" s="587"/>
      <c r="CU4" s="587"/>
      <c r="CV4" s="587"/>
      <c r="CW4" s="587"/>
      <c r="CX4" s="587"/>
      <c r="CY4" s="598" t="s">
        <v>39</v>
      </c>
      <c r="CZ4" s="599"/>
      <c r="DA4" s="599"/>
      <c r="DB4" s="599"/>
      <c r="DC4" s="599"/>
      <c r="DD4" s="599"/>
      <c r="DE4" s="599"/>
      <c r="DF4" s="599"/>
      <c r="DG4" s="599"/>
      <c r="DH4" s="600"/>
      <c r="DI4" s="598" t="s">
        <v>40</v>
      </c>
      <c r="DJ4" s="599"/>
      <c r="DK4" s="599"/>
      <c r="DL4" s="599"/>
      <c r="DM4" s="599"/>
      <c r="DN4" s="599"/>
      <c r="DO4" s="599"/>
      <c r="DP4" s="599"/>
      <c r="DQ4" s="599"/>
      <c r="DR4" s="600"/>
      <c r="DS4" s="596"/>
      <c r="DT4" s="587"/>
      <c r="DU4" s="587"/>
      <c r="DV4" s="587"/>
      <c r="DW4" s="587"/>
      <c r="DX4" s="587"/>
      <c r="DY4" s="587"/>
      <c r="DZ4" s="587"/>
      <c r="EA4" s="587"/>
      <c r="EB4" s="597"/>
    </row>
    <row r="5" spans="2:133" ht="21" customHeight="1" x14ac:dyDescent="0.2">
      <c r="B5" s="604"/>
      <c r="C5" s="574" t="s">
        <v>61</v>
      </c>
      <c r="D5" s="575"/>
      <c r="E5" s="576"/>
      <c r="F5" s="577" t="s">
        <v>62</v>
      </c>
      <c r="G5" s="578"/>
      <c r="H5" s="578"/>
      <c r="I5" s="578"/>
      <c r="J5" s="578"/>
      <c r="K5" s="579"/>
      <c r="L5" s="589" t="s">
        <v>52</v>
      </c>
      <c r="M5" s="591" t="s">
        <v>61</v>
      </c>
      <c r="N5" s="584"/>
      <c r="O5" s="585"/>
      <c r="P5" s="586" t="s">
        <v>62</v>
      </c>
      <c r="Q5" s="587"/>
      <c r="R5" s="587"/>
      <c r="S5" s="587"/>
      <c r="T5" s="587"/>
      <c r="U5" s="588"/>
      <c r="V5" s="582" t="s">
        <v>52</v>
      </c>
      <c r="W5" s="583" t="s">
        <v>61</v>
      </c>
      <c r="X5" s="584"/>
      <c r="Y5" s="585"/>
      <c r="Z5" s="586" t="s">
        <v>62</v>
      </c>
      <c r="AA5" s="587"/>
      <c r="AB5" s="587"/>
      <c r="AC5" s="587"/>
      <c r="AD5" s="587"/>
      <c r="AE5" s="588"/>
      <c r="AF5" s="582" t="s">
        <v>52</v>
      </c>
      <c r="AG5" s="574" t="s">
        <v>61</v>
      </c>
      <c r="AH5" s="575"/>
      <c r="AI5" s="576"/>
      <c r="AJ5" s="577" t="s">
        <v>62</v>
      </c>
      <c r="AK5" s="578"/>
      <c r="AL5" s="578"/>
      <c r="AM5" s="578"/>
      <c r="AN5" s="578"/>
      <c r="AO5" s="579"/>
      <c r="AP5" s="580" t="s">
        <v>52</v>
      </c>
      <c r="AQ5" s="591" t="s">
        <v>61</v>
      </c>
      <c r="AR5" s="584"/>
      <c r="AS5" s="585"/>
      <c r="AT5" s="586" t="s">
        <v>62</v>
      </c>
      <c r="AU5" s="587"/>
      <c r="AV5" s="587"/>
      <c r="AW5" s="587"/>
      <c r="AX5" s="587"/>
      <c r="AY5" s="588"/>
      <c r="AZ5" s="607" t="s">
        <v>52</v>
      </c>
      <c r="BA5" s="591" t="s">
        <v>61</v>
      </c>
      <c r="BB5" s="584"/>
      <c r="BC5" s="585"/>
      <c r="BD5" s="586" t="s">
        <v>62</v>
      </c>
      <c r="BE5" s="587"/>
      <c r="BF5" s="587"/>
      <c r="BG5" s="587"/>
      <c r="BH5" s="587"/>
      <c r="BI5" s="588"/>
      <c r="BJ5" s="582" t="s">
        <v>52</v>
      </c>
      <c r="BK5" s="574" t="s">
        <v>61</v>
      </c>
      <c r="BL5" s="575"/>
      <c r="BM5" s="576"/>
      <c r="BN5" s="577" t="s">
        <v>62</v>
      </c>
      <c r="BO5" s="578"/>
      <c r="BP5" s="578"/>
      <c r="BQ5" s="578"/>
      <c r="BR5" s="578"/>
      <c r="BS5" s="579"/>
      <c r="BT5" s="589" t="s">
        <v>52</v>
      </c>
      <c r="BU5" s="591" t="s">
        <v>61</v>
      </c>
      <c r="BV5" s="584"/>
      <c r="BW5" s="585"/>
      <c r="BX5" s="586" t="s">
        <v>62</v>
      </c>
      <c r="BY5" s="587"/>
      <c r="BZ5" s="587"/>
      <c r="CA5" s="587"/>
      <c r="CB5" s="587"/>
      <c r="CC5" s="588"/>
      <c r="CD5" s="582" t="s">
        <v>52</v>
      </c>
      <c r="CE5" s="583" t="s">
        <v>61</v>
      </c>
      <c r="CF5" s="584"/>
      <c r="CG5" s="585"/>
      <c r="CH5" s="586" t="s">
        <v>62</v>
      </c>
      <c r="CI5" s="587"/>
      <c r="CJ5" s="587"/>
      <c r="CK5" s="587"/>
      <c r="CL5" s="587"/>
      <c r="CM5" s="588"/>
      <c r="CN5" s="582" t="s">
        <v>52</v>
      </c>
      <c r="CO5" s="574" t="s">
        <v>61</v>
      </c>
      <c r="CP5" s="575"/>
      <c r="CQ5" s="576"/>
      <c r="CR5" s="577" t="s">
        <v>62</v>
      </c>
      <c r="CS5" s="578"/>
      <c r="CT5" s="578"/>
      <c r="CU5" s="578"/>
      <c r="CV5" s="578"/>
      <c r="CW5" s="579"/>
      <c r="CX5" s="589" t="s">
        <v>52</v>
      </c>
      <c r="CY5" s="591" t="s">
        <v>61</v>
      </c>
      <c r="CZ5" s="584"/>
      <c r="DA5" s="585"/>
      <c r="DB5" s="586" t="s">
        <v>62</v>
      </c>
      <c r="DC5" s="587"/>
      <c r="DD5" s="587"/>
      <c r="DE5" s="587"/>
      <c r="DF5" s="587"/>
      <c r="DG5" s="588"/>
      <c r="DH5" s="582" t="s">
        <v>52</v>
      </c>
      <c r="DI5" s="583" t="s">
        <v>61</v>
      </c>
      <c r="DJ5" s="584"/>
      <c r="DK5" s="585"/>
      <c r="DL5" s="586" t="s">
        <v>62</v>
      </c>
      <c r="DM5" s="587"/>
      <c r="DN5" s="587"/>
      <c r="DO5" s="587"/>
      <c r="DP5" s="587"/>
      <c r="DQ5" s="588"/>
      <c r="DR5" s="582" t="s">
        <v>52</v>
      </c>
      <c r="DS5" s="574" t="s">
        <v>61</v>
      </c>
      <c r="DT5" s="575"/>
      <c r="DU5" s="576"/>
      <c r="DV5" s="577" t="s">
        <v>62</v>
      </c>
      <c r="DW5" s="578"/>
      <c r="DX5" s="578"/>
      <c r="DY5" s="578"/>
      <c r="DZ5" s="578"/>
      <c r="EA5" s="579"/>
      <c r="EB5" s="580" t="s">
        <v>52</v>
      </c>
    </row>
    <row r="6" spans="2:133" ht="30" customHeight="1" thickBot="1" x14ac:dyDescent="0.25">
      <c r="B6" s="313" t="s">
        <v>42</v>
      </c>
      <c r="C6" s="31" t="s">
        <v>43</v>
      </c>
      <c r="D6" s="32" t="s">
        <v>44</v>
      </c>
      <c r="E6" s="32" t="s">
        <v>45</v>
      </c>
      <c r="F6" s="33" t="s">
        <v>47</v>
      </c>
      <c r="G6" s="34" t="s">
        <v>48</v>
      </c>
      <c r="H6" s="34" t="s">
        <v>49</v>
      </c>
      <c r="I6" s="35" t="s">
        <v>50</v>
      </c>
      <c r="J6" s="32" t="s">
        <v>51</v>
      </c>
      <c r="K6" s="36" t="s">
        <v>95</v>
      </c>
      <c r="L6" s="590"/>
      <c r="M6" s="31" t="s">
        <v>43</v>
      </c>
      <c r="N6" s="32" t="s">
        <v>44</v>
      </c>
      <c r="O6" s="36" t="s">
        <v>45</v>
      </c>
      <c r="P6" s="33" t="s">
        <v>47</v>
      </c>
      <c r="Q6" s="34" t="s">
        <v>48</v>
      </c>
      <c r="R6" s="34" t="s">
        <v>49</v>
      </c>
      <c r="S6" s="35" t="s">
        <v>50</v>
      </c>
      <c r="T6" s="32" t="s">
        <v>51</v>
      </c>
      <c r="U6" s="36" t="s">
        <v>45</v>
      </c>
      <c r="V6" s="581"/>
      <c r="W6" s="15" t="s">
        <v>43</v>
      </c>
      <c r="X6" s="32" t="s">
        <v>44</v>
      </c>
      <c r="Y6" s="36" t="s">
        <v>45</v>
      </c>
      <c r="Z6" s="15" t="s">
        <v>47</v>
      </c>
      <c r="AA6" s="34" t="s">
        <v>48</v>
      </c>
      <c r="AB6" s="34" t="s">
        <v>49</v>
      </c>
      <c r="AC6" s="35" t="s">
        <v>50</v>
      </c>
      <c r="AD6" s="32" t="s">
        <v>51</v>
      </c>
      <c r="AE6" s="36" t="s">
        <v>45</v>
      </c>
      <c r="AF6" s="581"/>
      <c r="AG6" s="31" t="s">
        <v>43</v>
      </c>
      <c r="AH6" s="32" t="s">
        <v>44</v>
      </c>
      <c r="AI6" s="36" t="s">
        <v>45</v>
      </c>
      <c r="AJ6" s="15" t="s">
        <v>47</v>
      </c>
      <c r="AK6" s="34" t="s">
        <v>48</v>
      </c>
      <c r="AL6" s="34" t="s">
        <v>49</v>
      </c>
      <c r="AM6" s="35" t="s">
        <v>50</v>
      </c>
      <c r="AN6" s="32" t="s">
        <v>51</v>
      </c>
      <c r="AO6" s="36" t="s">
        <v>45</v>
      </c>
      <c r="AP6" s="581"/>
      <c r="AQ6" s="31" t="s">
        <v>43</v>
      </c>
      <c r="AR6" s="32" t="s">
        <v>44</v>
      </c>
      <c r="AS6" s="36" t="s">
        <v>45</v>
      </c>
      <c r="AT6" s="33" t="s">
        <v>47</v>
      </c>
      <c r="AU6" s="34" t="s">
        <v>48</v>
      </c>
      <c r="AV6" s="34" t="s">
        <v>49</v>
      </c>
      <c r="AW6" s="35" t="s">
        <v>50</v>
      </c>
      <c r="AX6" s="32" t="s">
        <v>51</v>
      </c>
      <c r="AY6" s="36" t="s">
        <v>45</v>
      </c>
      <c r="AZ6" s="590"/>
      <c r="BA6" s="31" t="s">
        <v>43</v>
      </c>
      <c r="BB6" s="32" t="s">
        <v>44</v>
      </c>
      <c r="BC6" s="32" t="s">
        <v>45</v>
      </c>
      <c r="BD6" s="33" t="s">
        <v>47</v>
      </c>
      <c r="BE6" s="34" t="s">
        <v>48</v>
      </c>
      <c r="BF6" s="34" t="s">
        <v>49</v>
      </c>
      <c r="BG6" s="35" t="s">
        <v>50</v>
      </c>
      <c r="BH6" s="32" t="s">
        <v>51</v>
      </c>
      <c r="BI6" s="36" t="s">
        <v>45</v>
      </c>
      <c r="BJ6" s="581"/>
      <c r="BK6" s="31" t="s">
        <v>43</v>
      </c>
      <c r="BL6" s="32" t="s">
        <v>44</v>
      </c>
      <c r="BM6" s="32" t="s">
        <v>45</v>
      </c>
      <c r="BN6" s="33" t="s">
        <v>47</v>
      </c>
      <c r="BO6" s="34" t="s">
        <v>48</v>
      </c>
      <c r="BP6" s="34" t="s">
        <v>49</v>
      </c>
      <c r="BQ6" s="35" t="s">
        <v>50</v>
      </c>
      <c r="BR6" s="32" t="s">
        <v>51</v>
      </c>
      <c r="BS6" s="36" t="s">
        <v>45</v>
      </c>
      <c r="BT6" s="590"/>
      <c r="BU6" s="31" t="s">
        <v>43</v>
      </c>
      <c r="BV6" s="32" t="s">
        <v>44</v>
      </c>
      <c r="BW6" s="32" t="s">
        <v>45</v>
      </c>
      <c r="BX6" s="33" t="s">
        <v>47</v>
      </c>
      <c r="BY6" s="34" t="s">
        <v>48</v>
      </c>
      <c r="BZ6" s="34" t="s">
        <v>49</v>
      </c>
      <c r="CA6" s="35" t="s">
        <v>50</v>
      </c>
      <c r="CB6" s="32" t="s">
        <v>51</v>
      </c>
      <c r="CC6" s="36" t="s">
        <v>45</v>
      </c>
      <c r="CD6" s="581"/>
      <c r="CE6" s="15" t="s">
        <v>43</v>
      </c>
      <c r="CF6" s="32" t="s">
        <v>44</v>
      </c>
      <c r="CG6" s="32" t="s">
        <v>45</v>
      </c>
      <c r="CH6" s="33" t="s">
        <v>47</v>
      </c>
      <c r="CI6" s="34" t="s">
        <v>48</v>
      </c>
      <c r="CJ6" s="34" t="s">
        <v>49</v>
      </c>
      <c r="CK6" s="35" t="s">
        <v>50</v>
      </c>
      <c r="CL6" s="32" t="s">
        <v>51</v>
      </c>
      <c r="CM6" s="36" t="s">
        <v>45</v>
      </c>
      <c r="CN6" s="581"/>
      <c r="CO6" s="31" t="s">
        <v>43</v>
      </c>
      <c r="CP6" s="32" t="s">
        <v>44</v>
      </c>
      <c r="CQ6" s="32" t="s">
        <v>45</v>
      </c>
      <c r="CR6" s="33" t="s">
        <v>47</v>
      </c>
      <c r="CS6" s="34" t="s">
        <v>48</v>
      </c>
      <c r="CT6" s="34" t="s">
        <v>49</v>
      </c>
      <c r="CU6" s="35" t="s">
        <v>50</v>
      </c>
      <c r="CV6" s="32" t="s">
        <v>51</v>
      </c>
      <c r="CW6" s="36" t="s">
        <v>45</v>
      </c>
      <c r="CX6" s="590"/>
      <c r="CY6" s="31" t="s">
        <v>43</v>
      </c>
      <c r="CZ6" s="32" t="s">
        <v>44</v>
      </c>
      <c r="DA6" s="32" t="s">
        <v>45</v>
      </c>
      <c r="DB6" s="33" t="s">
        <v>47</v>
      </c>
      <c r="DC6" s="34" t="s">
        <v>48</v>
      </c>
      <c r="DD6" s="34" t="s">
        <v>49</v>
      </c>
      <c r="DE6" s="35" t="s">
        <v>50</v>
      </c>
      <c r="DF6" s="32" t="s">
        <v>51</v>
      </c>
      <c r="DG6" s="36" t="s">
        <v>45</v>
      </c>
      <c r="DH6" s="581"/>
      <c r="DI6" s="15" t="s">
        <v>43</v>
      </c>
      <c r="DJ6" s="32" t="s">
        <v>44</v>
      </c>
      <c r="DK6" s="32" t="s">
        <v>45</v>
      </c>
      <c r="DL6" s="33" t="s">
        <v>47</v>
      </c>
      <c r="DM6" s="34" t="s">
        <v>48</v>
      </c>
      <c r="DN6" s="34" t="s">
        <v>49</v>
      </c>
      <c r="DO6" s="35" t="s">
        <v>50</v>
      </c>
      <c r="DP6" s="32" t="s">
        <v>51</v>
      </c>
      <c r="DQ6" s="36" t="s">
        <v>45</v>
      </c>
      <c r="DR6" s="581"/>
      <c r="DS6" s="31" t="s">
        <v>43</v>
      </c>
      <c r="DT6" s="32" t="s">
        <v>44</v>
      </c>
      <c r="DU6" s="32" t="s">
        <v>45</v>
      </c>
      <c r="DV6" s="33" t="s">
        <v>47</v>
      </c>
      <c r="DW6" s="34" t="s">
        <v>48</v>
      </c>
      <c r="DX6" s="34" t="s">
        <v>49</v>
      </c>
      <c r="DY6" s="35" t="s">
        <v>50</v>
      </c>
      <c r="DZ6" s="32" t="s">
        <v>51</v>
      </c>
      <c r="EA6" s="36" t="s">
        <v>45</v>
      </c>
      <c r="EB6" s="581"/>
    </row>
    <row r="7" spans="2:133" ht="21" customHeight="1" x14ac:dyDescent="0.2">
      <c r="B7" s="312" t="s">
        <v>4</v>
      </c>
      <c r="C7" s="185">
        <v>0</v>
      </c>
      <c r="D7" s="186">
        <v>0</v>
      </c>
      <c r="E7" s="186">
        <v>0</v>
      </c>
      <c r="F7" s="187">
        <v>428</v>
      </c>
      <c r="G7" s="188">
        <v>1473</v>
      </c>
      <c r="H7" s="188">
        <v>9768</v>
      </c>
      <c r="I7" s="188">
        <v>14492</v>
      </c>
      <c r="J7" s="186">
        <v>10236</v>
      </c>
      <c r="K7" s="189">
        <v>36397</v>
      </c>
      <c r="L7" s="190">
        <v>36397</v>
      </c>
      <c r="M7" s="185">
        <v>0</v>
      </c>
      <c r="N7" s="186">
        <v>0</v>
      </c>
      <c r="O7" s="189">
        <v>0</v>
      </c>
      <c r="P7" s="187">
        <v>423</v>
      </c>
      <c r="Q7" s="188">
        <v>1461</v>
      </c>
      <c r="R7" s="188">
        <v>9702</v>
      </c>
      <c r="S7" s="188">
        <v>14364</v>
      </c>
      <c r="T7" s="186">
        <v>10087</v>
      </c>
      <c r="U7" s="189">
        <v>36037</v>
      </c>
      <c r="V7" s="191">
        <v>36037</v>
      </c>
      <c r="W7" s="192">
        <v>0</v>
      </c>
      <c r="X7" s="186">
        <v>0</v>
      </c>
      <c r="Y7" s="189">
        <v>0</v>
      </c>
      <c r="Z7" s="192">
        <v>5</v>
      </c>
      <c r="AA7" s="188">
        <v>12</v>
      </c>
      <c r="AB7" s="188">
        <v>66</v>
      </c>
      <c r="AC7" s="188">
        <v>128</v>
      </c>
      <c r="AD7" s="186">
        <v>149</v>
      </c>
      <c r="AE7" s="189">
        <v>360</v>
      </c>
      <c r="AF7" s="193">
        <v>360</v>
      </c>
      <c r="AG7" s="192">
        <v>0</v>
      </c>
      <c r="AH7" s="186">
        <v>0</v>
      </c>
      <c r="AI7" s="189">
        <v>0</v>
      </c>
      <c r="AJ7" s="192">
        <v>1625</v>
      </c>
      <c r="AK7" s="188">
        <v>3402</v>
      </c>
      <c r="AL7" s="188">
        <v>4652</v>
      </c>
      <c r="AM7" s="188">
        <v>5484</v>
      </c>
      <c r="AN7" s="186">
        <v>2919</v>
      </c>
      <c r="AO7" s="189">
        <v>18082</v>
      </c>
      <c r="AP7" s="193">
        <v>18082</v>
      </c>
      <c r="AQ7" s="192">
        <v>0</v>
      </c>
      <c r="AR7" s="186">
        <v>0</v>
      </c>
      <c r="AS7" s="189">
        <v>0</v>
      </c>
      <c r="AT7" s="187">
        <v>1600</v>
      </c>
      <c r="AU7" s="188">
        <v>3368</v>
      </c>
      <c r="AV7" s="188">
        <v>4572</v>
      </c>
      <c r="AW7" s="188">
        <v>5382</v>
      </c>
      <c r="AX7" s="186">
        <v>2838</v>
      </c>
      <c r="AY7" s="189">
        <v>17760</v>
      </c>
      <c r="AZ7" s="190">
        <v>17760</v>
      </c>
      <c r="BA7" s="185">
        <v>0</v>
      </c>
      <c r="BB7" s="186">
        <v>0</v>
      </c>
      <c r="BC7" s="186">
        <v>0</v>
      </c>
      <c r="BD7" s="187">
        <v>25</v>
      </c>
      <c r="BE7" s="188">
        <v>34</v>
      </c>
      <c r="BF7" s="188">
        <v>80</v>
      </c>
      <c r="BG7" s="188">
        <v>102</v>
      </c>
      <c r="BH7" s="186">
        <v>81</v>
      </c>
      <c r="BI7" s="189">
        <v>322</v>
      </c>
      <c r="BJ7" s="191">
        <v>322</v>
      </c>
      <c r="BK7" s="192">
        <v>0</v>
      </c>
      <c r="BL7" s="186">
        <v>0</v>
      </c>
      <c r="BM7" s="186">
        <v>0</v>
      </c>
      <c r="BN7" s="187">
        <v>0</v>
      </c>
      <c r="BO7" s="188">
        <v>0</v>
      </c>
      <c r="BP7" s="188">
        <v>12</v>
      </c>
      <c r="BQ7" s="188">
        <v>141</v>
      </c>
      <c r="BR7" s="186">
        <v>201</v>
      </c>
      <c r="BS7" s="189">
        <v>354</v>
      </c>
      <c r="BT7" s="190">
        <v>354</v>
      </c>
      <c r="BU7" s="185">
        <v>0</v>
      </c>
      <c r="BV7" s="186">
        <v>0</v>
      </c>
      <c r="BW7" s="186">
        <v>0</v>
      </c>
      <c r="BX7" s="187">
        <v>0</v>
      </c>
      <c r="BY7" s="188">
        <v>0</v>
      </c>
      <c r="BZ7" s="188">
        <v>12</v>
      </c>
      <c r="CA7" s="188">
        <v>140</v>
      </c>
      <c r="CB7" s="186">
        <v>199</v>
      </c>
      <c r="CC7" s="189">
        <v>351</v>
      </c>
      <c r="CD7" s="191">
        <v>351</v>
      </c>
      <c r="CE7" s="192">
        <v>0</v>
      </c>
      <c r="CF7" s="186">
        <v>0</v>
      </c>
      <c r="CG7" s="186">
        <v>0</v>
      </c>
      <c r="CH7" s="187">
        <v>0</v>
      </c>
      <c r="CI7" s="188">
        <v>0</v>
      </c>
      <c r="CJ7" s="188">
        <v>0</v>
      </c>
      <c r="CK7" s="188">
        <v>1</v>
      </c>
      <c r="CL7" s="186">
        <v>2</v>
      </c>
      <c r="CM7" s="189">
        <v>3</v>
      </c>
      <c r="CN7" s="191">
        <v>3</v>
      </c>
      <c r="CO7" s="192">
        <v>0</v>
      </c>
      <c r="CP7" s="186">
        <v>0</v>
      </c>
      <c r="CQ7" s="186">
        <v>0</v>
      </c>
      <c r="CR7" s="187">
        <v>13</v>
      </c>
      <c r="CS7" s="188">
        <v>30</v>
      </c>
      <c r="CT7" s="188">
        <v>56</v>
      </c>
      <c r="CU7" s="188">
        <v>310</v>
      </c>
      <c r="CV7" s="186">
        <v>434</v>
      </c>
      <c r="CW7" s="189">
        <v>843</v>
      </c>
      <c r="CX7" s="190">
        <v>843</v>
      </c>
      <c r="CY7" s="185">
        <v>0</v>
      </c>
      <c r="CZ7" s="186">
        <v>0</v>
      </c>
      <c r="DA7" s="186">
        <v>0</v>
      </c>
      <c r="DB7" s="187">
        <v>12</v>
      </c>
      <c r="DC7" s="188">
        <v>29</v>
      </c>
      <c r="DD7" s="188">
        <v>56</v>
      </c>
      <c r="DE7" s="188">
        <v>304</v>
      </c>
      <c r="DF7" s="186">
        <v>412</v>
      </c>
      <c r="DG7" s="189">
        <v>813</v>
      </c>
      <c r="DH7" s="191">
        <v>813</v>
      </c>
      <c r="DI7" s="192">
        <v>0</v>
      </c>
      <c r="DJ7" s="186">
        <v>0</v>
      </c>
      <c r="DK7" s="186">
        <v>0</v>
      </c>
      <c r="DL7" s="187">
        <v>1</v>
      </c>
      <c r="DM7" s="188">
        <v>1</v>
      </c>
      <c r="DN7" s="188">
        <v>0</v>
      </c>
      <c r="DO7" s="188">
        <v>6</v>
      </c>
      <c r="DP7" s="186">
        <v>22</v>
      </c>
      <c r="DQ7" s="189">
        <v>30</v>
      </c>
      <c r="DR7" s="191">
        <v>30</v>
      </c>
      <c r="DS7" s="192">
        <v>0</v>
      </c>
      <c r="DT7" s="186">
        <v>0</v>
      </c>
      <c r="DU7" s="186">
        <v>0</v>
      </c>
      <c r="DV7" s="187">
        <v>2066</v>
      </c>
      <c r="DW7" s="188">
        <v>4905</v>
      </c>
      <c r="DX7" s="188">
        <v>14466</v>
      </c>
      <c r="DY7" s="188">
        <v>20402</v>
      </c>
      <c r="DZ7" s="186">
        <v>13767</v>
      </c>
      <c r="EA7" s="189">
        <v>55606</v>
      </c>
      <c r="EB7" s="191">
        <v>55606</v>
      </c>
      <c r="EC7" s="37"/>
    </row>
    <row r="8" spans="2:133" ht="21" customHeight="1" x14ac:dyDescent="0.2">
      <c r="B8" s="62" t="s">
        <v>5</v>
      </c>
      <c r="C8" s="194">
        <v>0</v>
      </c>
      <c r="D8" s="195">
        <v>0</v>
      </c>
      <c r="E8" s="195">
        <v>0</v>
      </c>
      <c r="F8" s="196">
        <v>237</v>
      </c>
      <c r="G8" s="197">
        <v>919</v>
      </c>
      <c r="H8" s="197">
        <v>4180</v>
      </c>
      <c r="I8" s="197">
        <v>5997</v>
      </c>
      <c r="J8" s="195">
        <v>4388</v>
      </c>
      <c r="K8" s="198">
        <v>15721</v>
      </c>
      <c r="L8" s="199">
        <v>15721</v>
      </c>
      <c r="M8" s="194">
        <v>0</v>
      </c>
      <c r="N8" s="195">
        <v>0</v>
      </c>
      <c r="O8" s="198">
        <v>0</v>
      </c>
      <c r="P8" s="196">
        <v>234</v>
      </c>
      <c r="Q8" s="197">
        <v>911</v>
      </c>
      <c r="R8" s="197">
        <v>4149</v>
      </c>
      <c r="S8" s="197">
        <v>5938</v>
      </c>
      <c r="T8" s="195">
        <v>4311</v>
      </c>
      <c r="U8" s="198">
        <v>15543</v>
      </c>
      <c r="V8" s="200">
        <v>15543</v>
      </c>
      <c r="W8" s="201">
        <v>0</v>
      </c>
      <c r="X8" s="195">
        <v>0</v>
      </c>
      <c r="Y8" s="198">
        <v>0</v>
      </c>
      <c r="Z8" s="201">
        <v>3</v>
      </c>
      <c r="AA8" s="197">
        <v>8</v>
      </c>
      <c r="AB8" s="197">
        <v>31</v>
      </c>
      <c r="AC8" s="197">
        <v>59</v>
      </c>
      <c r="AD8" s="195">
        <v>77</v>
      </c>
      <c r="AE8" s="198">
        <v>178</v>
      </c>
      <c r="AF8" s="202">
        <v>178</v>
      </c>
      <c r="AG8" s="201">
        <v>0</v>
      </c>
      <c r="AH8" s="195">
        <v>0</v>
      </c>
      <c r="AI8" s="198">
        <v>0</v>
      </c>
      <c r="AJ8" s="201">
        <v>596</v>
      </c>
      <c r="AK8" s="197">
        <v>1524</v>
      </c>
      <c r="AL8" s="197">
        <v>2039</v>
      </c>
      <c r="AM8" s="197">
        <v>2413</v>
      </c>
      <c r="AN8" s="195">
        <v>1420</v>
      </c>
      <c r="AO8" s="198">
        <v>7992</v>
      </c>
      <c r="AP8" s="202">
        <v>7992</v>
      </c>
      <c r="AQ8" s="201">
        <v>0</v>
      </c>
      <c r="AR8" s="195">
        <v>0</v>
      </c>
      <c r="AS8" s="198">
        <v>0</v>
      </c>
      <c r="AT8" s="196">
        <v>590</v>
      </c>
      <c r="AU8" s="197">
        <v>1505</v>
      </c>
      <c r="AV8" s="197">
        <v>2008</v>
      </c>
      <c r="AW8" s="197">
        <v>2370</v>
      </c>
      <c r="AX8" s="195">
        <v>1387</v>
      </c>
      <c r="AY8" s="198">
        <v>7860</v>
      </c>
      <c r="AZ8" s="199">
        <v>7860</v>
      </c>
      <c r="BA8" s="194">
        <v>0</v>
      </c>
      <c r="BB8" s="195">
        <v>0</v>
      </c>
      <c r="BC8" s="195">
        <v>0</v>
      </c>
      <c r="BD8" s="196">
        <v>6</v>
      </c>
      <c r="BE8" s="197">
        <v>19</v>
      </c>
      <c r="BF8" s="197">
        <v>31</v>
      </c>
      <c r="BG8" s="197">
        <v>43</v>
      </c>
      <c r="BH8" s="195">
        <v>33</v>
      </c>
      <c r="BI8" s="198">
        <v>132</v>
      </c>
      <c r="BJ8" s="200">
        <v>132</v>
      </c>
      <c r="BK8" s="201">
        <v>0</v>
      </c>
      <c r="BL8" s="195">
        <v>0</v>
      </c>
      <c r="BM8" s="195">
        <v>0</v>
      </c>
      <c r="BN8" s="196">
        <v>0</v>
      </c>
      <c r="BO8" s="197">
        <v>0</v>
      </c>
      <c r="BP8" s="197">
        <v>2</v>
      </c>
      <c r="BQ8" s="197">
        <v>58</v>
      </c>
      <c r="BR8" s="195">
        <v>82</v>
      </c>
      <c r="BS8" s="198">
        <v>142</v>
      </c>
      <c r="BT8" s="199">
        <v>142</v>
      </c>
      <c r="BU8" s="194">
        <v>0</v>
      </c>
      <c r="BV8" s="195">
        <v>0</v>
      </c>
      <c r="BW8" s="195">
        <v>0</v>
      </c>
      <c r="BX8" s="196">
        <v>0</v>
      </c>
      <c r="BY8" s="197">
        <v>0</v>
      </c>
      <c r="BZ8" s="197">
        <v>2</v>
      </c>
      <c r="CA8" s="197">
        <v>58</v>
      </c>
      <c r="CB8" s="195">
        <v>82</v>
      </c>
      <c r="CC8" s="198">
        <v>142</v>
      </c>
      <c r="CD8" s="200">
        <v>142</v>
      </c>
      <c r="CE8" s="201">
        <v>0</v>
      </c>
      <c r="CF8" s="195">
        <v>0</v>
      </c>
      <c r="CG8" s="195">
        <v>0</v>
      </c>
      <c r="CH8" s="196">
        <v>0</v>
      </c>
      <c r="CI8" s="197">
        <v>0</v>
      </c>
      <c r="CJ8" s="197">
        <v>0</v>
      </c>
      <c r="CK8" s="197">
        <v>0</v>
      </c>
      <c r="CL8" s="195">
        <v>0</v>
      </c>
      <c r="CM8" s="198">
        <v>0</v>
      </c>
      <c r="CN8" s="200">
        <v>0</v>
      </c>
      <c r="CO8" s="201">
        <v>0</v>
      </c>
      <c r="CP8" s="195">
        <v>0</v>
      </c>
      <c r="CQ8" s="195">
        <v>0</v>
      </c>
      <c r="CR8" s="196">
        <v>2</v>
      </c>
      <c r="CS8" s="197">
        <v>9</v>
      </c>
      <c r="CT8" s="197">
        <v>14</v>
      </c>
      <c r="CU8" s="197">
        <v>83</v>
      </c>
      <c r="CV8" s="195">
        <v>105</v>
      </c>
      <c r="CW8" s="198">
        <v>213</v>
      </c>
      <c r="CX8" s="199">
        <v>213</v>
      </c>
      <c r="CY8" s="194">
        <v>0</v>
      </c>
      <c r="CZ8" s="195">
        <v>0</v>
      </c>
      <c r="DA8" s="195">
        <v>0</v>
      </c>
      <c r="DB8" s="196">
        <v>2</v>
      </c>
      <c r="DC8" s="197">
        <v>9</v>
      </c>
      <c r="DD8" s="197">
        <v>14</v>
      </c>
      <c r="DE8" s="197">
        <v>81</v>
      </c>
      <c r="DF8" s="195">
        <v>102</v>
      </c>
      <c r="DG8" s="198">
        <v>208</v>
      </c>
      <c r="DH8" s="200">
        <v>208</v>
      </c>
      <c r="DI8" s="201">
        <v>0</v>
      </c>
      <c r="DJ8" s="195">
        <v>0</v>
      </c>
      <c r="DK8" s="195">
        <v>0</v>
      </c>
      <c r="DL8" s="196">
        <v>0</v>
      </c>
      <c r="DM8" s="197">
        <v>0</v>
      </c>
      <c r="DN8" s="197">
        <v>0</v>
      </c>
      <c r="DO8" s="197">
        <v>2</v>
      </c>
      <c r="DP8" s="195">
        <v>3</v>
      </c>
      <c r="DQ8" s="198">
        <v>5</v>
      </c>
      <c r="DR8" s="200">
        <v>5</v>
      </c>
      <c r="DS8" s="201">
        <v>0</v>
      </c>
      <c r="DT8" s="195">
        <v>0</v>
      </c>
      <c r="DU8" s="195">
        <v>0</v>
      </c>
      <c r="DV8" s="196">
        <v>835</v>
      </c>
      <c r="DW8" s="197">
        <v>2452</v>
      </c>
      <c r="DX8" s="197">
        <v>6235</v>
      </c>
      <c r="DY8" s="197">
        <v>8551</v>
      </c>
      <c r="DZ8" s="195">
        <v>5995</v>
      </c>
      <c r="EA8" s="198">
        <v>24068</v>
      </c>
      <c r="EB8" s="200">
        <v>24068</v>
      </c>
      <c r="EC8" s="37"/>
    </row>
    <row r="9" spans="2:133" ht="21" customHeight="1" x14ac:dyDescent="0.2">
      <c r="B9" s="62" t="s">
        <v>6</v>
      </c>
      <c r="C9" s="194">
        <v>0</v>
      </c>
      <c r="D9" s="195">
        <v>0</v>
      </c>
      <c r="E9" s="195">
        <v>0</v>
      </c>
      <c r="F9" s="196">
        <v>75</v>
      </c>
      <c r="G9" s="197">
        <v>166</v>
      </c>
      <c r="H9" s="197">
        <v>1263</v>
      </c>
      <c r="I9" s="197">
        <v>1797</v>
      </c>
      <c r="J9" s="195">
        <v>1240</v>
      </c>
      <c r="K9" s="198">
        <v>4541</v>
      </c>
      <c r="L9" s="199">
        <v>4541</v>
      </c>
      <c r="M9" s="194">
        <v>0</v>
      </c>
      <c r="N9" s="195">
        <v>0</v>
      </c>
      <c r="O9" s="198">
        <v>0</v>
      </c>
      <c r="P9" s="196">
        <v>75</v>
      </c>
      <c r="Q9" s="197">
        <v>165</v>
      </c>
      <c r="R9" s="197">
        <v>1250</v>
      </c>
      <c r="S9" s="197">
        <v>1779</v>
      </c>
      <c r="T9" s="195">
        <v>1226</v>
      </c>
      <c r="U9" s="198">
        <v>4495</v>
      </c>
      <c r="V9" s="200">
        <v>4495</v>
      </c>
      <c r="W9" s="201">
        <v>0</v>
      </c>
      <c r="X9" s="195">
        <v>0</v>
      </c>
      <c r="Y9" s="198">
        <v>0</v>
      </c>
      <c r="Z9" s="201">
        <v>0</v>
      </c>
      <c r="AA9" s="197">
        <v>1</v>
      </c>
      <c r="AB9" s="197">
        <v>13</v>
      </c>
      <c r="AC9" s="197">
        <v>18</v>
      </c>
      <c r="AD9" s="195">
        <v>14</v>
      </c>
      <c r="AE9" s="198">
        <v>46</v>
      </c>
      <c r="AF9" s="202">
        <v>46</v>
      </c>
      <c r="AG9" s="201">
        <v>0</v>
      </c>
      <c r="AH9" s="195">
        <v>0</v>
      </c>
      <c r="AI9" s="198">
        <v>0</v>
      </c>
      <c r="AJ9" s="201">
        <v>201</v>
      </c>
      <c r="AK9" s="197">
        <v>336</v>
      </c>
      <c r="AL9" s="197">
        <v>466</v>
      </c>
      <c r="AM9" s="197">
        <v>685</v>
      </c>
      <c r="AN9" s="195">
        <v>329</v>
      </c>
      <c r="AO9" s="198">
        <v>2017</v>
      </c>
      <c r="AP9" s="202">
        <v>2017</v>
      </c>
      <c r="AQ9" s="201">
        <v>0</v>
      </c>
      <c r="AR9" s="195">
        <v>0</v>
      </c>
      <c r="AS9" s="198">
        <v>0</v>
      </c>
      <c r="AT9" s="196">
        <v>196</v>
      </c>
      <c r="AU9" s="197">
        <v>332</v>
      </c>
      <c r="AV9" s="197">
        <v>455</v>
      </c>
      <c r="AW9" s="197">
        <v>666</v>
      </c>
      <c r="AX9" s="195">
        <v>312</v>
      </c>
      <c r="AY9" s="198">
        <v>1961</v>
      </c>
      <c r="AZ9" s="199">
        <v>1961</v>
      </c>
      <c r="BA9" s="194">
        <v>0</v>
      </c>
      <c r="BB9" s="195">
        <v>0</v>
      </c>
      <c r="BC9" s="195">
        <v>0</v>
      </c>
      <c r="BD9" s="196">
        <v>5</v>
      </c>
      <c r="BE9" s="197">
        <v>4</v>
      </c>
      <c r="BF9" s="197">
        <v>11</v>
      </c>
      <c r="BG9" s="197">
        <v>19</v>
      </c>
      <c r="BH9" s="195">
        <v>17</v>
      </c>
      <c r="BI9" s="198">
        <v>56</v>
      </c>
      <c r="BJ9" s="200">
        <v>56</v>
      </c>
      <c r="BK9" s="201">
        <v>0</v>
      </c>
      <c r="BL9" s="195">
        <v>0</v>
      </c>
      <c r="BM9" s="195">
        <v>0</v>
      </c>
      <c r="BN9" s="196">
        <v>0</v>
      </c>
      <c r="BO9" s="197">
        <v>0</v>
      </c>
      <c r="BP9" s="197">
        <v>8</v>
      </c>
      <c r="BQ9" s="197">
        <v>46</v>
      </c>
      <c r="BR9" s="195">
        <v>74</v>
      </c>
      <c r="BS9" s="198">
        <v>128</v>
      </c>
      <c r="BT9" s="199">
        <v>128</v>
      </c>
      <c r="BU9" s="194">
        <v>0</v>
      </c>
      <c r="BV9" s="195">
        <v>0</v>
      </c>
      <c r="BW9" s="195">
        <v>0</v>
      </c>
      <c r="BX9" s="196">
        <v>0</v>
      </c>
      <c r="BY9" s="197">
        <v>0</v>
      </c>
      <c r="BZ9" s="197">
        <v>8</v>
      </c>
      <c r="CA9" s="197">
        <v>45</v>
      </c>
      <c r="CB9" s="195">
        <v>72</v>
      </c>
      <c r="CC9" s="198">
        <v>125</v>
      </c>
      <c r="CD9" s="200">
        <v>125</v>
      </c>
      <c r="CE9" s="201">
        <v>0</v>
      </c>
      <c r="CF9" s="195">
        <v>0</v>
      </c>
      <c r="CG9" s="195">
        <v>0</v>
      </c>
      <c r="CH9" s="196">
        <v>0</v>
      </c>
      <c r="CI9" s="197">
        <v>0</v>
      </c>
      <c r="CJ9" s="197">
        <v>0</v>
      </c>
      <c r="CK9" s="197">
        <v>1</v>
      </c>
      <c r="CL9" s="195">
        <v>2</v>
      </c>
      <c r="CM9" s="198">
        <v>3</v>
      </c>
      <c r="CN9" s="200">
        <v>3</v>
      </c>
      <c r="CO9" s="201">
        <v>0</v>
      </c>
      <c r="CP9" s="195">
        <v>0</v>
      </c>
      <c r="CQ9" s="195">
        <v>0</v>
      </c>
      <c r="CR9" s="196">
        <v>1</v>
      </c>
      <c r="CS9" s="197">
        <v>1</v>
      </c>
      <c r="CT9" s="197">
        <v>3</v>
      </c>
      <c r="CU9" s="197">
        <v>44</v>
      </c>
      <c r="CV9" s="195">
        <v>58</v>
      </c>
      <c r="CW9" s="198">
        <v>107</v>
      </c>
      <c r="CX9" s="199">
        <v>107</v>
      </c>
      <c r="CY9" s="194">
        <v>0</v>
      </c>
      <c r="CZ9" s="195">
        <v>0</v>
      </c>
      <c r="DA9" s="195">
        <v>0</v>
      </c>
      <c r="DB9" s="196">
        <v>1</v>
      </c>
      <c r="DC9" s="197">
        <v>1</v>
      </c>
      <c r="DD9" s="197">
        <v>3</v>
      </c>
      <c r="DE9" s="197">
        <v>43</v>
      </c>
      <c r="DF9" s="195">
        <v>56</v>
      </c>
      <c r="DG9" s="198">
        <v>104</v>
      </c>
      <c r="DH9" s="200">
        <v>104</v>
      </c>
      <c r="DI9" s="201">
        <v>0</v>
      </c>
      <c r="DJ9" s="195">
        <v>0</v>
      </c>
      <c r="DK9" s="195">
        <v>0</v>
      </c>
      <c r="DL9" s="196">
        <v>0</v>
      </c>
      <c r="DM9" s="197">
        <v>0</v>
      </c>
      <c r="DN9" s="197">
        <v>0</v>
      </c>
      <c r="DO9" s="197">
        <v>1</v>
      </c>
      <c r="DP9" s="195">
        <v>2</v>
      </c>
      <c r="DQ9" s="198">
        <v>3</v>
      </c>
      <c r="DR9" s="200">
        <v>3</v>
      </c>
      <c r="DS9" s="201">
        <v>0</v>
      </c>
      <c r="DT9" s="195">
        <v>0</v>
      </c>
      <c r="DU9" s="195">
        <v>0</v>
      </c>
      <c r="DV9" s="196">
        <v>277</v>
      </c>
      <c r="DW9" s="197">
        <v>503</v>
      </c>
      <c r="DX9" s="197">
        <v>1740</v>
      </c>
      <c r="DY9" s="197">
        <v>2572</v>
      </c>
      <c r="DZ9" s="195">
        <v>1701</v>
      </c>
      <c r="EA9" s="198">
        <v>6793</v>
      </c>
      <c r="EB9" s="200">
        <v>6793</v>
      </c>
      <c r="EC9" s="37"/>
    </row>
    <row r="10" spans="2:133" ht="21" customHeight="1" x14ac:dyDescent="0.2">
      <c r="B10" s="62" t="s">
        <v>14</v>
      </c>
      <c r="C10" s="194">
        <v>0</v>
      </c>
      <c r="D10" s="195">
        <v>0</v>
      </c>
      <c r="E10" s="195">
        <v>0</v>
      </c>
      <c r="F10" s="196">
        <v>9</v>
      </c>
      <c r="G10" s="197">
        <v>50</v>
      </c>
      <c r="H10" s="197">
        <v>820</v>
      </c>
      <c r="I10" s="197">
        <v>1248</v>
      </c>
      <c r="J10" s="195">
        <v>796</v>
      </c>
      <c r="K10" s="198">
        <v>2923</v>
      </c>
      <c r="L10" s="199">
        <v>2923</v>
      </c>
      <c r="M10" s="194">
        <v>0</v>
      </c>
      <c r="N10" s="195">
        <v>0</v>
      </c>
      <c r="O10" s="198">
        <v>0</v>
      </c>
      <c r="P10" s="196">
        <v>9</v>
      </c>
      <c r="Q10" s="197">
        <v>50</v>
      </c>
      <c r="R10" s="197">
        <v>816</v>
      </c>
      <c r="S10" s="197">
        <v>1239</v>
      </c>
      <c r="T10" s="195">
        <v>785</v>
      </c>
      <c r="U10" s="198">
        <v>2899</v>
      </c>
      <c r="V10" s="200">
        <v>2899</v>
      </c>
      <c r="W10" s="201">
        <v>0</v>
      </c>
      <c r="X10" s="195">
        <v>0</v>
      </c>
      <c r="Y10" s="198">
        <v>0</v>
      </c>
      <c r="Z10" s="201">
        <v>0</v>
      </c>
      <c r="AA10" s="197">
        <v>0</v>
      </c>
      <c r="AB10" s="197">
        <v>4</v>
      </c>
      <c r="AC10" s="197">
        <v>9</v>
      </c>
      <c r="AD10" s="195">
        <v>11</v>
      </c>
      <c r="AE10" s="198">
        <v>24</v>
      </c>
      <c r="AF10" s="202">
        <v>24</v>
      </c>
      <c r="AG10" s="201">
        <v>0</v>
      </c>
      <c r="AH10" s="195">
        <v>0</v>
      </c>
      <c r="AI10" s="198">
        <v>0</v>
      </c>
      <c r="AJ10" s="201">
        <v>70</v>
      </c>
      <c r="AK10" s="197">
        <v>202</v>
      </c>
      <c r="AL10" s="197">
        <v>298</v>
      </c>
      <c r="AM10" s="197">
        <v>381</v>
      </c>
      <c r="AN10" s="195">
        <v>187</v>
      </c>
      <c r="AO10" s="198">
        <v>1138</v>
      </c>
      <c r="AP10" s="202">
        <v>1138</v>
      </c>
      <c r="AQ10" s="201">
        <v>0</v>
      </c>
      <c r="AR10" s="195">
        <v>0</v>
      </c>
      <c r="AS10" s="198">
        <v>0</v>
      </c>
      <c r="AT10" s="196">
        <v>67</v>
      </c>
      <c r="AU10" s="197">
        <v>201</v>
      </c>
      <c r="AV10" s="197">
        <v>291</v>
      </c>
      <c r="AW10" s="197">
        <v>375</v>
      </c>
      <c r="AX10" s="195">
        <v>183</v>
      </c>
      <c r="AY10" s="198">
        <v>1117</v>
      </c>
      <c r="AZ10" s="199">
        <v>1117</v>
      </c>
      <c r="BA10" s="194">
        <v>0</v>
      </c>
      <c r="BB10" s="195">
        <v>0</v>
      </c>
      <c r="BC10" s="195">
        <v>0</v>
      </c>
      <c r="BD10" s="196">
        <v>3</v>
      </c>
      <c r="BE10" s="197">
        <v>1</v>
      </c>
      <c r="BF10" s="197">
        <v>7</v>
      </c>
      <c r="BG10" s="197">
        <v>6</v>
      </c>
      <c r="BH10" s="195">
        <v>4</v>
      </c>
      <c r="BI10" s="198">
        <v>21</v>
      </c>
      <c r="BJ10" s="200">
        <v>21</v>
      </c>
      <c r="BK10" s="201">
        <v>0</v>
      </c>
      <c r="BL10" s="195">
        <v>0</v>
      </c>
      <c r="BM10" s="195">
        <v>0</v>
      </c>
      <c r="BN10" s="196">
        <v>0</v>
      </c>
      <c r="BO10" s="197">
        <v>0</v>
      </c>
      <c r="BP10" s="197">
        <v>1</v>
      </c>
      <c r="BQ10" s="197">
        <v>26</v>
      </c>
      <c r="BR10" s="195">
        <v>21</v>
      </c>
      <c r="BS10" s="198">
        <v>48</v>
      </c>
      <c r="BT10" s="199">
        <v>48</v>
      </c>
      <c r="BU10" s="194">
        <v>0</v>
      </c>
      <c r="BV10" s="195">
        <v>0</v>
      </c>
      <c r="BW10" s="195">
        <v>0</v>
      </c>
      <c r="BX10" s="196">
        <v>0</v>
      </c>
      <c r="BY10" s="197">
        <v>0</v>
      </c>
      <c r="BZ10" s="197">
        <v>1</v>
      </c>
      <c r="CA10" s="197">
        <v>26</v>
      </c>
      <c r="CB10" s="195">
        <v>21</v>
      </c>
      <c r="CC10" s="198">
        <v>48</v>
      </c>
      <c r="CD10" s="200">
        <v>48</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9</v>
      </c>
      <c r="CU10" s="197">
        <v>73</v>
      </c>
      <c r="CV10" s="195">
        <v>72</v>
      </c>
      <c r="CW10" s="198">
        <v>154</v>
      </c>
      <c r="CX10" s="199">
        <v>154</v>
      </c>
      <c r="CY10" s="194">
        <v>0</v>
      </c>
      <c r="CZ10" s="195">
        <v>0</v>
      </c>
      <c r="DA10" s="195">
        <v>0</v>
      </c>
      <c r="DB10" s="196">
        <v>0</v>
      </c>
      <c r="DC10" s="197">
        <v>0</v>
      </c>
      <c r="DD10" s="197">
        <v>9</v>
      </c>
      <c r="DE10" s="197">
        <v>72</v>
      </c>
      <c r="DF10" s="195">
        <v>67</v>
      </c>
      <c r="DG10" s="198">
        <v>148</v>
      </c>
      <c r="DH10" s="200">
        <v>148</v>
      </c>
      <c r="DI10" s="201">
        <v>0</v>
      </c>
      <c r="DJ10" s="195">
        <v>0</v>
      </c>
      <c r="DK10" s="195">
        <v>0</v>
      </c>
      <c r="DL10" s="196">
        <v>0</v>
      </c>
      <c r="DM10" s="197">
        <v>0</v>
      </c>
      <c r="DN10" s="197">
        <v>0</v>
      </c>
      <c r="DO10" s="197">
        <v>1</v>
      </c>
      <c r="DP10" s="195">
        <v>5</v>
      </c>
      <c r="DQ10" s="198">
        <v>6</v>
      </c>
      <c r="DR10" s="200">
        <v>6</v>
      </c>
      <c r="DS10" s="201">
        <v>0</v>
      </c>
      <c r="DT10" s="195">
        <v>0</v>
      </c>
      <c r="DU10" s="195">
        <v>0</v>
      </c>
      <c r="DV10" s="196">
        <v>79</v>
      </c>
      <c r="DW10" s="197">
        <v>252</v>
      </c>
      <c r="DX10" s="197">
        <v>1125</v>
      </c>
      <c r="DY10" s="197">
        <v>1724</v>
      </c>
      <c r="DZ10" s="195">
        <v>1071</v>
      </c>
      <c r="EA10" s="198">
        <v>4251</v>
      </c>
      <c r="EB10" s="200">
        <v>4251</v>
      </c>
      <c r="EC10" s="37"/>
    </row>
    <row r="11" spans="2:133" ht="21" customHeight="1" x14ac:dyDescent="0.2">
      <c r="B11" s="62" t="s">
        <v>7</v>
      </c>
      <c r="C11" s="194">
        <v>0</v>
      </c>
      <c r="D11" s="195">
        <v>0</v>
      </c>
      <c r="E11" s="195">
        <v>0</v>
      </c>
      <c r="F11" s="196">
        <v>19</v>
      </c>
      <c r="G11" s="197">
        <v>44</v>
      </c>
      <c r="H11" s="197">
        <v>542</v>
      </c>
      <c r="I11" s="197">
        <v>941</v>
      </c>
      <c r="J11" s="195">
        <v>576</v>
      </c>
      <c r="K11" s="198">
        <v>2122</v>
      </c>
      <c r="L11" s="199">
        <v>2122</v>
      </c>
      <c r="M11" s="194">
        <v>0</v>
      </c>
      <c r="N11" s="195">
        <v>0</v>
      </c>
      <c r="O11" s="198">
        <v>0</v>
      </c>
      <c r="P11" s="196">
        <v>18</v>
      </c>
      <c r="Q11" s="197">
        <v>43</v>
      </c>
      <c r="R11" s="197">
        <v>540</v>
      </c>
      <c r="S11" s="197">
        <v>931</v>
      </c>
      <c r="T11" s="195">
        <v>567</v>
      </c>
      <c r="U11" s="198">
        <v>2099</v>
      </c>
      <c r="V11" s="200">
        <v>2099</v>
      </c>
      <c r="W11" s="201">
        <v>0</v>
      </c>
      <c r="X11" s="195">
        <v>0</v>
      </c>
      <c r="Y11" s="198">
        <v>0</v>
      </c>
      <c r="Z11" s="201">
        <v>1</v>
      </c>
      <c r="AA11" s="197">
        <v>1</v>
      </c>
      <c r="AB11" s="197">
        <v>2</v>
      </c>
      <c r="AC11" s="197">
        <v>10</v>
      </c>
      <c r="AD11" s="195">
        <v>9</v>
      </c>
      <c r="AE11" s="198">
        <v>23</v>
      </c>
      <c r="AF11" s="202">
        <v>23</v>
      </c>
      <c r="AG11" s="201">
        <v>0</v>
      </c>
      <c r="AH11" s="195">
        <v>0</v>
      </c>
      <c r="AI11" s="198">
        <v>0</v>
      </c>
      <c r="AJ11" s="201">
        <v>153</v>
      </c>
      <c r="AK11" s="197">
        <v>208</v>
      </c>
      <c r="AL11" s="197">
        <v>246</v>
      </c>
      <c r="AM11" s="197">
        <v>293</v>
      </c>
      <c r="AN11" s="195">
        <v>94</v>
      </c>
      <c r="AO11" s="198">
        <v>994</v>
      </c>
      <c r="AP11" s="202">
        <v>994</v>
      </c>
      <c r="AQ11" s="201">
        <v>0</v>
      </c>
      <c r="AR11" s="195">
        <v>0</v>
      </c>
      <c r="AS11" s="198">
        <v>0</v>
      </c>
      <c r="AT11" s="196">
        <v>152</v>
      </c>
      <c r="AU11" s="197">
        <v>207</v>
      </c>
      <c r="AV11" s="197">
        <v>242</v>
      </c>
      <c r="AW11" s="197">
        <v>288</v>
      </c>
      <c r="AX11" s="195">
        <v>92</v>
      </c>
      <c r="AY11" s="198">
        <v>981</v>
      </c>
      <c r="AZ11" s="199">
        <v>981</v>
      </c>
      <c r="BA11" s="194">
        <v>0</v>
      </c>
      <c r="BB11" s="195">
        <v>0</v>
      </c>
      <c r="BC11" s="195">
        <v>0</v>
      </c>
      <c r="BD11" s="196">
        <v>1</v>
      </c>
      <c r="BE11" s="197">
        <v>1</v>
      </c>
      <c r="BF11" s="197">
        <v>4</v>
      </c>
      <c r="BG11" s="197">
        <v>5</v>
      </c>
      <c r="BH11" s="195">
        <v>2</v>
      </c>
      <c r="BI11" s="198">
        <v>13</v>
      </c>
      <c r="BJ11" s="200">
        <v>13</v>
      </c>
      <c r="BK11" s="201">
        <v>0</v>
      </c>
      <c r="BL11" s="195">
        <v>0</v>
      </c>
      <c r="BM11" s="195">
        <v>0</v>
      </c>
      <c r="BN11" s="196">
        <v>0</v>
      </c>
      <c r="BO11" s="197">
        <v>0</v>
      </c>
      <c r="BP11" s="197">
        <v>0</v>
      </c>
      <c r="BQ11" s="197">
        <v>2</v>
      </c>
      <c r="BR11" s="195">
        <v>3</v>
      </c>
      <c r="BS11" s="198">
        <v>5</v>
      </c>
      <c r="BT11" s="199">
        <v>5</v>
      </c>
      <c r="BU11" s="194">
        <v>0</v>
      </c>
      <c r="BV11" s="195">
        <v>0</v>
      </c>
      <c r="BW11" s="195">
        <v>0</v>
      </c>
      <c r="BX11" s="196">
        <v>0</v>
      </c>
      <c r="BY11" s="197">
        <v>0</v>
      </c>
      <c r="BZ11" s="197">
        <v>0</v>
      </c>
      <c r="CA11" s="197">
        <v>2</v>
      </c>
      <c r="CB11" s="195">
        <v>3</v>
      </c>
      <c r="CC11" s="198">
        <v>5</v>
      </c>
      <c r="CD11" s="200">
        <v>5</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2</v>
      </c>
      <c r="CV11" s="195">
        <v>3</v>
      </c>
      <c r="CW11" s="198">
        <v>7</v>
      </c>
      <c r="CX11" s="199">
        <v>7</v>
      </c>
      <c r="CY11" s="194">
        <v>0</v>
      </c>
      <c r="CZ11" s="195">
        <v>0</v>
      </c>
      <c r="DA11" s="195">
        <v>0</v>
      </c>
      <c r="DB11" s="196">
        <v>0</v>
      </c>
      <c r="DC11" s="197">
        <v>0</v>
      </c>
      <c r="DD11" s="197">
        <v>2</v>
      </c>
      <c r="DE11" s="197">
        <v>2</v>
      </c>
      <c r="DF11" s="195">
        <v>3</v>
      </c>
      <c r="DG11" s="198">
        <v>7</v>
      </c>
      <c r="DH11" s="200">
        <v>7</v>
      </c>
      <c r="DI11" s="201">
        <v>0</v>
      </c>
      <c r="DJ11" s="195">
        <v>0</v>
      </c>
      <c r="DK11" s="195">
        <v>0</v>
      </c>
      <c r="DL11" s="196">
        <v>0</v>
      </c>
      <c r="DM11" s="197">
        <v>0</v>
      </c>
      <c r="DN11" s="197">
        <v>0</v>
      </c>
      <c r="DO11" s="197">
        <v>0</v>
      </c>
      <c r="DP11" s="195">
        <v>0</v>
      </c>
      <c r="DQ11" s="198">
        <v>0</v>
      </c>
      <c r="DR11" s="200">
        <v>0</v>
      </c>
      <c r="DS11" s="201">
        <v>0</v>
      </c>
      <c r="DT11" s="195">
        <v>0</v>
      </c>
      <c r="DU11" s="195">
        <v>0</v>
      </c>
      <c r="DV11" s="196">
        <v>172</v>
      </c>
      <c r="DW11" s="197">
        <v>252</v>
      </c>
      <c r="DX11" s="197">
        <v>786</v>
      </c>
      <c r="DY11" s="197">
        <v>1233</v>
      </c>
      <c r="DZ11" s="195">
        <v>673</v>
      </c>
      <c r="EA11" s="198">
        <v>3116</v>
      </c>
      <c r="EB11" s="200">
        <v>3116</v>
      </c>
      <c r="EC11" s="37"/>
    </row>
    <row r="12" spans="2:133" ht="21" customHeight="1" x14ac:dyDescent="0.2">
      <c r="B12" s="62" t="s">
        <v>8</v>
      </c>
      <c r="C12" s="194">
        <v>0</v>
      </c>
      <c r="D12" s="195">
        <v>0</v>
      </c>
      <c r="E12" s="195">
        <v>0</v>
      </c>
      <c r="F12" s="196">
        <v>22</v>
      </c>
      <c r="G12" s="197">
        <v>68</v>
      </c>
      <c r="H12" s="197">
        <v>386</v>
      </c>
      <c r="I12" s="197">
        <v>443</v>
      </c>
      <c r="J12" s="195">
        <v>254</v>
      </c>
      <c r="K12" s="198">
        <v>1173</v>
      </c>
      <c r="L12" s="199">
        <v>1173</v>
      </c>
      <c r="M12" s="194">
        <v>0</v>
      </c>
      <c r="N12" s="195">
        <v>0</v>
      </c>
      <c r="O12" s="198">
        <v>0</v>
      </c>
      <c r="P12" s="196">
        <v>22</v>
      </c>
      <c r="Q12" s="197">
        <v>68</v>
      </c>
      <c r="R12" s="197">
        <v>383</v>
      </c>
      <c r="S12" s="197">
        <v>438</v>
      </c>
      <c r="T12" s="195">
        <v>253</v>
      </c>
      <c r="U12" s="198">
        <v>1164</v>
      </c>
      <c r="V12" s="200">
        <v>1164</v>
      </c>
      <c r="W12" s="201">
        <v>0</v>
      </c>
      <c r="X12" s="195">
        <v>0</v>
      </c>
      <c r="Y12" s="198">
        <v>0</v>
      </c>
      <c r="Z12" s="201">
        <v>0</v>
      </c>
      <c r="AA12" s="197">
        <v>0</v>
      </c>
      <c r="AB12" s="197">
        <v>3</v>
      </c>
      <c r="AC12" s="197">
        <v>5</v>
      </c>
      <c r="AD12" s="195">
        <v>1</v>
      </c>
      <c r="AE12" s="198">
        <v>9</v>
      </c>
      <c r="AF12" s="202">
        <v>9</v>
      </c>
      <c r="AG12" s="201">
        <v>0</v>
      </c>
      <c r="AH12" s="195">
        <v>0</v>
      </c>
      <c r="AI12" s="198">
        <v>0</v>
      </c>
      <c r="AJ12" s="201">
        <v>44</v>
      </c>
      <c r="AK12" s="197">
        <v>99</v>
      </c>
      <c r="AL12" s="197">
        <v>151</v>
      </c>
      <c r="AM12" s="197">
        <v>127</v>
      </c>
      <c r="AN12" s="195">
        <v>65</v>
      </c>
      <c r="AO12" s="198">
        <v>486</v>
      </c>
      <c r="AP12" s="202">
        <v>486</v>
      </c>
      <c r="AQ12" s="201">
        <v>0</v>
      </c>
      <c r="AR12" s="195">
        <v>0</v>
      </c>
      <c r="AS12" s="198">
        <v>0</v>
      </c>
      <c r="AT12" s="196">
        <v>44</v>
      </c>
      <c r="AU12" s="197">
        <v>98</v>
      </c>
      <c r="AV12" s="197">
        <v>149</v>
      </c>
      <c r="AW12" s="197">
        <v>125</v>
      </c>
      <c r="AX12" s="195">
        <v>63</v>
      </c>
      <c r="AY12" s="198">
        <v>479</v>
      </c>
      <c r="AZ12" s="199">
        <v>479</v>
      </c>
      <c r="BA12" s="194">
        <v>0</v>
      </c>
      <c r="BB12" s="195">
        <v>0</v>
      </c>
      <c r="BC12" s="195">
        <v>0</v>
      </c>
      <c r="BD12" s="196">
        <v>0</v>
      </c>
      <c r="BE12" s="197">
        <v>1</v>
      </c>
      <c r="BF12" s="197">
        <v>2</v>
      </c>
      <c r="BG12" s="197">
        <v>2</v>
      </c>
      <c r="BH12" s="195">
        <v>2</v>
      </c>
      <c r="BI12" s="198">
        <v>7</v>
      </c>
      <c r="BJ12" s="200">
        <v>7</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3</v>
      </c>
      <c r="CU12" s="197">
        <v>9</v>
      </c>
      <c r="CV12" s="195">
        <v>12</v>
      </c>
      <c r="CW12" s="198">
        <v>25</v>
      </c>
      <c r="CX12" s="199">
        <v>25</v>
      </c>
      <c r="CY12" s="194">
        <v>0</v>
      </c>
      <c r="CZ12" s="195">
        <v>0</v>
      </c>
      <c r="DA12" s="195">
        <v>0</v>
      </c>
      <c r="DB12" s="196">
        <v>1</v>
      </c>
      <c r="DC12" s="197">
        <v>0</v>
      </c>
      <c r="DD12" s="197">
        <v>3</v>
      </c>
      <c r="DE12" s="197">
        <v>8</v>
      </c>
      <c r="DF12" s="195">
        <v>12</v>
      </c>
      <c r="DG12" s="198">
        <v>24</v>
      </c>
      <c r="DH12" s="200">
        <v>24</v>
      </c>
      <c r="DI12" s="201">
        <v>0</v>
      </c>
      <c r="DJ12" s="195">
        <v>0</v>
      </c>
      <c r="DK12" s="195">
        <v>0</v>
      </c>
      <c r="DL12" s="196">
        <v>0</v>
      </c>
      <c r="DM12" s="197">
        <v>0</v>
      </c>
      <c r="DN12" s="197">
        <v>0</v>
      </c>
      <c r="DO12" s="197">
        <v>1</v>
      </c>
      <c r="DP12" s="195">
        <v>0</v>
      </c>
      <c r="DQ12" s="198">
        <v>1</v>
      </c>
      <c r="DR12" s="200">
        <v>1</v>
      </c>
      <c r="DS12" s="201">
        <v>0</v>
      </c>
      <c r="DT12" s="195">
        <v>0</v>
      </c>
      <c r="DU12" s="195">
        <v>0</v>
      </c>
      <c r="DV12" s="196">
        <v>67</v>
      </c>
      <c r="DW12" s="197">
        <v>167</v>
      </c>
      <c r="DX12" s="197">
        <v>540</v>
      </c>
      <c r="DY12" s="197">
        <v>580</v>
      </c>
      <c r="DZ12" s="195">
        <v>331</v>
      </c>
      <c r="EA12" s="198">
        <v>1685</v>
      </c>
      <c r="EB12" s="200">
        <v>1685</v>
      </c>
      <c r="EC12" s="37"/>
    </row>
    <row r="13" spans="2:133" ht="21" customHeight="1" x14ac:dyDescent="0.2">
      <c r="B13" s="62" t="s">
        <v>9</v>
      </c>
      <c r="C13" s="194">
        <v>0</v>
      </c>
      <c r="D13" s="195">
        <v>0</v>
      </c>
      <c r="E13" s="195">
        <v>0</v>
      </c>
      <c r="F13" s="196">
        <v>6</v>
      </c>
      <c r="G13" s="197">
        <v>4</v>
      </c>
      <c r="H13" s="197">
        <v>206</v>
      </c>
      <c r="I13" s="197">
        <v>349</v>
      </c>
      <c r="J13" s="195">
        <v>251</v>
      </c>
      <c r="K13" s="198">
        <v>816</v>
      </c>
      <c r="L13" s="199">
        <v>816</v>
      </c>
      <c r="M13" s="194">
        <v>0</v>
      </c>
      <c r="N13" s="195">
        <v>0</v>
      </c>
      <c r="O13" s="198">
        <v>0</v>
      </c>
      <c r="P13" s="196">
        <v>6</v>
      </c>
      <c r="Q13" s="197">
        <v>4</v>
      </c>
      <c r="R13" s="197">
        <v>206</v>
      </c>
      <c r="S13" s="197">
        <v>345</v>
      </c>
      <c r="T13" s="195">
        <v>249</v>
      </c>
      <c r="U13" s="198">
        <v>810</v>
      </c>
      <c r="V13" s="200">
        <v>810</v>
      </c>
      <c r="W13" s="201">
        <v>0</v>
      </c>
      <c r="X13" s="195">
        <v>0</v>
      </c>
      <c r="Y13" s="198">
        <v>0</v>
      </c>
      <c r="Z13" s="201">
        <v>0</v>
      </c>
      <c r="AA13" s="197">
        <v>0</v>
      </c>
      <c r="AB13" s="197">
        <v>0</v>
      </c>
      <c r="AC13" s="197">
        <v>4</v>
      </c>
      <c r="AD13" s="195">
        <v>2</v>
      </c>
      <c r="AE13" s="198">
        <v>6</v>
      </c>
      <c r="AF13" s="202">
        <v>6</v>
      </c>
      <c r="AG13" s="201">
        <v>0</v>
      </c>
      <c r="AH13" s="195">
        <v>0</v>
      </c>
      <c r="AI13" s="198">
        <v>0</v>
      </c>
      <c r="AJ13" s="201">
        <v>19</v>
      </c>
      <c r="AK13" s="197">
        <v>68</v>
      </c>
      <c r="AL13" s="197">
        <v>88</v>
      </c>
      <c r="AM13" s="197">
        <v>130</v>
      </c>
      <c r="AN13" s="195">
        <v>58</v>
      </c>
      <c r="AO13" s="198">
        <v>363</v>
      </c>
      <c r="AP13" s="202">
        <v>363</v>
      </c>
      <c r="AQ13" s="201">
        <v>0</v>
      </c>
      <c r="AR13" s="195">
        <v>0</v>
      </c>
      <c r="AS13" s="198">
        <v>0</v>
      </c>
      <c r="AT13" s="196">
        <v>19</v>
      </c>
      <c r="AU13" s="197">
        <v>67</v>
      </c>
      <c r="AV13" s="197">
        <v>85</v>
      </c>
      <c r="AW13" s="197">
        <v>128</v>
      </c>
      <c r="AX13" s="195">
        <v>57</v>
      </c>
      <c r="AY13" s="198">
        <v>356</v>
      </c>
      <c r="AZ13" s="199">
        <v>356</v>
      </c>
      <c r="BA13" s="194">
        <v>0</v>
      </c>
      <c r="BB13" s="195">
        <v>0</v>
      </c>
      <c r="BC13" s="195">
        <v>0</v>
      </c>
      <c r="BD13" s="196">
        <v>0</v>
      </c>
      <c r="BE13" s="197">
        <v>1</v>
      </c>
      <c r="BF13" s="197">
        <v>3</v>
      </c>
      <c r="BG13" s="197">
        <v>2</v>
      </c>
      <c r="BH13" s="195">
        <v>1</v>
      </c>
      <c r="BI13" s="198">
        <v>7</v>
      </c>
      <c r="BJ13" s="200">
        <v>7</v>
      </c>
      <c r="BK13" s="201">
        <v>0</v>
      </c>
      <c r="BL13" s="195">
        <v>0</v>
      </c>
      <c r="BM13" s="195">
        <v>0</v>
      </c>
      <c r="BN13" s="196">
        <v>0</v>
      </c>
      <c r="BO13" s="197">
        <v>0</v>
      </c>
      <c r="BP13" s="197">
        <v>0</v>
      </c>
      <c r="BQ13" s="197">
        <v>1</v>
      </c>
      <c r="BR13" s="195">
        <v>0</v>
      </c>
      <c r="BS13" s="198">
        <v>1</v>
      </c>
      <c r="BT13" s="199">
        <v>1</v>
      </c>
      <c r="BU13" s="194">
        <v>0</v>
      </c>
      <c r="BV13" s="195">
        <v>0</v>
      </c>
      <c r="BW13" s="195">
        <v>0</v>
      </c>
      <c r="BX13" s="196">
        <v>0</v>
      </c>
      <c r="BY13" s="197">
        <v>0</v>
      </c>
      <c r="BZ13" s="197">
        <v>0</v>
      </c>
      <c r="CA13" s="197">
        <v>1</v>
      </c>
      <c r="CB13" s="195">
        <v>0</v>
      </c>
      <c r="CC13" s="198">
        <v>1</v>
      </c>
      <c r="CD13" s="200">
        <v>1</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0</v>
      </c>
      <c r="CT13" s="197">
        <v>1</v>
      </c>
      <c r="CU13" s="197">
        <v>1</v>
      </c>
      <c r="CV13" s="195">
        <v>7</v>
      </c>
      <c r="CW13" s="198">
        <v>9</v>
      </c>
      <c r="CX13" s="199">
        <v>9</v>
      </c>
      <c r="CY13" s="194">
        <v>0</v>
      </c>
      <c r="CZ13" s="195">
        <v>0</v>
      </c>
      <c r="DA13" s="195">
        <v>0</v>
      </c>
      <c r="DB13" s="196">
        <v>0</v>
      </c>
      <c r="DC13" s="197">
        <v>0</v>
      </c>
      <c r="DD13" s="197">
        <v>1</v>
      </c>
      <c r="DE13" s="197">
        <v>1</v>
      </c>
      <c r="DF13" s="195">
        <v>7</v>
      </c>
      <c r="DG13" s="198">
        <v>9</v>
      </c>
      <c r="DH13" s="200">
        <v>9</v>
      </c>
      <c r="DI13" s="201">
        <v>0</v>
      </c>
      <c r="DJ13" s="195">
        <v>0</v>
      </c>
      <c r="DK13" s="195">
        <v>0</v>
      </c>
      <c r="DL13" s="196">
        <v>0</v>
      </c>
      <c r="DM13" s="197">
        <v>0</v>
      </c>
      <c r="DN13" s="197">
        <v>0</v>
      </c>
      <c r="DO13" s="197">
        <v>0</v>
      </c>
      <c r="DP13" s="195">
        <v>0</v>
      </c>
      <c r="DQ13" s="198">
        <v>0</v>
      </c>
      <c r="DR13" s="200">
        <v>0</v>
      </c>
      <c r="DS13" s="201">
        <v>0</v>
      </c>
      <c r="DT13" s="195">
        <v>0</v>
      </c>
      <c r="DU13" s="195">
        <v>0</v>
      </c>
      <c r="DV13" s="196">
        <v>25</v>
      </c>
      <c r="DW13" s="197">
        <v>72</v>
      </c>
      <c r="DX13" s="197">
        <v>293</v>
      </c>
      <c r="DY13" s="197">
        <v>478</v>
      </c>
      <c r="DZ13" s="195">
        <v>316</v>
      </c>
      <c r="EA13" s="198">
        <v>1184</v>
      </c>
      <c r="EB13" s="200">
        <v>1184</v>
      </c>
      <c r="EC13" s="37"/>
    </row>
    <row r="14" spans="2:133" ht="21" customHeight="1" x14ac:dyDescent="0.2">
      <c r="B14" s="62" t="s">
        <v>10</v>
      </c>
      <c r="C14" s="194">
        <v>0</v>
      </c>
      <c r="D14" s="195">
        <v>0</v>
      </c>
      <c r="E14" s="195">
        <v>0</v>
      </c>
      <c r="F14" s="196">
        <v>17</v>
      </c>
      <c r="G14" s="197">
        <v>43</v>
      </c>
      <c r="H14" s="197">
        <v>352</v>
      </c>
      <c r="I14" s="197">
        <v>525</v>
      </c>
      <c r="J14" s="195">
        <v>491</v>
      </c>
      <c r="K14" s="198">
        <v>1428</v>
      </c>
      <c r="L14" s="199">
        <v>1428</v>
      </c>
      <c r="M14" s="194">
        <v>0</v>
      </c>
      <c r="N14" s="195">
        <v>0</v>
      </c>
      <c r="O14" s="198">
        <v>0</v>
      </c>
      <c r="P14" s="196">
        <v>17</v>
      </c>
      <c r="Q14" s="197">
        <v>42</v>
      </c>
      <c r="R14" s="197">
        <v>348</v>
      </c>
      <c r="S14" s="197">
        <v>522</v>
      </c>
      <c r="T14" s="195">
        <v>484</v>
      </c>
      <c r="U14" s="198">
        <v>1413</v>
      </c>
      <c r="V14" s="200">
        <v>1413</v>
      </c>
      <c r="W14" s="201">
        <v>0</v>
      </c>
      <c r="X14" s="195">
        <v>0</v>
      </c>
      <c r="Y14" s="198">
        <v>0</v>
      </c>
      <c r="Z14" s="201">
        <v>0</v>
      </c>
      <c r="AA14" s="197">
        <v>1</v>
      </c>
      <c r="AB14" s="197">
        <v>4</v>
      </c>
      <c r="AC14" s="197">
        <v>3</v>
      </c>
      <c r="AD14" s="195">
        <v>7</v>
      </c>
      <c r="AE14" s="198">
        <v>15</v>
      </c>
      <c r="AF14" s="202">
        <v>15</v>
      </c>
      <c r="AG14" s="201">
        <v>0</v>
      </c>
      <c r="AH14" s="195">
        <v>0</v>
      </c>
      <c r="AI14" s="198">
        <v>0</v>
      </c>
      <c r="AJ14" s="201">
        <v>80</v>
      </c>
      <c r="AK14" s="197">
        <v>125</v>
      </c>
      <c r="AL14" s="197">
        <v>156</v>
      </c>
      <c r="AM14" s="197">
        <v>168</v>
      </c>
      <c r="AN14" s="195">
        <v>101</v>
      </c>
      <c r="AO14" s="198">
        <v>630</v>
      </c>
      <c r="AP14" s="202">
        <v>630</v>
      </c>
      <c r="AQ14" s="201">
        <v>0</v>
      </c>
      <c r="AR14" s="195">
        <v>0</v>
      </c>
      <c r="AS14" s="198">
        <v>0</v>
      </c>
      <c r="AT14" s="196">
        <v>77</v>
      </c>
      <c r="AU14" s="197">
        <v>124</v>
      </c>
      <c r="AV14" s="197">
        <v>154</v>
      </c>
      <c r="AW14" s="197">
        <v>165</v>
      </c>
      <c r="AX14" s="195">
        <v>97</v>
      </c>
      <c r="AY14" s="198">
        <v>617</v>
      </c>
      <c r="AZ14" s="199">
        <v>617</v>
      </c>
      <c r="BA14" s="194">
        <v>0</v>
      </c>
      <c r="BB14" s="195">
        <v>0</v>
      </c>
      <c r="BC14" s="195">
        <v>0</v>
      </c>
      <c r="BD14" s="196">
        <v>3</v>
      </c>
      <c r="BE14" s="197">
        <v>1</v>
      </c>
      <c r="BF14" s="197">
        <v>2</v>
      </c>
      <c r="BG14" s="197">
        <v>3</v>
      </c>
      <c r="BH14" s="195">
        <v>4</v>
      </c>
      <c r="BI14" s="198">
        <v>13</v>
      </c>
      <c r="BJ14" s="200">
        <v>13</v>
      </c>
      <c r="BK14" s="201">
        <v>0</v>
      </c>
      <c r="BL14" s="195">
        <v>0</v>
      </c>
      <c r="BM14" s="195">
        <v>0</v>
      </c>
      <c r="BN14" s="196">
        <v>0</v>
      </c>
      <c r="BO14" s="197">
        <v>0</v>
      </c>
      <c r="BP14" s="197">
        <v>0</v>
      </c>
      <c r="BQ14" s="197">
        <v>0</v>
      </c>
      <c r="BR14" s="195">
        <v>2</v>
      </c>
      <c r="BS14" s="198">
        <v>2</v>
      </c>
      <c r="BT14" s="199">
        <v>2</v>
      </c>
      <c r="BU14" s="194">
        <v>0</v>
      </c>
      <c r="BV14" s="195">
        <v>0</v>
      </c>
      <c r="BW14" s="195">
        <v>0</v>
      </c>
      <c r="BX14" s="196">
        <v>0</v>
      </c>
      <c r="BY14" s="197">
        <v>0</v>
      </c>
      <c r="BZ14" s="197">
        <v>0</v>
      </c>
      <c r="CA14" s="197">
        <v>0</v>
      </c>
      <c r="CB14" s="195">
        <v>2</v>
      </c>
      <c r="CC14" s="198">
        <v>2</v>
      </c>
      <c r="CD14" s="200">
        <v>2</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0</v>
      </c>
      <c r="CT14" s="197">
        <v>0</v>
      </c>
      <c r="CU14" s="197">
        <v>3</v>
      </c>
      <c r="CV14" s="195">
        <v>32</v>
      </c>
      <c r="CW14" s="198">
        <v>36</v>
      </c>
      <c r="CX14" s="199">
        <v>36</v>
      </c>
      <c r="CY14" s="194">
        <v>0</v>
      </c>
      <c r="CZ14" s="195">
        <v>0</v>
      </c>
      <c r="DA14" s="195">
        <v>0</v>
      </c>
      <c r="DB14" s="196">
        <v>1</v>
      </c>
      <c r="DC14" s="197">
        <v>0</v>
      </c>
      <c r="DD14" s="197">
        <v>0</v>
      </c>
      <c r="DE14" s="197">
        <v>3</v>
      </c>
      <c r="DF14" s="195">
        <v>32</v>
      </c>
      <c r="DG14" s="198">
        <v>36</v>
      </c>
      <c r="DH14" s="200">
        <v>36</v>
      </c>
      <c r="DI14" s="201">
        <v>0</v>
      </c>
      <c r="DJ14" s="195">
        <v>0</v>
      </c>
      <c r="DK14" s="195">
        <v>0</v>
      </c>
      <c r="DL14" s="196">
        <v>0</v>
      </c>
      <c r="DM14" s="197">
        <v>0</v>
      </c>
      <c r="DN14" s="197">
        <v>0</v>
      </c>
      <c r="DO14" s="197">
        <v>0</v>
      </c>
      <c r="DP14" s="195">
        <v>0</v>
      </c>
      <c r="DQ14" s="198">
        <v>0</v>
      </c>
      <c r="DR14" s="200">
        <v>0</v>
      </c>
      <c r="DS14" s="201">
        <v>0</v>
      </c>
      <c r="DT14" s="195">
        <v>0</v>
      </c>
      <c r="DU14" s="195">
        <v>0</v>
      </c>
      <c r="DV14" s="196">
        <v>98</v>
      </c>
      <c r="DW14" s="197">
        <v>168</v>
      </c>
      <c r="DX14" s="197">
        <v>508</v>
      </c>
      <c r="DY14" s="197">
        <v>696</v>
      </c>
      <c r="DZ14" s="195">
        <v>624</v>
      </c>
      <c r="EA14" s="198">
        <v>2094</v>
      </c>
      <c r="EB14" s="200">
        <v>2094</v>
      </c>
      <c r="EC14" s="37"/>
    </row>
    <row r="15" spans="2:133" ht="21" customHeight="1" x14ac:dyDescent="0.2">
      <c r="B15" s="62" t="s">
        <v>11</v>
      </c>
      <c r="C15" s="194">
        <v>0</v>
      </c>
      <c r="D15" s="195">
        <v>0</v>
      </c>
      <c r="E15" s="195">
        <v>0</v>
      </c>
      <c r="F15" s="196">
        <v>2</v>
      </c>
      <c r="G15" s="197">
        <v>6</v>
      </c>
      <c r="H15" s="197">
        <v>194</v>
      </c>
      <c r="I15" s="197">
        <v>352</v>
      </c>
      <c r="J15" s="195">
        <v>195</v>
      </c>
      <c r="K15" s="198">
        <v>749</v>
      </c>
      <c r="L15" s="199">
        <v>749</v>
      </c>
      <c r="M15" s="194">
        <v>0</v>
      </c>
      <c r="N15" s="195">
        <v>0</v>
      </c>
      <c r="O15" s="198">
        <v>0</v>
      </c>
      <c r="P15" s="196">
        <v>2</v>
      </c>
      <c r="Q15" s="197">
        <v>6</v>
      </c>
      <c r="R15" s="197">
        <v>194</v>
      </c>
      <c r="S15" s="197">
        <v>349</v>
      </c>
      <c r="T15" s="195">
        <v>195</v>
      </c>
      <c r="U15" s="198">
        <v>746</v>
      </c>
      <c r="V15" s="200">
        <v>746</v>
      </c>
      <c r="W15" s="201">
        <v>0</v>
      </c>
      <c r="X15" s="195">
        <v>0</v>
      </c>
      <c r="Y15" s="198">
        <v>0</v>
      </c>
      <c r="Z15" s="201">
        <v>0</v>
      </c>
      <c r="AA15" s="197">
        <v>0</v>
      </c>
      <c r="AB15" s="197">
        <v>0</v>
      </c>
      <c r="AC15" s="197">
        <v>3</v>
      </c>
      <c r="AD15" s="195">
        <v>0</v>
      </c>
      <c r="AE15" s="198">
        <v>3</v>
      </c>
      <c r="AF15" s="202">
        <v>3</v>
      </c>
      <c r="AG15" s="201">
        <v>0</v>
      </c>
      <c r="AH15" s="195">
        <v>0</v>
      </c>
      <c r="AI15" s="198">
        <v>0</v>
      </c>
      <c r="AJ15" s="201">
        <v>61</v>
      </c>
      <c r="AK15" s="197">
        <v>80</v>
      </c>
      <c r="AL15" s="197">
        <v>125</v>
      </c>
      <c r="AM15" s="197">
        <v>151</v>
      </c>
      <c r="AN15" s="195">
        <v>72</v>
      </c>
      <c r="AO15" s="198">
        <v>489</v>
      </c>
      <c r="AP15" s="202">
        <v>489</v>
      </c>
      <c r="AQ15" s="201">
        <v>0</v>
      </c>
      <c r="AR15" s="195">
        <v>0</v>
      </c>
      <c r="AS15" s="198">
        <v>0</v>
      </c>
      <c r="AT15" s="196">
        <v>60</v>
      </c>
      <c r="AU15" s="197">
        <v>79</v>
      </c>
      <c r="AV15" s="197">
        <v>122</v>
      </c>
      <c r="AW15" s="197">
        <v>151</v>
      </c>
      <c r="AX15" s="195">
        <v>72</v>
      </c>
      <c r="AY15" s="198">
        <v>484</v>
      </c>
      <c r="AZ15" s="199">
        <v>484</v>
      </c>
      <c r="BA15" s="194">
        <v>0</v>
      </c>
      <c r="BB15" s="195">
        <v>0</v>
      </c>
      <c r="BC15" s="195">
        <v>0</v>
      </c>
      <c r="BD15" s="196">
        <v>1</v>
      </c>
      <c r="BE15" s="197">
        <v>1</v>
      </c>
      <c r="BF15" s="197">
        <v>3</v>
      </c>
      <c r="BG15" s="197">
        <v>0</v>
      </c>
      <c r="BH15" s="195">
        <v>0</v>
      </c>
      <c r="BI15" s="198">
        <v>5</v>
      </c>
      <c r="BJ15" s="200">
        <v>5</v>
      </c>
      <c r="BK15" s="201">
        <v>0</v>
      </c>
      <c r="BL15" s="195">
        <v>0</v>
      </c>
      <c r="BM15" s="195">
        <v>0</v>
      </c>
      <c r="BN15" s="196">
        <v>0</v>
      </c>
      <c r="BO15" s="197">
        <v>0</v>
      </c>
      <c r="BP15" s="197">
        <v>0</v>
      </c>
      <c r="BQ15" s="197">
        <v>0</v>
      </c>
      <c r="BR15" s="195">
        <v>0</v>
      </c>
      <c r="BS15" s="198">
        <v>0</v>
      </c>
      <c r="BT15" s="199">
        <v>0</v>
      </c>
      <c r="BU15" s="194">
        <v>0</v>
      </c>
      <c r="BV15" s="195">
        <v>0</v>
      </c>
      <c r="BW15" s="195">
        <v>0</v>
      </c>
      <c r="BX15" s="196">
        <v>0</v>
      </c>
      <c r="BY15" s="197">
        <v>0</v>
      </c>
      <c r="BZ15" s="197">
        <v>0</v>
      </c>
      <c r="CA15" s="197">
        <v>0</v>
      </c>
      <c r="CB15" s="195">
        <v>0</v>
      </c>
      <c r="CC15" s="198">
        <v>0</v>
      </c>
      <c r="CD15" s="200">
        <v>0</v>
      </c>
      <c r="CE15" s="201">
        <v>0</v>
      </c>
      <c r="CF15" s="195">
        <v>0</v>
      </c>
      <c r="CG15" s="195">
        <v>0</v>
      </c>
      <c r="CH15" s="196">
        <v>0</v>
      </c>
      <c r="CI15" s="197">
        <v>0</v>
      </c>
      <c r="CJ15" s="197">
        <v>0</v>
      </c>
      <c r="CK15" s="197">
        <v>0</v>
      </c>
      <c r="CL15" s="195">
        <v>0</v>
      </c>
      <c r="CM15" s="198">
        <v>0</v>
      </c>
      <c r="CN15" s="200">
        <v>0</v>
      </c>
      <c r="CO15" s="201">
        <v>0</v>
      </c>
      <c r="CP15" s="195">
        <v>0</v>
      </c>
      <c r="CQ15" s="195">
        <v>0</v>
      </c>
      <c r="CR15" s="196">
        <v>1</v>
      </c>
      <c r="CS15" s="197">
        <v>5</v>
      </c>
      <c r="CT15" s="197">
        <v>5</v>
      </c>
      <c r="CU15" s="197">
        <v>12</v>
      </c>
      <c r="CV15" s="195">
        <v>18</v>
      </c>
      <c r="CW15" s="198">
        <v>41</v>
      </c>
      <c r="CX15" s="199">
        <v>41</v>
      </c>
      <c r="CY15" s="194">
        <v>0</v>
      </c>
      <c r="CZ15" s="195">
        <v>0</v>
      </c>
      <c r="DA15" s="195">
        <v>0</v>
      </c>
      <c r="DB15" s="196">
        <v>0</v>
      </c>
      <c r="DC15" s="197">
        <v>5</v>
      </c>
      <c r="DD15" s="197">
        <v>5</v>
      </c>
      <c r="DE15" s="197">
        <v>12</v>
      </c>
      <c r="DF15" s="195">
        <v>15</v>
      </c>
      <c r="DG15" s="198">
        <v>37</v>
      </c>
      <c r="DH15" s="200">
        <v>37</v>
      </c>
      <c r="DI15" s="201">
        <v>0</v>
      </c>
      <c r="DJ15" s="195">
        <v>0</v>
      </c>
      <c r="DK15" s="195">
        <v>0</v>
      </c>
      <c r="DL15" s="196">
        <v>1</v>
      </c>
      <c r="DM15" s="197">
        <v>0</v>
      </c>
      <c r="DN15" s="197">
        <v>0</v>
      </c>
      <c r="DO15" s="197">
        <v>0</v>
      </c>
      <c r="DP15" s="195">
        <v>3</v>
      </c>
      <c r="DQ15" s="198">
        <v>4</v>
      </c>
      <c r="DR15" s="200">
        <v>4</v>
      </c>
      <c r="DS15" s="201">
        <v>0</v>
      </c>
      <c r="DT15" s="195">
        <v>0</v>
      </c>
      <c r="DU15" s="195">
        <v>0</v>
      </c>
      <c r="DV15" s="196">
        <v>64</v>
      </c>
      <c r="DW15" s="197">
        <v>91</v>
      </c>
      <c r="DX15" s="197">
        <v>323</v>
      </c>
      <c r="DY15" s="197">
        <v>515</v>
      </c>
      <c r="DZ15" s="195">
        <v>283</v>
      </c>
      <c r="EA15" s="198">
        <v>1276</v>
      </c>
      <c r="EB15" s="200">
        <v>1276</v>
      </c>
      <c r="EC15" s="37"/>
    </row>
    <row r="16" spans="2:133" ht="21" customHeight="1" x14ac:dyDescent="0.2">
      <c r="B16" s="62" t="s">
        <v>12</v>
      </c>
      <c r="C16" s="194">
        <v>0</v>
      </c>
      <c r="D16" s="195">
        <v>0</v>
      </c>
      <c r="E16" s="195">
        <v>0</v>
      </c>
      <c r="F16" s="196">
        <v>1</v>
      </c>
      <c r="G16" s="197">
        <v>19</v>
      </c>
      <c r="H16" s="197">
        <v>180</v>
      </c>
      <c r="I16" s="197">
        <v>295</v>
      </c>
      <c r="J16" s="195">
        <v>243</v>
      </c>
      <c r="K16" s="198">
        <v>738</v>
      </c>
      <c r="L16" s="199">
        <v>738</v>
      </c>
      <c r="M16" s="194">
        <v>0</v>
      </c>
      <c r="N16" s="195">
        <v>0</v>
      </c>
      <c r="O16" s="198">
        <v>0</v>
      </c>
      <c r="P16" s="196">
        <v>1</v>
      </c>
      <c r="Q16" s="197">
        <v>19</v>
      </c>
      <c r="R16" s="197">
        <v>180</v>
      </c>
      <c r="S16" s="197">
        <v>293</v>
      </c>
      <c r="T16" s="195">
        <v>240</v>
      </c>
      <c r="U16" s="198">
        <v>733</v>
      </c>
      <c r="V16" s="200">
        <v>733</v>
      </c>
      <c r="W16" s="201">
        <v>0</v>
      </c>
      <c r="X16" s="195">
        <v>0</v>
      </c>
      <c r="Y16" s="198">
        <v>0</v>
      </c>
      <c r="Z16" s="201">
        <v>0</v>
      </c>
      <c r="AA16" s="197">
        <v>0</v>
      </c>
      <c r="AB16" s="197">
        <v>0</v>
      </c>
      <c r="AC16" s="197">
        <v>2</v>
      </c>
      <c r="AD16" s="195">
        <v>3</v>
      </c>
      <c r="AE16" s="198">
        <v>5</v>
      </c>
      <c r="AF16" s="202">
        <v>5</v>
      </c>
      <c r="AG16" s="201">
        <v>0</v>
      </c>
      <c r="AH16" s="195">
        <v>0</v>
      </c>
      <c r="AI16" s="198">
        <v>0</v>
      </c>
      <c r="AJ16" s="201">
        <v>33</v>
      </c>
      <c r="AK16" s="197">
        <v>89</v>
      </c>
      <c r="AL16" s="197">
        <v>161</v>
      </c>
      <c r="AM16" s="197">
        <v>162</v>
      </c>
      <c r="AN16" s="195">
        <v>72</v>
      </c>
      <c r="AO16" s="198">
        <v>517</v>
      </c>
      <c r="AP16" s="202">
        <v>517</v>
      </c>
      <c r="AQ16" s="201">
        <v>0</v>
      </c>
      <c r="AR16" s="195">
        <v>0</v>
      </c>
      <c r="AS16" s="198">
        <v>0</v>
      </c>
      <c r="AT16" s="196">
        <v>32</v>
      </c>
      <c r="AU16" s="197">
        <v>89</v>
      </c>
      <c r="AV16" s="197">
        <v>159</v>
      </c>
      <c r="AW16" s="197">
        <v>160</v>
      </c>
      <c r="AX16" s="195">
        <v>72</v>
      </c>
      <c r="AY16" s="198">
        <v>512</v>
      </c>
      <c r="AZ16" s="199">
        <v>512</v>
      </c>
      <c r="BA16" s="194">
        <v>0</v>
      </c>
      <c r="BB16" s="195">
        <v>0</v>
      </c>
      <c r="BC16" s="195">
        <v>0</v>
      </c>
      <c r="BD16" s="196">
        <v>1</v>
      </c>
      <c r="BE16" s="197">
        <v>0</v>
      </c>
      <c r="BF16" s="197">
        <v>2</v>
      </c>
      <c r="BG16" s="197">
        <v>2</v>
      </c>
      <c r="BH16" s="195">
        <v>0</v>
      </c>
      <c r="BI16" s="198">
        <v>5</v>
      </c>
      <c r="BJ16" s="200">
        <v>5</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1</v>
      </c>
      <c r="CU16" s="197">
        <v>14</v>
      </c>
      <c r="CV16" s="195">
        <v>12</v>
      </c>
      <c r="CW16" s="198">
        <v>29</v>
      </c>
      <c r="CX16" s="199">
        <v>29</v>
      </c>
      <c r="CY16" s="194">
        <v>0</v>
      </c>
      <c r="CZ16" s="195">
        <v>0</v>
      </c>
      <c r="DA16" s="195">
        <v>0</v>
      </c>
      <c r="DB16" s="196">
        <v>0</v>
      </c>
      <c r="DC16" s="197">
        <v>2</v>
      </c>
      <c r="DD16" s="197">
        <v>1</v>
      </c>
      <c r="DE16" s="197">
        <v>14</v>
      </c>
      <c r="DF16" s="195">
        <v>12</v>
      </c>
      <c r="DG16" s="198">
        <v>29</v>
      </c>
      <c r="DH16" s="200">
        <v>29</v>
      </c>
      <c r="DI16" s="201">
        <v>0</v>
      </c>
      <c r="DJ16" s="195">
        <v>0</v>
      </c>
      <c r="DK16" s="195">
        <v>0</v>
      </c>
      <c r="DL16" s="196">
        <v>0</v>
      </c>
      <c r="DM16" s="197">
        <v>0</v>
      </c>
      <c r="DN16" s="197">
        <v>0</v>
      </c>
      <c r="DO16" s="197">
        <v>0</v>
      </c>
      <c r="DP16" s="195">
        <v>0</v>
      </c>
      <c r="DQ16" s="198">
        <v>0</v>
      </c>
      <c r="DR16" s="200">
        <v>0</v>
      </c>
      <c r="DS16" s="201">
        <v>0</v>
      </c>
      <c r="DT16" s="195">
        <v>0</v>
      </c>
      <c r="DU16" s="195">
        <v>0</v>
      </c>
      <c r="DV16" s="196">
        <v>34</v>
      </c>
      <c r="DW16" s="197">
        <v>110</v>
      </c>
      <c r="DX16" s="197">
        <v>341</v>
      </c>
      <c r="DY16" s="197">
        <v>469</v>
      </c>
      <c r="DZ16" s="195">
        <v>327</v>
      </c>
      <c r="EA16" s="198">
        <v>1281</v>
      </c>
      <c r="EB16" s="200">
        <v>1281</v>
      </c>
      <c r="EC16" s="37"/>
    </row>
    <row r="17" spans="2:133" ht="21" customHeight="1" x14ac:dyDescent="0.2">
      <c r="B17" s="62" t="s">
        <v>13</v>
      </c>
      <c r="C17" s="194">
        <v>0</v>
      </c>
      <c r="D17" s="195">
        <v>0</v>
      </c>
      <c r="E17" s="195">
        <v>0</v>
      </c>
      <c r="F17" s="196">
        <v>3</v>
      </c>
      <c r="G17" s="197">
        <v>4</v>
      </c>
      <c r="H17" s="197">
        <v>64</v>
      </c>
      <c r="I17" s="197">
        <v>152</v>
      </c>
      <c r="J17" s="195">
        <v>126</v>
      </c>
      <c r="K17" s="198">
        <v>349</v>
      </c>
      <c r="L17" s="199">
        <v>349</v>
      </c>
      <c r="M17" s="194">
        <v>0</v>
      </c>
      <c r="N17" s="195">
        <v>0</v>
      </c>
      <c r="O17" s="198">
        <v>0</v>
      </c>
      <c r="P17" s="196">
        <v>3</v>
      </c>
      <c r="Q17" s="197">
        <v>4</v>
      </c>
      <c r="R17" s="197">
        <v>64</v>
      </c>
      <c r="S17" s="197">
        <v>152</v>
      </c>
      <c r="T17" s="195">
        <v>125</v>
      </c>
      <c r="U17" s="198">
        <v>348</v>
      </c>
      <c r="V17" s="200">
        <v>348</v>
      </c>
      <c r="W17" s="201">
        <v>0</v>
      </c>
      <c r="X17" s="195">
        <v>0</v>
      </c>
      <c r="Y17" s="198">
        <v>0</v>
      </c>
      <c r="Z17" s="201">
        <v>0</v>
      </c>
      <c r="AA17" s="197">
        <v>0</v>
      </c>
      <c r="AB17" s="197">
        <v>0</v>
      </c>
      <c r="AC17" s="197">
        <v>0</v>
      </c>
      <c r="AD17" s="195">
        <v>1</v>
      </c>
      <c r="AE17" s="198">
        <v>1</v>
      </c>
      <c r="AF17" s="202">
        <v>1</v>
      </c>
      <c r="AG17" s="201">
        <v>0</v>
      </c>
      <c r="AH17" s="195">
        <v>0</v>
      </c>
      <c r="AI17" s="198">
        <v>0</v>
      </c>
      <c r="AJ17" s="201">
        <v>13</v>
      </c>
      <c r="AK17" s="197">
        <v>26</v>
      </c>
      <c r="AL17" s="197">
        <v>33</v>
      </c>
      <c r="AM17" s="197">
        <v>28</v>
      </c>
      <c r="AN17" s="195">
        <v>25</v>
      </c>
      <c r="AO17" s="198">
        <v>125</v>
      </c>
      <c r="AP17" s="202">
        <v>125</v>
      </c>
      <c r="AQ17" s="201">
        <v>0</v>
      </c>
      <c r="AR17" s="195">
        <v>0</v>
      </c>
      <c r="AS17" s="198">
        <v>0</v>
      </c>
      <c r="AT17" s="196">
        <v>13</v>
      </c>
      <c r="AU17" s="197">
        <v>26</v>
      </c>
      <c r="AV17" s="197">
        <v>32</v>
      </c>
      <c r="AW17" s="197">
        <v>28</v>
      </c>
      <c r="AX17" s="195">
        <v>23</v>
      </c>
      <c r="AY17" s="198">
        <v>122</v>
      </c>
      <c r="AZ17" s="199">
        <v>122</v>
      </c>
      <c r="BA17" s="194">
        <v>0</v>
      </c>
      <c r="BB17" s="195">
        <v>0</v>
      </c>
      <c r="BC17" s="195">
        <v>0</v>
      </c>
      <c r="BD17" s="196">
        <v>0</v>
      </c>
      <c r="BE17" s="197">
        <v>0</v>
      </c>
      <c r="BF17" s="197">
        <v>1</v>
      </c>
      <c r="BG17" s="197">
        <v>0</v>
      </c>
      <c r="BH17" s="195">
        <v>2</v>
      </c>
      <c r="BI17" s="198">
        <v>3</v>
      </c>
      <c r="BJ17" s="200">
        <v>3</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6</v>
      </c>
      <c r="DW17" s="197">
        <v>30</v>
      </c>
      <c r="DX17" s="197">
        <v>97</v>
      </c>
      <c r="DY17" s="197">
        <v>180</v>
      </c>
      <c r="DZ17" s="195">
        <v>151</v>
      </c>
      <c r="EA17" s="198">
        <v>474</v>
      </c>
      <c r="EB17" s="200">
        <v>474</v>
      </c>
      <c r="EC17" s="37"/>
    </row>
    <row r="18" spans="2:133" ht="21" customHeight="1" x14ac:dyDescent="0.2">
      <c r="B18" s="62" t="s">
        <v>15</v>
      </c>
      <c r="C18" s="194">
        <v>0</v>
      </c>
      <c r="D18" s="195">
        <v>0</v>
      </c>
      <c r="E18" s="195">
        <v>0</v>
      </c>
      <c r="F18" s="196">
        <v>0</v>
      </c>
      <c r="G18" s="197">
        <v>1</v>
      </c>
      <c r="H18" s="197">
        <v>80</v>
      </c>
      <c r="I18" s="197">
        <v>137</v>
      </c>
      <c r="J18" s="195">
        <v>94</v>
      </c>
      <c r="K18" s="198">
        <v>312</v>
      </c>
      <c r="L18" s="199">
        <v>312</v>
      </c>
      <c r="M18" s="194">
        <v>0</v>
      </c>
      <c r="N18" s="195">
        <v>0</v>
      </c>
      <c r="O18" s="198">
        <v>0</v>
      </c>
      <c r="P18" s="196">
        <v>0</v>
      </c>
      <c r="Q18" s="197">
        <v>1</v>
      </c>
      <c r="R18" s="197">
        <v>80</v>
      </c>
      <c r="S18" s="197">
        <v>136</v>
      </c>
      <c r="T18" s="195">
        <v>92</v>
      </c>
      <c r="U18" s="198">
        <v>309</v>
      </c>
      <c r="V18" s="200">
        <v>309</v>
      </c>
      <c r="W18" s="201">
        <v>0</v>
      </c>
      <c r="X18" s="195">
        <v>0</v>
      </c>
      <c r="Y18" s="198">
        <v>0</v>
      </c>
      <c r="Z18" s="201">
        <v>0</v>
      </c>
      <c r="AA18" s="197">
        <v>0</v>
      </c>
      <c r="AB18" s="197">
        <v>0</v>
      </c>
      <c r="AC18" s="197">
        <v>1</v>
      </c>
      <c r="AD18" s="195">
        <v>2</v>
      </c>
      <c r="AE18" s="198">
        <v>3</v>
      </c>
      <c r="AF18" s="202">
        <v>3</v>
      </c>
      <c r="AG18" s="201">
        <v>0</v>
      </c>
      <c r="AH18" s="195">
        <v>0</v>
      </c>
      <c r="AI18" s="198">
        <v>0</v>
      </c>
      <c r="AJ18" s="201">
        <v>25</v>
      </c>
      <c r="AK18" s="197">
        <v>33</v>
      </c>
      <c r="AL18" s="197">
        <v>56</v>
      </c>
      <c r="AM18" s="197">
        <v>44</v>
      </c>
      <c r="AN18" s="195">
        <v>25</v>
      </c>
      <c r="AO18" s="198">
        <v>183</v>
      </c>
      <c r="AP18" s="202">
        <v>183</v>
      </c>
      <c r="AQ18" s="201">
        <v>0</v>
      </c>
      <c r="AR18" s="195">
        <v>0</v>
      </c>
      <c r="AS18" s="198">
        <v>0</v>
      </c>
      <c r="AT18" s="196">
        <v>24</v>
      </c>
      <c r="AU18" s="197">
        <v>33</v>
      </c>
      <c r="AV18" s="197">
        <v>56</v>
      </c>
      <c r="AW18" s="197">
        <v>42</v>
      </c>
      <c r="AX18" s="195">
        <v>24</v>
      </c>
      <c r="AY18" s="198">
        <v>179</v>
      </c>
      <c r="AZ18" s="199">
        <v>179</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5</v>
      </c>
      <c r="DW18" s="197">
        <v>34</v>
      </c>
      <c r="DX18" s="197">
        <v>136</v>
      </c>
      <c r="DY18" s="197">
        <v>180</v>
      </c>
      <c r="DZ18" s="195">
        <v>120</v>
      </c>
      <c r="EA18" s="198">
        <v>495</v>
      </c>
      <c r="EB18" s="200">
        <v>495</v>
      </c>
      <c r="EC18" s="37"/>
    </row>
    <row r="19" spans="2:133" ht="21" customHeight="1" x14ac:dyDescent="0.2">
      <c r="B19" s="62" t="s">
        <v>16</v>
      </c>
      <c r="C19" s="194">
        <v>0</v>
      </c>
      <c r="D19" s="195">
        <v>0</v>
      </c>
      <c r="E19" s="195">
        <v>0</v>
      </c>
      <c r="F19" s="196">
        <v>6</v>
      </c>
      <c r="G19" s="197">
        <v>20</v>
      </c>
      <c r="H19" s="197">
        <v>199</v>
      </c>
      <c r="I19" s="197">
        <v>297</v>
      </c>
      <c r="J19" s="195">
        <v>208</v>
      </c>
      <c r="K19" s="198">
        <v>730</v>
      </c>
      <c r="L19" s="199">
        <v>730</v>
      </c>
      <c r="M19" s="194">
        <v>0</v>
      </c>
      <c r="N19" s="195">
        <v>0</v>
      </c>
      <c r="O19" s="198">
        <v>0</v>
      </c>
      <c r="P19" s="196">
        <v>6</v>
      </c>
      <c r="Q19" s="197">
        <v>19</v>
      </c>
      <c r="R19" s="197">
        <v>199</v>
      </c>
      <c r="S19" s="197">
        <v>295</v>
      </c>
      <c r="T19" s="195">
        <v>204</v>
      </c>
      <c r="U19" s="198">
        <v>723</v>
      </c>
      <c r="V19" s="200">
        <v>723</v>
      </c>
      <c r="W19" s="201">
        <v>0</v>
      </c>
      <c r="X19" s="195">
        <v>0</v>
      </c>
      <c r="Y19" s="198">
        <v>0</v>
      </c>
      <c r="Z19" s="201">
        <v>0</v>
      </c>
      <c r="AA19" s="197">
        <v>1</v>
      </c>
      <c r="AB19" s="197">
        <v>0</v>
      </c>
      <c r="AC19" s="197">
        <v>2</v>
      </c>
      <c r="AD19" s="195">
        <v>4</v>
      </c>
      <c r="AE19" s="198">
        <v>7</v>
      </c>
      <c r="AF19" s="202">
        <v>7</v>
      </c>
      <c r="AG19" s="201">
        <v>0</v>
      </c>
      <c r="AH19" s="195">
        <v>0</v>
      </c>
      <c r="AI19" s="198">
        <v>0</v>
      </c>
      <c r="AJ19" s="201">
        <v>54</v>
      </c>
      <c r="AK19" s="197">
        <v>91</v>
      </c>
      <c r="AL19" s="197">
        <v>135</v>
      </c>
      <c r="AM19" s="197">
        <v>134</v>
      </c>
      <c r="AN19" s="195">
        <v>61</v>
      </c>
      <c r="AO19" s="198">
        <v>475</v>
      </c>
      <c r="AP19" s="202">
        <v>475</v>
      </c>
      <c r="AQ19" s="201">
        <v>0</v>
      </c>
      <c r="AR19" s="195">
        <v>0</v>
      </c>
      <c r="AS19" s="198">
        <v>0</v>
      </c>
      <c r="AT19" s="196">
        <v>54</v>
      </c>
      <c r="AU19" s="197">
        <v>91</v>
      </c>
      <c r="AV19" s="197">
        <v>135</v>
      </c>
      <c r="AW19" s="197">
        <v>133</v>
      </c>
      <c r="AX19" s="195">
        <v>59</v>
      </c>
      <c r="AY19" s="198">
        <v>472</v>
      </c>
      <c r="AZ19" s="199">
        <v>472</v>
      </c>
      <c r="BA19" s="194">
        <v>0</v>
      </c>
      <c r="BB19" s="195">
        <v>0</v>
      </c>
      <c r="BC19" s="195">
        <v>0</v>
      </c>
      <c r="BD19" s="196">
        <v>0</v>
      </c>
      <c r="BE19" s="197">
        <v>0</v>
      </c>
      <c r="BF19" s="197">
        <v>0</v>
      </c>
      <c r="BG19" s="197">
        <v>1</v>
      </c>
      <c r="BH19" s="195">
        <v>2</v>
      </c>
      <c r="BI19" s="198">
        <v>3</v>
      </c>
      <c r="BJ19" s="200">
        <v>3</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1</v>
      </c>
      <c r="CS19" s="197">
        <v>0</v>
      </c>
      <c r="CT19" s="197">
        <v>3</v>
      </c>
      <c r="CU19" s="197">
        <v>10</v>
      </c>
      <c r="CV19" s="195">
        <v>18</v>
      </c>
      <c r="CW19" s="198">
        <v>32</v>
      </c>
      <c r="CX19" s="199">
        <v>32</v>
      </c>
      <c r="CY19" s="194">
        <v>0</v>
      </c>
      <c r="CZ19" s="195">
        <v>0</v>
      </c>
      <c r="DA19" s="195">
        <v>0</v>
      </c>
      <c r="DB19" s="196">
        <v>1</v>
      </c>
      <c r="DC19" s="197">
        <v>0</v>
      </c>
      <c r="DD19" s="197">
        <v>3</v>
      </c>
      <c r="DE19" s="197">
        <v>10</v>
      </c>
      <c r="DF19" s="195">
        <v>18</v>
      </c>
      <c r="DG19" s="198">
        <v>32</v>
      </c>
      <c r="DH19" s="200">
        <v>32</v>
      </c>
      <c r="DI19" s="201">
        <v>0</v>
      </c>
      <c r="DJ19" s="195">
        <v>0</v>
      </c>
      <c r="DK19" s="195">
        <v>0</v>
      </c>
      <c r="DL19" s="196">
        <v>0</v>
      </c>
      <c r="DM19" s="197">
        <v>0</v>
      </c>
      <c r="DN19" s="197">
        <v>0</v>
      </c>
      <c r="DO19" s="197">
        <v>0</v>
      </c>
      <c r="DP19" s="195">
        <v>0</v>
      </c>
      <c r="DQ19" s="198">
        <v>0</v>
      </c>
      <c r="DR19" s="200">
        <v>0</v>
      </c>
      <c r="DS19" s="201">
        <v>0</v>
      </c>
      <c r="DT19" s="195">
        <v>0</v>
      </c>
      <c r="DU19" s="195">
        <v>0</v>
      </c>
      <c r="DV19" s="196">
        <v>61</v>
      </c>
      <c r="DW19" s="197">
        <v>111</v>
      </c>
      <c r="DX19" s="197">
        <v>336</v>
      </c>
      <c r="DY19" s="197">
        <v>439</v>
      </c>
      <c r="DZ19" s="195">
        <v>285</v>
      </c>
      <c r="EA19" s="198">
        <v>1232</v>
      </c>
      <c r="EB19" s="200">
        <v>1232</v>
      </c>
      <c r="EC19" s="37"/>
    </row>
    <row r="20" spans="2:133" ht="21" customHeight="1" x14ac:dyDescent="0.2">
      <c r="B20" s="62" t="s">
        <v>17</v>
      </c>
      <c r="C20" s="194">
        <v>0</v>
      </c>
      <c r="D20" s="195">
        <v>0</v>
      </c>
      <c r="E20" s="195">
        <v>0</v>
      </c>
      <c r="F20" s="196">
        <v>2</v>
      </c>
      <c r="G20" s="197">
        <v>17</v>
      </c>
      <c r="H20" s="197">
        <v>198</v>
      </c>
      <c r="I20" s="197">
        <v>261</v>
      </c>
      <c r="J20" s="195">
        <v>215</v>
      </c>
      <c r="K20" s="198">
        <v>693</v>
      </c>
      <c r="L20" s="199">
        <v>693</v>
      </c>
      <c r="M20" s="194">
        <v>0</v>
      </c>
      <c r="N20" s="195">
        <v>0</v>
      </c>
      <c r="O20" s="198">
        <v>0</v>
      </c>
      <c r="P20" s="196">
        <v>2</v>
      </c>
      <c r="Q20" s="197">
        <v>17</v>
      </c>
      <c r="R20" s="197">
        <v>198</v>
      </c>
      <c r="S20" s="197">
        <v>260</v>
      </c>
      <c r="T20" s="195">
        <v>213</v>
      </c>
      <c r="U20" s="198">
        <v>690</v>
      </c>
      <c r="V20" s="200">
        <v>690</v>
      </c>
      <c r="W20" s="201">
        <v>0</v>
      </c>
      <c r="X20" s="195">
        <v>0</v>
      </c>
      <c r="Y20" s="198">
        <v>0</v>
      </c>
      <c r="Z20" s="201">
        <v>0</v>
      </c>
      <c r="AA20" s="197">
        <v>0</v>
      </c>
      <c r="AB20" s="197">
        <v>0</v>
      </c>
      <c r="AC20" s="197">
        <v>1</v>
      </c>
      <c r="AD20" s="195">
        <v>2</v>
      </c>
      <c r="AE20" s="198">
        <v>3</v>
      </c>
      <c r="AF20" s="202">
        <v>3</v>
      </c>
      <c r="AG20" s="201">
        <v>0</v>
      </c>
      <c r="AH20" s="195">
        <v>0</v>
      </c>
      <c r="AI20" s="198">
        <v>0</v>
      </c>
      <c r="AJ20" s="201">
        <v>42</v>
      </c>
      <c r="AK20" s="197">
        <v>111</v>
      </c>
      <c r="AL20" s="197">
        <v>144</v>
      </c>
      <c r="AM20" s="197">
        <v>130</v>
      </c>
      <c r="AN20" s="195">
        <v>80</v>
      </c>
      <c r="AO20" s="198">
        <v>507</v>
      </c>
      <c r="AP20" s="202">
        <v>507</v>
      </c>
      <c r="AQ20" s="201">
        <v>0</v>
      </c>
      <c r="AR20" s="195">
        <v>0</v>
      </c>
      <c r="AS20" s="198">
        <v>0</v>
      </c>
      <c r="AT20" s="196">
        <v>40</v>
      </c>
      <c r="AU20" s="197">
        <v>109</v>
      </c>
      <c r="AV20" s="197">
        <v>139</v>
      </c>
      <c r="AW20" s="197">
        <v>128</v>
      </c>
      <c r="AX20" s="195">
        <v>80</v>
      </c>
      <c r="AY20" s="198">
        <v>496</v>
      </c>
      <c r="AZ20" s="199">
        <v>496</v>
      </c>
      <c r="BA20" s="194">
        <v>0</v>
      </c>
      <c r="BB20" s="195">
        <v>0</v>
      </c>
      <c r="BC20" s="195">
        <v>0</v>
      </c>
      <c r="BD20" s="196">
        <v>2</v>
      </c>
      <c r="BE20" s="197">
        <v>2</v>
      </c>
      <c r="BF20" s="197">
        <v>5</v>
      </c>
      <c r="BG20" s="197">
        <v>2</v>
      </c>
      <c r="BH20" s="195">
        <v>0</v>
      </c>
      <c r="BI20" s="198">
        <v>11</v>
      </c>
      <c r="BJ20" s="200">
        <v>11</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11</v>
      </c>
      <c r="CW20" s="198">
        <v>15</v>
      </c>
      <c r="CX20" s="199">
        <v>15</v>
      </c>
      <c r="CY20" s="194">
        <v>0</v>
      </c>
      <c r="CZ20" s="195">
        <v>0</v>
      </c>
      <c r="DA20" s="195">
        <v>0</v>
      </c>
      <c r="DB20" s="196">
        <v>0</v>
      </c>
      <c r="DC20" s="197">
        <v>0</v>
      </c>
      <c r="DD20" s="197">
        <v>1</v>
      </c>
      <c r="DE20" s="197">
        <v>3</v>
      </c>
      <c r="DF20" s="195">
        <v>10</v>
      </c>
      <c r="DG20" s="198">
        <v>14</v>
      </c>
      <c r="DH20" s="200">
        <v>14</v>
      </c>
      <c r="DI20" s="201">
        <v>0</v>
      </c>
      <c r="DJ20" s="195">
        <v>0</v>
      </c>
      <c r="DK20" s="195">
        <v>0</v>
      </c>
      <c r="DL20" s="196">
        <v>0</v>
      </c>
      <c r="DM20" s="197">
        <v>0</v>
      </c>
      <c r="DN20" s="197">
        <v>0</v>
      </c>
      <c r="DO20" s="197">
        <v>0</v>
      </c>
      <c r="DP20" s="195">
        <v>1</v>
      </c>
      <c r="DQ20" s="198">
        <v>1</v>
      </c>
      <c r="DR20" s="200">
        <v>1</v>
      </c>
      <c r="DS20" s="201">
        <v>0</v>
      </c>
      <c r="DT20" s="195">
        <v>0</v>
      </c>
      <c r="DU20" s="195">
        <v>0</v>
      </c>
      <c r="DV20" s="196">
        <v>44</v>
      </c>
      <c r="DW20" s="197">
        <v>128</v>
      </c>
      <c r="DX20" s="197">
        <v>343</v>
      </c>
      <c r="DY20" s="197">
        <v>394</v>
      </c>
      <c r="DZ20" s="195">
        <v>310</v>
      </c>
      <c r="EA20" s="198">
        <v>1219</v>
      </c>
      <c r="EB20" s="200">
        <v>1219</v>
      </c>
      <c r="EC20" s="37"/>
    </row>
    <row r="21" spans="2:133" ht="21" customHeight="1" x14ac:dyDescent="0.2">
      <c r="B21" s="62" t="s">
        <v>18</v>
      </c>
      <c r="C21" s="194">
        <v>0</v>
      </c>
      <c r="D21" s="195">
        <v>0</v>
      </c>
      <c r="E21" s="195">
        <v>0</v>
      </c>
      <c r="F21" s="196">
        <v>5</v>
      </c>
      <c r="G21" s="197">
        <v>16</v>
      </c>
      <c r="H21" s="197">
        <v>178</v>
      </c>
      <c r="I21" s="197">
        <v>402</v>
      </c>
      <c r="J21" s="195">
        <v>260</v>
      </c>
      <c r="K21" s="198">
        <v>861</v>
      </c>
      <c r="L21" s="199">
        <v>861</v>
      </c>
      <c r="M21" s="194">
        <v>0</v>
      </c>
      <c r="N21" s="195">
        <v>0</v>
      </c>
      <c r="O21" s="198">
        <v>0</v>
      </c>
      <c r="P21" s="196">
        <v>5</v>
      </c>
      <c r="Q21" s="197">
        <v>16</v>
      </c>
      <c r="R21" s="197">
        <v>174</v>
      </c>
      <c r="S21" s="197">
        <v>401</v>
      </c>
      <c r="T21" s="195">
        <v>257</v>
      </c>
      <c r="U21" s="198">
        <v>853</v>
      </c>
      <c r="V21" s="200">
        <v>853</v>
      </c>
      <c r="W21" s="201">
        <v>0</v>
      </c>
      <c r="X21" s="195">
        <v>0</v>
      </c>
      <c r="Y21" s="198">
        <v>0</v>
      </c>
      <c r="Z21" s="201">
        <v>0</v>
      </c>
      <c r="AA21" s="197">
        <v>0</v>
      </c>
      <c r="AB21" s="197">
        <v>4</v>
      </c>
      <c r="AC21" s="197">
        <v>1</v>
      </c>
      <c r="AD21" s="195">
        <v>3</v>
      </c>
      <c r="AE21" s="198">
        <v>8</v>
      </c>
      <c r="AF21" s="202">
        <v>8</v>
      </c>
      <c r="AG21" s="201">
        <v>0</v>
      </c>
      <c r="AH21" s="195">
        <v>0</v>
      </c>
      <c r="AI21" s="198">
        <v>0</v>
      </c>
      <c r="AJ21" s="201">
        <v>41</v>
      </c>
      <c r="AK21" s="197">
        <v>62</v>
      </c>
      <c r="AL21" s="197">
        <v>108</v>
      </c>
      <c r="AM21" s="197">
        <v>120</v>
      </c>
      <c r="AN21" s="195">
        <v>79</v>
      </c>
      <c r="AO21" s="198">
        <v>410</v>
      </c>
      <c r="AP21" s="202">
        <v>410</v>
      </c>
      <c r="AQ21" s="201">
        <v>0</v>
      </c>
      <c r="AR21" s="195">
        <v>0</v>
      </c>
      <c r="AS21" s="198">
        <v>0</v>
      </c>
      <c r="AT21" s="196">
        <v>41</v>
      </c>
      <c r="AU21" s="197">
        <v>61</v>
      </c>
      <c r="AV21" s="197">
        <v>105</v>
      </c>
      <c r="AW21" s="197">
        <v>118</v>
      </c>
      <c r="AX21" s="195">
        <v>76</v>
      </c>
      <c r="AY21" s="198">
        <v>401</v>
      </c>
      <c r="AZ21" s="199">
        <v>401</v>
      </c>
      <c r="BA21" s="194">
        <v>0</v>
      </c>
      <c r="BB21" s="195">
        <v>0</v>
      </c>
      <c r="BC21" s="195">
        <v>0</v>
      </c>
      <c r="BD21" s="196">
        <v>0</v>
      </c>
      <c r="BE21" s="197">
        <v>1</v>
      </c>
      <c r="BF21" s="197">
        <v>3</v>
      </c>
      <c r="BG21" s="197">
        <v>2</v>
      </c>
      <c r="BH21" s="195">
        <v>3</v>
      </c>
      <c r="BI21" s="198">
        <v>9</v>
      </c>
      <c r="BJ21" s="200">
        <v>9</v>
      </c>
      <c r="BK21" s="201">
        <v>0</v>
      </c>
      <c r="BL21" s="195">
        <v>0</v>
      </c>
      <c r="BM21" s="195">
        <v>0</v>
      </c>
      <c r="BN21" s="196">
        <v>0</v>
      </c>
      <c r="BO21" s="197">
        <v>0</v>
      </c>
      <c r="BP21" s="197">
        <v>0</v>
      </c>
      <c r="BQ21" s="197">
        <v>1</v>
      </c>
      <c r="BR21" s="195">
        <v>5</v>
      </c>
      <c r="BS21" s="198">
        <v>6</v>
      </c>
      <c r="BT21" s="199">
        <v>6</v>
      </c>
      <c r="BU21" s="194">
        <v>0</v>
      </c>
      <c r="BV21" s="195">
        <v>0</v>
      </c>
      <c r="BW21" s="195">
        <v>0</v>
      </c>
      <c r="BX21" s="196">
        <v>0</v>
      </c>
      <c r="BY21" s="197">
        <v>0</v>
      </c>
      <c r="BZ21" s="197">
        <v>0</v>
      </c>
      <c r="CA21" s="197">
        <v>1</v>
      </c>
      <c r="CB21" s="195">
        <v>5</v>
      </c>
      <c r="CC21" s="198">
        <v>6</v>
      </c>
      <c r="CD21" s="200">
        <v>6</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1</v>
      </c>
      <c r="CU21" s="197">
        <v>7</v>
      </c>
      <c r="CV21" s="195">
        <v>20</v>
      </c>
      <c r="CW21" s="198">
        <v>28</v>
      </c>
      <c r="CX21" s="199">
        <v>28</v>
      </c>
      <c r="CY21" s="194">
        <v>0</v>
      </c>
      <c r="CZ21" s="195">
        <v>0</v>
      </c>
      <c r="DA21" s="195">
        <v>0</v>
      </c>
      <c r="DB21" s="196">
        <v>0</v>
      </c>
      <c r="DC21" s="197">
        <v>0</v>
      </c>
      <c r="DD21" s="197">
        <v>1</v>
      </c>
      <c r="DE21" s="197">
        <v>7</v>
      </c>
      <c r="DF21" s="195">
        <v>19</v>
      </c>
      <c r="DG21" s="198">
        <v>27</v>
      </c>
      <c r="DH21" s="200">
        <v>27</v>
      </c>
      <c r="DI21" s="201">
        <v>0</v>
      </c>
      <c r="DJ21" s="195">
        <v>0</v>
      </c>
      <c r="DK21" s="195">
        <v>0</v>
      </c>
      <c r="DL21" s="196">
        <v>0</v>
      </c>
      <c r="DM21" s="197">
        <v>0</v>
      </c>
      <c r="DN21" s="197">
        <v>0</v>
      </c>
      <c r="DO21" s="197">
        <v>0</v>
      </c>
      <c r="DP21" s="195">
        <v>1</v>
      </c>
      <c r="DQ21" s="198">
        <v>1</v>
      </c>
      <c r="DR21" s="200">
        <v>1</v>
      </c>
      <c r="DS21" s="201">
        <v>0</v>
      </c>
      <c r="DT21" s="195">
        <v>0</v>
      </c>
      <c r="DU21" s="195">
        <v>0</v>
      </c>
      <c r="DV21" s="196">
        <v>46</v>
      </c>
      <c r="DW21" s="197">
        <v>78</v>
      </c>
      <c r="DX21" s="197">
        <v>287</v>
      </c>
      <c r="DY21" s="197">
        <v>526</v>
      </c>
      <c r="DZ21" s="195">
        <v>362</v>
      </c>
      <c r="EA21" s="198">
        <v>1299</v>
      </c>
      <c r="EB21" s="200">
        <v>1299</v>
      </c>
      <c r="EC21" s="37"/>
    </row>
    <row r="22" spans="2:133" ht="21" customHeight="1" x14ac:dyDescent="0.2">
      <c r="B22" s="62" t="s">
        <v>19</v>
      </c>
      <c r="C22" s="194">
        <v>0</v>
      </c>
      <c r="D22" s="195">
        <v>0</v>
      </c>
      <c r="E22" s="195">
        <v>0</v>
      </c>
      <c r="F22" s="196">
        <v>0</v>
      </c>
      <c r="G22" s="197">
        <v>7</v>
      </c>
      <c r="H22" s="197">
        <v>116</v>
      </c>
      <c r="I22" s="197">
        <v>144</v>
      </c>
      <c r="J22" s="195">
        <v>90</v>
      </c>
      <c r="K22" s="198">
        <v>357</v>
      </c>
      <c r="L22" s="199">
        <v>357</v>
      </c>
      <c r="M22" s="194">
        <v>0</v>
      </c>
      <c r="N22" s="195">
        <v>0</v>
      </c>
      <c r="O22" s="198">
        <v>0</v>
      </c>
      <c r="P22" s="196">
        <v>0</v>
      </c>
      <c r="Q22" s="197">
        <v>7</v>
      </c>
      <c r="R22" s="197">
        <v>115</v>
      </c>
      <c r="S22" s="197">
        <v>144</v>
      </c>
      <c r="T22" s="195">
        <v>90</v>
      </c>
      <c r="U22" s="198">
        <v>356</v>
      </c>
      <c r="V22" s="200">
        <v>356</v>
      </c>
      <c r="W22" s="201">
        <v>0</v>
      </c>
      <c r="X22" s="195">
        <v>0</v>
      </c>
      <c r="Y22" s="198">
        <v>0</v>
      </c>
      <c r="Z22" s="201">
        <v>0</v>
      </c>
      <c r="AA22" s="197">
        <v>0</v>
      </c>
      <c r="AB22" s="197">
        <v>1</v>
      </c>
      <c r="AC22" s="197">
        <v>0</v>
      </c>
      <c r="AD22" s="195">
        <v>0</v>
      </c>
      <c r="AE22" s="198">
        <v>1</v>
      </c>
      <c r="AF22" s="202">
        <v>1</v>
      </c>
      <c r="AG22" s="201">
        <v>0</v>
      </c>
      <c r="AH22" s="195">
        <v>0</v>
      </c>
      <c r="AI22" s="198">
        <v>0</v>
      </c>
      <c r="AJ22" s="201">
        <v>20</v>
      </c>
      <c r="AK22" s="197">
        <v>46</v>
      </c>
      <c r="AL22" s="197">
        <v>79</v>
      </c>
      <c r="AM22" s="197">
        <v>43</v>
      </c>
      <c r="AN22" s="195">
        <v>33</v>
      </c>
      <c r="AO22" s="198">
        <v>221</v>
      </c>
      <c r="AP22" s="202">
        <v>221</v>
      </c>
      <c r="AQ22" s="201">
        <v>0</v>
      </c>
      <c r="AR22" s="195">
        <v>0</v>
      </c>
      <c r="AS22" s="198">
        <v>0</v>
      </c>
      <c r="AT22" s="196">
        <v>20</v>
      </c>
      <c r="AU22" s="197">
        <v>46</v>
      </c>
      <c r="AV22" s="197">
        <v>77</v>
      </c>
      <c r="AW22" s="197">
        <v>42</v>
      </c>
      <c r="AX22" s="195">
        <v>32</v>
      </c>
      <c r="AY22" s="198">
        <v>217</v>
      </c>
      <c r="AZ22" s="199">
        <v>217</v>
      </c>
      <c r="BA22" s="194">
        <v>0</v>
      </c>
      <c r="BB22" s="195">
        <v>0</v>
      </c>
      <c r="BC22" s="195">
        <v>0</v>
      </c>
      <c r="BD22" s="196">
        <v>0</v>
      </c>
      <c r="BE22" s="197">
        <v>0</v>
      </c>
      <c r="BF22" s="197">
        <v>2</v>
      </c>
      <c r="BG22" s="197">
        <v>1</v>
      </c>
      <c r="BH22" s="195">
        <v>1</v>
      </c>
      <c r="BI22" s="198">
        <v>4</v>
      </c>
      <c r="BJ22" s="200">
        <v>4</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4</v>
      </c>
      <c r="CV22" s="195">
        <v>5</v>
      </c>
      <c r="CW22" s="198">
        <v>9</v>
      </c>
      <c r="CX22" s="199">
        <v>9</v>
      </c>
      <c r="CY22" s="194">
        <v>0</v>
      </c>
      <c r="CZ22" s="195">
        <v>0</v>
      </c>
      <c r="DA22" s="195">
        <v>0</v>
      </c>
      <c r="DB22" s="196">
        <v>0</v>
      </c>
      <c r="DC22" s="197">
        <v>0</v>
      </c>
      <c r="DD22" s="197">
        <v>0</v>
      </c>
      <c r="DE22" s="197">
        <v>4</v>
      </c>
      <c r="DF22" s="195">
        <v>4</v>
      </c>
      <c r="DG22" s="198">
        <v>8</v>
      </c>
      <c r="DH22" s="200">
        <v>8</v>
      </c>
      <c r="DI22" s="201">
        <v>0</v>
      </c>
      <c r="DJ22" s="195">
        <v>0</v>
      </c>
      <c r="DK22" s="195">
        <v>0</v>
      </c>
      <c r="DL22" s="196">
        <v>0</v>
      </c>
      <c r="DM22" s="197">
        <v>0</v>
      </c>
      <c r="DN22" s="197">
        <v>0</v>
      </c>
      <c r="DO22" s="197">
        <v>0</v>
      </c>
      <c r="DP22" s="195">
        <v>1</v>
      </c>
      <c r="DQ22" s="198">
        <v>1</v>
      </c>
      <c r="DR22" s="200">
        <v>1</v>
      </c>
      <c r="DS22" s="201">
        <v>0</v>
      </c>
      <c r="DT22" s="195">
        <v>0</v>
      </c>
      <c r="DU22" s="195">
        <v>0</v>
      </c>
      <c r="DV22" s="196">
        <v>20</v>
      </c>
      <c r="DW22" s="197">
        <v>53</v>
      </c>
      <c r="DX22" s="197">
        <v>190</v>
      </c>
      <c r="DY22" s="197">
        <v>191</v>
      </c>
      <c r="DZ22" s="195">
        <v>126</v>
      </c>
      <c r="EA22" s="198">
        <v>580</v>
      </c>
      <c r="EB22" s="200">
        <v>580</v>
      </c>
      <c r="EC22" s="37"/>
    </row>
    <row r="23" spans="2:133" ht="21" customHeight="1" x14ac:dyDescent="0.2">
      <c r="B23" s="62" t="s">
        <v>20</v>
      </c>
      <c r="C23" s="194">
        <v>0</v>
      </c>
      <c r="D23" s="195">
        <v>0</v>
      </c>
      <c r="E23" s="195">
        <v>0</v>
      </c>
      <c r="F23" s="196">
        <v>5</v>
      </c>
      <c r="G23" s="197">
        <v>28</v>
      </c>
      <c r="H23" s="197">
        <v>129</v>
      </c>
      <c r="I23" s="197">
        <v>194</v>
      </c>
      <c r="J23" s="195">
        <v>111</v>
      </c>
      <c r="K23" s="198">
        <v>467</v>
      </c>
      <c r="L23" s="199">
        <v>467</v>
      </c>
      <c r="M23" s="194">
        <v>0</v>
      </c>
      <c r="N23" s="195">
        <v>0</v>
      </c>
      <c r="O23" s="198">
        <v>0</v>
      </c>
      <c r="P23" s="196">
        <v>5</v>
      </c>
      <c r="Q23" s="197">
        <v>28</v>
      </c>
      <c r="R23" s="197">
        <v>128</v>
      </c>
      <c r="S23" s="197">
        <v>193</v>
      </c>
      <c r="T23" s="195">
        <v>110</v>
      </c>
      <c r="U23" s="198">
        <v>464</v>
      </c>
      <c r="V23" s="200">
        <v>464</v>
      </c>
      <c r="W23" s="201">
        <v>0</v>
      </c>
      <c r="X23" s="195">
        <v>0</v>
      </c>
      <c r="Y23" s="198">
        <v>0</v>
      </c>
      <c r="Z23" s="201">
        <v>0</v>
      </c>
      <c r="AA23" s="197">
        <v>0</v>
      </c>
      <c r="AB23" s="197">
        <v>1</v>
      </c>
      <c r="AC23" s="197">
        <v>1</v>
      </c>
      <c r="AD23" s="195">
        <v>1</v>
      </c>
      <c r="AE23" s="198">
        <v>3</v>
      </c>
      <c r="AF23" s="202">
        <v>3</v>
      </c>
      <c r="AG23" s="201">
        <v>0</v>
      </c>
      <c r="AH23" s="195">
        <v>0</v>
      </c>
      <c r="AI23" s="198">
        <v>0</v>
      </c>
      <c r="AJ23" s="201">
        <v>15</v>
      </c>
      <c r="AK23" s="197">
        <v>40</v>
      </c>
      <c r="AL23" s="197">
        <v>42</v>
      </c>
      <c r="AM23" s="197">
        <v>48</v>
      </c>
      <c r="AN23" s="195">
        <v>21</v>
      </c>
      <c r="AO23" s="198">
        <v>166</v>
      </c>
      <c r="AP23" s="202">
        <v>166</v>
      </c>
      <c r="AQ23" s="201">
        <v>0</v>
      </c>
      <c r="AR23" s="195">
        <v>0</v>
      </c>
      <c r="AS23" s="198">
        <v>0</v>
      </c>
      <c r="AT23" s="196">
        <v>14</v>
      </c>
      <c r="AU23" s="197">
        <v>40</v>
      </c>
      <c r="AV23" s="197">
        <v>42</v>
      </c>
      <c r="AW23" s="197">
        <v>47</v>
      </c>
      <c r="AX23" s="195">
        <v>21</v>
      </c>
      <c r="AY23" s="198">
        <v>164</v>
      </c>
      <c r="AZ23" s="199">
        <v>164</v>
      </c>
      <c r="BA23" s="194">
        <v>0</v>
      </c>
      <c r="BB23" s="195">
        <v>0</v>
      </c>
      <c r="BC23" s="195">
        <v>0</v>
      </c>
      <c r="BD23" s="196">
        <v>1</v>
      </c>
      <c r="BE23" s="197">
        <v>0</v>
      </c>
      <c r="BF23" s="197">
        <v>0</v>
      </c>
      <c r="BG23" s="197">
        <v>1</v>
      </c>
      <c r="BH23" s="195">
        <v>0</v>
      </c>
      <c r="BI23" s="198">
        <v>2</v>
      </c>
      <c r="BJ23" s="200">
        <v>2</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1</v>
      </c>
      <c r="CV23" s="195">
        <v>5</v>
      </c>
      <c r="CW23" s="198">
        <v>6</v>
      </c>
      <c r="CX23" s="199">
        <v>6</v>
      </c>
      <c r="CY23" s="194">
        <v>0</v>
      </c>
      <c r="CZ23" s="195">
        <v>0</v>
      </c>
      <c r="DA23" s="195">
        <v>0</v>
      </c>
      <c r="DB23" s="196">
        <v>0</v>
      </c>
      <c r="DC23" s="197">
        <v>0</v>
      </c>
      <c r="DD23" s="197">
        <v>0</v>
      </c>
      <c r="DE23" s="197">
        <v>1</v>
      </c>
      <c r="DF23" s="195">
        <v>5</v>
      </c>
      <c r="DG23" s="198">
        <v>6</v>
      </c>
      <c r="DH23" s="200">
        <v>6</v>
      </c>
      <c r="DI23" s="201">
        <v>0</v>
      </c>
      <c r="DJ23" s="195">
        <v>0</v>
      </c>
      <c r="DK23" s="195">
        <v>0</v>
      </c>
      <c r="DL23" s="196">
        <v>0</v>
      </c>
      <c r="DM23" s="197">
        <v>0</v>
      </c>
      <c r="DN23" s="197">
        <v>0</v>
      </c>
      <c r="DO23" s="197">
        <v>0</v>
      </c>
      <c r="DP23" s="195">
        <v>0</v>
      </c>
      <c r="DQ23" s="198">
        <v>0</v>
      </c>
      <c r="DR23" s="200">
        <v>0</v>
      </c>
      <c r="DS23" s="201">
        <v>0</v>
      </c>
      <c r="DT23" s="195">
        <v>0</v>
      </c>
      <c r="DU23" s="195">
        <v>0</v>
      </c>
      <c r="DV23" s="196">
        <v>20</v>
      </c>
      <c r="DW23" s="197">
        <v>68</v>
      </c>
      <c r="DX23" s="197">
        <v>171</v>
      </c>
      <c r="DY23" s="197">
        <v>243</v>
      </c>
      <c r="DZ23" s="195">
        <v>137</v>
      </c>
      <c r="EA23" s="198">
        <v>639</v>
      </c>
      <c r="EB23" s="200">
        <v>639</v>
      </c>
      <c r="EC23" s="37"/>
    </row>
    <row r="24" spans="2:133" ht="21" customHeight="1" x14ac:dyDescent="0.2">
      <c r="B24" s="62" t="s">
        <v>21</v>
      </c>
      <c r="C24" s="194">
        <v>0</v>
      </c>
      <c r="D24" s="195">
        <v>0</v>
      </c>
      <c r="E24" s="195">
        <v>0</v>
      </c>
      <c r="F24" s="196">
        <v>6</v>
      </c>
      <c r="G24" s="197">
        <v>11</v>
      </c>
      <c r="H24" s="197">
        <v>168</v>
      </c>
      <c r="I24" s="197">
        <v>183</v>
      </c>
      <c r="J24" s="195">
        <v>150</v>
      </c>
      <c r="K24" s="198">
        <v>518</v>
      </c>
      <c r="L24" s="199">
        <v>518</v>
      </c>
      <c r="M24" s="194">
        <v>0</v>
      </c>
      <c r="N24" s="195">
        <v>0</v>
      </c>
      <c r="O24" s="198">
        <v>0</v>
      </c>
      <c r="P24" s="196">
        <v>5</v>
      </c>
      <c r="Q24" s="197">
        <v>11</v>
      </c>
      <c r="R24" s="197">
        <v>167</v>
      </c>
      <c r="S24" s="197">
        <v>183</v>
      </c>
      <c r="T24" s="195">
        <v>148</v>
      </c>
      <c r="U24" s="198">
        <v>514</v>
      </c>
      <c r="V24" s="200">
        <v>514</v>
      </c>
      <c r="W24" s="201">
        <v>0</v>
      </c>
      <c r="X24" s="195">
        <v>0</v>
      </c>
      <c r="Y24" s="198">
        <v>0</v>
      </c>
      <c r="Z24" s="201">
        <v>1</v>
      </c>
      <c r="AA24" s="197">
        <v>0</v>
      </c>
      <c r="AB24" s="197">
        <v>1</v>
      </c>
      <c r="AC24" s="197">
        <v>0</v>
      </c>
      <c r="AD24" s="195">
        <v>2</v>
      </c>
      <c r="AE24" s="198">
        <v>4</v>
      </c>
      <c r="AF24" s="202">
        <v>4</v>
      </c>
      <c r="AG24" s="201">
        <v>0</v>
      </c>
      <c r="AH24" s="195">
        <v>0</v>
      </c>
      <c r="AI24" s="198">
        <v>0</v>
      </c>
      <c r="AJ24" s="201">
        <v>15</v>
      </c>
      <c r="AK24" s="197">
        <v>31</v>
      </c>
      <c r="AL24" s="197">
        <v>37</v>
      </c>
      <c r="AM24" s="197">
        <v>48</v>
      </c>
      <c r="AN24" s="195">
        <v>22</v>
      </c>
      <c r="AO24" s="198">
        <v>153</v>
      </c>
      <c r="AP24" s="202">
        <v>153</v>
      </c>
      <c r="AQ24" s="201">
        <v>0</v>
      </c>
      <c r="AR24" s="195">
        <v>0</v>
      </c>
      <c r="AS24" s="198">
        <v>0</v>
      </c>
      <c r="AT24" s="196">
        <v>15</v>
      </c>
      <c r="AU24" s="197">
        <v>31</v>
      </c>
      <c r="AV24" s="197">
        <v>36</v>
      </c>
      <c r="AW24" s="197">
        <v>45</v>
      </c>
      <c r="AX24" s="195">
        <v>21</v>
      </c>
      <c r="AY24" s="198">
        <v>148</v>
      </c>
      <c r="AZ24" s="199">
        <v>148</v>
      </c>
      <c r="BA24" s="194">
        <v>0</v>
      </c>
      <c r="BB24" s="195">
        <v>0</v>
      </c>
      <c r="BC24" s="195">
        <v>0</v>
      </c>
      <c r="BD24" s="196">
        <v>0</v>
      </c>
      <c r="BE24" s="197">
        <v>0</v>
      </c>
      <c r="BF24" s="197">
        <v>1</v>
      </c>
      <c r="BG24" s="197">
        <v>3</v>
      </c>
      <c r="BH24" s="195">
        <v>1</v>
      </c>
      <c r="BI24" s="198">
        <v>5</v>
      </c>
      <c r="BJ24" s="200">
        <v>5</v>
      </c>
      <c r="BK24" s="201">
        <v>0</v>
      </c>
      <c r="BL24" s="195">
        <v>0</v>
      </c>
      <c r="BM24" s="195">
        <v>0</v>
      </c>
      <c r="BN24" s="196">
        <v>0</v>
      </c>
      <c r="BO24" s="197">
        <v>0</v>
      </c>
      <c r="BP24" s="197">
        <v>1</v>
      </c>
      <c r="BQ24" s="197">
        <v>2</v>
      </c>
      <c r="BR24" s="195">
        <v>1</v>
      </c>
      <c r="BS24" s="198">
        <v>4</v>
      </c>
      <c r="BT24" s="199">
        <v>4</v>
      </c>
      <c r="BU24" s="194">
        <v>0</v>
      </c>
      <c r="BV24" s="195">
        <v>0</v>
      </c>
      <c r="BW24" s="195">
        <v>0</v>
      </c>
      <c r="BX24" s="196">
        <v>0</v>
      </c>
      <c r="BY24" s="197">
        <v>0</v>
      </c>
      <c r="BZ24" s="197">
        <v>1</v>
      </c>
      <c r="CA24" s="197">
        <v>2</v>
      </c>
      <c r="CB24" s="195">
        <v>1</v>
      </c>
      <c r="CC24" s="198">
        <v>4</v>
      </c>
      <c r="CD24" s="200">
        <v>4</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1</v>
      </c>
      <c r="CU24" s="197">
        <v>11</v>
      </c>
      <c r="CV24" s="195">
        <v>15</v>
      </c>
      <c r="CW24" s="198">
        <v>27</v>
      </c>
      <c r="CX24" s="199">
        <v>27</v>
      </c>
      <c r="CY24" s="194">
        <v>0</v>
      </c>
      <c r="CZ24" s="195">
        <v>0</v>
      </c>
      <c r="DA24" s="195">
        <v>0</v>
      </c>
      <c r="DB24" s="196">
        <v>0</v>
      </c>
      <c r="DC24" s="197">
        <v>0</v>
      </c>
      <c r="DD24" s="197">
        <v>1</v>
      </c>
      <c r="DE24" s="197">
        <v>11</v>
      </c>
      <c r="DF24" s="195">
        <v>13</v>
      </c>
      <c r="DG24" s="198">
        <v>25</v>
      </c>
      <c r="DH24" s="200">
        <v>25</v>
      </c>
      <c r="DI24" s="201">
        <v>0</v>
      </c>
      <c r="DJ24" s="195">
        <v>0</v>
      </c>
      <c r="DK24" s="195">
        <v>0</v>
      </c>
      <c r="DL24" s="196">
        <v>0</v>
      </c>
      <c r="DM24" s="197">
        <v>0</v>
      </c>
      <c r="DN24" s="197">
        <v>0</v>
      </c>
      <c r="DO24" s="197">
        <v>0</v>
      </c>
      <c r="DP24" s="195">
        <v>2</v>
      </c>
      <c r="DQ24" s="198">
        <v>2</v>
      </c>
      <c r="DR24" s="200">
        <v>2</v>
      </c>
      <c r="DS24" s="201">
        <v>0</v>
      </c>
      <c r="DT24" s="195">
        <v>0</v>
      </c>
      <c r="DU24" s="195">
        <v>0</v>
      </c>
      <c r="DV24" s="196">
        <v>21</v>
      </c>
      <c r="DW24" s="197">
        <v>42</v>
      </c>
      <c r="DX24" s="197">
        <v>206</v>
      </c>
      <c r="DY24" s="197">
        <v>242</v>
      </c>
      <c r="DZ24" s="195">
        <v>188</v>
      </c>
      <c r="EA24" s="198">
        <v>699</v>
      </c>
      <c r="EB24" s="200">
        <v>699</v>
      </c>
      <c r="EC24" s="37"/>
    </row>
    <row r="25" spans="2:133" ht="21" customHeight="1" x14ac:dyDescent="0.2">
      <c r="B25" s="62" t="s">
        <v>22</v>
      </c>
      <c r="C25" s="194">
        <v>0</v>
      </c>
      <c r="D25" s="195">
        <v>0</v>
      </c>
      <c r="E25" s="195">
        <v>0</v>
      </c>
      <c r="F25" s="196">
        <v>1</v>
      </c>
      <c r="G25" s="197">
        <v>2</v>
      </c>
      <c r="H25" s="197">
        <v>45</v>
      </c>
      <c r="I25" s="197">
        <v>64</v>
      </c>
      <c r="J25" s="195">
        <v>33</v>
      </c>
      <c r="K25" s="198">
        <v>145</v>
      </c>
      <c r="L25" s="199">
        <v>145</v>
      </c>
      <c r="M25" s="194">
        <v>0</v>
      </c>
      <c r="N25" s="195">
        <v>0</v>
      </c>
      <c r="O25" s="198">
        <v>0</v>
      </c>
      <c r="P25" s="196">
        <v>1</v>
      </c>
      <c r="Q25" s="197">
        <v>2</v>
      </c>
      <c r="R25" s="197">
        <v>45</v>
      </c>
      <c r="S25" s="197">
        <v>64</v>
      </c>
      <c r="T25" s="195">
        <v>32</v>
      </c>
      <c r="U25" s="198">
        <v>144</v>
      </c>
      <c r="V25" s="200">
        <v>144</v>
      </c>
      <c r="W25" s="201">
        <v>0</v>
      </c>
      <c r="X25" s="195">
        <v>0</v>
      </c>
      <c r="Y25" s="198">
        <v>0</v>
      </c>
      <c r="Z25" s="201">
        <v>0</v>
      </c>
      <c r="AA25" s="197">
        <v>0</v>
      </c>
      <c r="AB25" s="197">
        <v>0</v>
      </c>
      <c r="AC25" s="197">
        <v>0</v>
      </c>
      <c r="AD25" s="195">
        <v>1</v>
      </c>
      <c r="AE25" s="198">
        <v>1</v>
      </c>
      <c r="AF25" s="202">
        <v>1</v>
      </c>
      <c r="AG25" s="201">
        <v>0</v>
      </c>
      <c r="AH25" s="195">
        <v>0</v>
      </c>
      <c r="AI25" s="198">
        <v>0</v>
      </c>
      <c r="AJ25" s="201">
        <v>11</v>
      </c>
      <c r="AK25" s="197">
        <v>28</v>
      </c>
      <c r="AL25" s="197">
        <v>25</v>
      </c>
      <c r="AM25" s="197">
        <v>32</v>
      </c>
      <c r="AN25" s="195">
        <v>15</v>
      </c>
      <c r="AO25" s="198">
        <v>111</v>
      </c>
      <c r="AP25" s="202">
        <v>111</v>
      </c>
      <c r="AQ25" s="201">
        <v>0</v>
      </c>
      <c r="AR25" s="195">
        <v>0</v>
      </c>
      <c r="AS25" s="198">
        <v>0</v>
      </c>
      <c r="AT25" s="196">
        <v>11</v>
      </c>
      <c r="AU25" s="197">
        <v>28</v>
      </c>
      <c r="AV25" s="197">
        <v>25</v>
      </c>
      <c r="AW25" s="197">
        <v>32</v>
      </c>
      <c r="AX25" s="195">
        <v>15</v>
      </c>
      <c r="AY25" s="198">
        <v>111</v>
      </c>
      <c r="AZ25" s="199">
        <v>111</v>
      </c>
      <c r="BA25" s="194">
        <v>0</v>
      </c>
      <c r="BB25" s="195">
        <v>0</v>
      </c>
      <c r="BC25" s="195">
        <v>0</v>
      </c>
      <c r="BD25" s="196">
        <v>0</v>
      </c>
      <c r="BE25" s="197">
        <v>0</v>
      </c>
      <c r="BF25" s="197">
        <v>0</v>
      </c>
      <c r="BG25" s="197">
        <v>0</v>
      </c>
      <c r="BH25" s="195">
        <v>0</v>
      </c>
      <c r="BI25" s="198">
        <v>0</v>
      </c>
      <c r="BJ25" s="200">
        <v>0</v>
      </c>
      <c r="BK25" s="201">
        <v>0</v>
      </c>
      <c r="BL25" s="195">
        <v>0</v>
      </c>
      <c r="BM25" s="195">
        <v>0</v>
      </c>
      <c r="BN25" s="196">
        <v>0</v>
      </c>
      <c r="BO25" s="197">
        <v>0</v>
      </c>
      <c r="BP25" s="197">
        <v>0</v>
      </c>
      <c r="BQ25" s="197">
        <v>0</v>
      </c>
      <c r="BR25" s="195">
        <v>3</v>
      </c>
      <c r="BS25" s="198">
        <v>3</v>
      </c>
      <c r="BT25" s="199">
        <v>3</v>
      </c>
      <c r="BU25" s="194">
        <v>0</v>
      </c>
      <c r="BV25" s="195">
        <v>0</v>
      </c>
      <c r="BW25" s="195">
        <v>0</v>
      </c>
      <c r="BX25" s="196">
        <v>0</v>
      </c>
      <c r="BY25" s="197">
        <v>0</v>
      </c>
      <c r="BZ25" s="197">
        <v>0</v>
      </c>
      <c r="CA25" s="197">
        <v>0</v>
      </c>
      <c r="CB25" s="195">
        <v>3</v>
      </c>
      <c r="CC25" s="198">
        <v>3</v>
      </c>
      <c r="CD25" s="200">
        <v>3</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5</v>
      </c>
      <c r="CV25" s="195">
        <v>2</v>
      </c>
      <c r="CW25" s="198">
        <v>7</v>
      </c>
      <c r="CX25" s="199">
        <v>7</v>
      </c>
      <c r="CY25" s="194">
        <v>0</v>
      </c>
      <c r="CZ25" s="195">
        <v>0</v>
      </c>
      <c r="DA25" s="195">
        <v>0</v>
      </c>
      <c r="DB25" s="196">
        <v>0</v>
      </c>
      <c r="DC25" s="197">
        <v>0</v>
      </c>
      <c r="DD25" s="197">
        <v>0</v>
      </c>
      <c r="DE25" s="197">
        <v>5</v>
      </c>
      <c r="DF25" s="195">
        <v>2</v>
      </c>
      <c r="DG25" s="198">
        <v>7</v>
      </c>
      <c r="DH25" s="200">
        <v>7</v>
      </c>
      <c r="DI25" s="201">
        <v>0</v>
      </c>
      <c r="DJ25" s="195">
        <v>0</v>
      </c>
      <c r="DK25" s="195">
        <v>0</v>
      </c>
      <c r="DL25" s="196">
        <v>0</v>
      </c>
      <c r="DM25" s="197">
        <v>0</v>
      </c>
      <c r="DN25" s="197">
        <v>0</v>
      </c>
      <c r="DO25" s="197">
        <v>0</v>
      </c>
      <c r="DP25" s="195">
        <v>0</v>
      </c>
      <c r="DQ25" s="198">
        <v>0</v>
      </c>
      <c r="DR25" s="200">
        <v>0</v>
      </c>
      <c r="DS25" s="201">
        <v>0</v>
      </c>
      <c r="DT25" s="195">
        <v>0</v>
      </c>
      <c r="DU25" s="195">
        <v>0</v>
      </c>
      <c r="DV25" s="196">
        <v>12</v>
      </c>
      <c r="DW25" s="197">
        <v>30</v>
      </c>
      <c r="DX25" s="197">
        <v>70</v>
      </c>
      <c r="DY25" s="197">
        <v>100</v>
      </c>
      <c r="DZ25" s="195">
        <v>53</v>
      </c>
      <c r="EA25" s="198">
        <v>265</v>
      </c>
      <c r="EB25" s="200">
        <v>265</v>
      </c>
      <c r="EC25" s="37"/>
    </row>
    <row r="26" spans="2:133" ht="21" customHeight="1" x14ac:dyDescent="0.2">
      <c r="B26" s="62" t="s">
        <v>23</v>
      </c>
      <c r="C26" s="194">
        <v>0</v>
      </c>
      <c r="D26" s="195">
        <v>0</v>
      </c>
      <c r="E26" s="195">
        <v>0</v>
      </c>
      <c r="F26" s="196">
        <v>4</v>
      </c>
      <c r="G26" s="197">
        <v>11</v>
      </c>
      <c r="H26" s="197">
        <v>90</v>
      </c>
      <c r="I26" s="197">
        <v>118</v>
      </c>
      <c r="J26" s="195">
        <v>104</v>
      </c>
      <c r="K26" s="198">
        <v>327</v>
      </c>
      <c r="L26" s="199">
        <v>327</v>
      </c>
      <c r="M26" s="194">
        <v>0</v>
      </c>
      <c r="N26" s="195">
        <v>0</v>
      </c>
      <c r="O26" s="198">
        <v>0</v>
      </c>
      <c r="P26" s="196">
        <v>4</v>
      </c>
      <c r="Q26" s="197">
        <v>11</v>
      </c>
      <c r="R26" s="197">
        <v>90</v>
      </c>
      <c r="S26" s="197">
        <v>117</v>
      </c>
      <c r="T26" s="195">
        <v>103</v>
      </c>
      <c r="U26" s="198">
        <v>325</v>
      </c>
      <c r="V26" s="200">
        <v>325</v>
      </c>
      <c r="W26" s="201">
        <v>0</v>
      </c>
      <c r="X26" s="195">
        <v>0</v>
      </c>
      <c r="Y26" s="198">
        <v>0</v>
      </c>
      <c r="Z26" s="201">
        <v>0</v>
      </c>
      <c r="AA26" s="197">
        <v>0</v>
      </c>
      <c r="AB26" s="197">
        <v>0</v>
      </c>
      <c r="AC26" s="197">
        <v>1</v>
      </c>
      <c r="AD26" s="195">
        <v>1</v>
      </c>
      <c r="AE26" s="198">
        <v>2</v>
      </c>
      <c r="AF26" s="202">
        <v>2</v>
      </c>
      <c r="AG26" s="201">
        <v>0</v>
      </c>
      <c r="AH26" s="195">
        <v>0</v>
      </c>
      <c r="AI26" s="198">
        <v>0</v>
      </c>
      <c r="AJ26" s="201">
        <v>18</v>
      </c>
      <c r="AK26" s="197">
        <v>22</v>
      </c>
      <c r="AL26" s="197">
        <v>37</v>
      </c>
      <c r="AM26" s="197">
        <v>59</v>
      </c>
      <c r="AN26" s="195">
        <v>37</v>
      </c>
      <c r="AO26" s="198">
        <v>173</v>
      </c>
      <c r="AP26" s="202">
        <v>173</v>
      </c>
      <c r="AQ26" s="201">
        <v>0</v>
      </c>
      <c r="AR26" s="195">
        <v>0</v>
      </c>
      <c r="AS26" s="198">
        <v>0</v>
      </c>
      <c r="AT26" s="196">
        <v>18</v>
      </c>
      <c r="AU26" s="197">
        <v>22</v>
      </c>
      <c r="AV26" s="197">
        <v>37</v>
      </c>
      <c r="AW26" s="197">
        <v>59</v>
      </c>
      <c r="AX26" s="195">
        <v>33</v>
      </c>
      <c r="AY26" s="198">
        <v>169</v>
      </c>
      <c r="AZ26" s="199">
        <v>169</v>
      </c>
      <c r="BA26" s="194">
        <v>0</v>
      </c>
      <c r="BB26" s="195">
        <v>0</v>
      </c>
      <c r="BC26" s="195">
        <v>0</v>
      </c>
      <c r="BD26" s="196">
        <v>0</v>
      </c>
      <c r="BE26" s="197">
        <v>0</v>
      </c>
      <c r="BF26" s="197">
        <v>0</v>
      </c>
      <c r="BG26" s="197">
        <v>0</v>
      </c>
      <c r="BH26" s="195">
        <v>4</v>
      </c>
      <c r="BI26" s="198">
        <v>4</v>
      </c>
      <c r="BJ26" s="200">
        <v>4</v>
      </c>
      <c r="BK26" s="201">
        <v>0</v>
      </c>
      <c r="BL26" s="195">
        <v>0</v>
      </c>
      <c r="BM26" s="195">
        <v>0</v>
      </c>
      <c r="BN26" s="196">
        <v>0</v>
      </c>
      <c r="BO26" s="197">
        <v>0</v>
      </c>
      <c r="BP26" s="197">
        <v>0</v>
      </c>
      <c r="BQ26" s="197">
        <v>1</v>
      </c>
      <c r="BR26" s="195">
        <v>2</v>
      </c>
      <c r="BS26" s="198">
        <v>3</v>
      </c>
      <c r="BT26" s="199">
        <v>3</v>
      </c>
      <c r="BU26" s="194">
        <v>0</v>
      </c>
      <c r="BV26" s="195">
        <v>0</v>
      </c>
      <c r="BW26" s="195">
        <v>0</v>
      </c>
      <c r="BX26" s="196">
        <v>0</v>
      </c>
      <c r="BY26" s="197">
        <v>0</v>
      </c>
      <c r="BZ26" s="197">
        <v>0</v>
      </c>
      <c r="CA26" s="197">
        <v>1</v>
      </c>
      <c r="CB26" s="195">
        <v>2</v>
      </c>
      <c r="CC26" s="198">
        <v>3</v>
      </c>
      <c r="CD26" s="200">
        <v>3</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2</v>
      </c>
      <c r="CV26" s="195">
        <v>9</v>
      </c>
      <c r="CW26" s="198">
        <v>11</v>
      </c>
      <c r="CX26" s="199">
        <v>11</v>
      </c>
      <c r="CY26" s="194">
        <v>0</v>
      </c>
      <c r="CZ26" s="195">
        <v>0</v>
      </c>
      <c r="DA26" s="195">
        <v>0</v>
      </c>
      <c r="DB26" s="196">
        <v>0</v>
      </c>
      <c r="DC26" s="197">
        <v>0</v>
      </c>
      <c r="DD26" s="197">
        <v>0</v>
      </c>
      <c r="DE26" s="197">
        <v>2</v>
      </c>
      <c r="DF26" s="195">
        <v>9</v>
      </c>
      <c r="DG26" s="198">
        <v>11</v>
      </c>
      <c r="DH26" s="200">
        <v>11</v>
      </c>
      <c r="DI26" s="201">
        <v>0</v>
      </c>
      <c r="DJ26" s="195">
        <v>0</v>
      </c>
      <c r="DK26" s="195">
        <v>0</v>
      </c>
      <c r="DL26" s="196">
        <v>0</v>
      </c>
      <c r="DM26" s="197">
        <v>0</v>
      </c>
      <c r="DN26" s="197">
        <v>0</v>
      </c>
      <c r="DO26" s="197">
        <v>0</v>
      </c>
      <c r="DP26" s="195">
        <v>0</v>
      </c>
      <c r="DQ26" s="198">
        <v>0</v>
      </c>
      <c r="DR26" s="200">
        <v>0</v>
      </c>
      <c r="DS26" s="201">
        <v>0</v>
      </c>
      <c r="DT26" s="195">
        <v>0</v>
      </c>
      <c r="DU26" s="195">
        <v>0</v>
      </c>
      <c r="DV26" s="196">
        <v>22</v>
      </c>
      <c r="DW26" s="197">
        <v>33</v>
      </c>
      <c r="DX26" s="197">
        <v>126</v>
      </c>
      <c r="DY26" s="197">
        <v>180</v>
      </c>
      <c r="DZ26" s="195">
        <v>151</v>
      </c>
      <c r="EA26" s="198">
        <v>512</v>
      </c>
      <c r="EB26" s="200">
        <v>512</v>
      </c>
      <c r="EC26" s="37"/>
    </row>
    <row r="27" spans="2:133" ht="21" customHeight="1" x14ac:dyDescent="0.2">
      <c r="B27" s="62" t="s">
        <v>24</v>
      </c>
      <c r="C27" s="194">
        <v>0</v>
      </c>
      <c r="D27" s="195">
        <v>0</v>
      </c>
      <c r="E27" s="195">
        <v>0</v>
      </c>
      <c r="F27" s="196">
        <v>0</v>
      </c>
      <c r="G27" s="197">
        <v>0</v>
      </c>
      <c r="H27" s="197">
        <v>31</v>
      </c>
      <c r="I27" s="197">
        <v>74</v>
      </c>
      <c r="J27" s="195">
        <v>59</v>
      </c>
      <c r="K27" s="198">
        <v>164</v>
      </c>
      <c r="L27" s="199">
        <v>164</v>
      </c>
      <c r="M27" s="194">
        <v>0</v>
      </c>
      <c r="N27" s="195">
        <v>0</v>
      </c>
      <c r="O27" s="198">
        <v>0</v>
      </c>
      <c r="P27" s="196">
        <v>0</v>
      </c>
      <c r="Q27" s="197">
        <v>0</v>
      </c>
      <c r="R27" s="197">
        <v>31</v>
      </c>
      <c r="S27" s="197">
        <v>74</v>
      </c>
      <c r="T27" s="195">
        <v>59</v>
      </c>
      <c r="U27" s="198">
        <v>164</v>
      </c>
      <c r="V27" s="200">
        <v>164</v>
      </c>
      <c r="W27" s="201">
        <v>0</v>
      </c>
      <c r="X27" s="195">
        <v>0</v>
      </c>
      <c r="Y27" s="198">
        <v>0</v>
      </c>
      <c r="Z27" s="201">
        <v>0</v>
      </c>
      <c r="AA27" s="197">
        <v>0</v>
      </c>
      <c r="AB27" s="197">
        <v>0</v>
      </c>
      <c r="AC27" s="197">
        <v>0</v>
      </c>
      <c r="AD27" s="195">
        <v>0</v>
      </c>
      <c r="AE27" s="198">
        <v>0</v>
      </c>
      <c r="AF27" s="202">
        <v>0</v>
      </c>
      <c r="AG27" s="201">
        <v>0</v>
      </c>
      <c r="AH27" s="195">
        <v>0</v>
      </c>
      <c r="AI27" s="198">
        <v>0</v>
      </c>
      <c r="AJ27" s="201">
        <v>11</v>
      </c>
      <c r="AK27" s="197">
        <v>13</v>
      </c>
      <c r="AL27" s="197">
        <v>25</v>
      </c>
      <c r="AM27" s="197">
        <v>31</v>
      </c>
      <c r="AN27" s="195">
        <v>10</v>
      </c>
      <c r="AO27" s="198">
        <v>90</v>
      </c>
      <c r="AP27" s="202">
        <v>90</v>
      </c>
      <c r="AQ27" s="201">
        <v>0</v>
      </c>
      <c r="AR27" s="195">
        <v>0</v>
      </c>
      <c r="AS27" s="198">
        <v>0</v>
      </c>
      <c r="AT27" s="196">
        <v>11</v>
      </c>
      <c r="AU27" s="197">
        <v>13</v>
      </c>
      <c r="AV27" s="197">
        <v>24</v>
      </c>
      <c r="AW27" s="197">
        <v>29</v>
      </c>
      <c r="AX27" s="195">
        <v>10</v>
      </c>
      <c r="AY27" s="198">
        <v>87</v>
      </c>
      <c r="AZ27" s="199">
        <v>87</v>
      </c>
      <c r="BA27" s="194">
        <v>0</v>
      </c>
      <c r="BB27" s="195">
        <v>0</v>
      </c>
      <c r="BC27" s="195">
        <v>0</v>
      </c>
      <c r="BD27" s="196">
        <v>0</v>
      </c>
      <c r="BE27" s="197">
        <v>0</v>
      </c>
      <c r="BF27" s="197">
        <v>1</v>
      </c>
      <c r="BG27" s="197">
        <v>2</v>
      </c>
      <c r="BH27" s="195">
        <v>0</v>
      </c>
      <c r="BI27" s="198">
        <v>3</v>
      </c>
      <c r="BJ27" s="200">
        <v>3</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1</v>
      </c>
      <c r="DW27" s="197">
        <v>13</v>
      </c>
      <c r="DX27" s="197">
        <v>55</v>
      </c>
      <c r="DY27" s="197">
        <v>105</v>
      </c>
      <c r="DZ27" s="195">
        <v>69</v>
      </c>
      <c r="EA27" s="198">
        <v>253</v>
      </c>
      <c r="EB27" s="200">
        <v>253</v>
      </c>
      <c r="EC27" s="37"/>
    </row>
    <row r="28" spans="2:133" ht="21" customHeight="1" x14ac:dyDescent="0.2">
      <c r="B28" s="62" t="s">
        <v>25</v>
      </c>
      <c r="C28" s="194">
        <v>0</v>
      </c>
      <c r="D28" s="195">
        <v>0</v>
      </c>
      <c r="E28" s="195">
        <v>0</v>
      </c>
      <c r="F28" s="196">
        <v>2</v>
      </c>
      <c r="G28" s="197">
        <v>7</v>
      </c>
      <c r="H28" s="197">
        <v>60</v>
      </c>
      <c r="I28" s="197">
        <v>67</v>
      </c>
      <c r="J28" s="195">
        <v>54</v>
      </c>
      <c r="K28" s="198">
        <v>190</v>
      </c>
      <c r="L28" s="199">
        <v>190</v>
      </c>
      <c r="M28" s="194">
        <v>0</v>
      </c>
      <c r="N28" s="195">
        <v>0</v>
      </c>
      <c r="O28" s="198">
        <v>0</v>
      </c>
      <c r="P28" s="196">
        <v>2</v>
      </c>
      <c r="Q28" s="197">
        <v>7</v>
      </c>
      <c r="R28" s="197">
        <v>60</v>
      </c>
      <c r="S28" s="197">
        <v>66</v>
      </c>
      <c r="T28" s="195">
        <v>49</v>
      </c>
      <c r="U28" s="198">
        <v>184</v>
      </c>
      <c r="V28" s="200">
        <v>184</v>
      </c>
      <c r="W28" s="201">
        <v>0</v>
      </c>
      <c r="X28" s="195">
        <v>0</v>
      </c>
      <c r="Y28" s="198">
        <v>0</v>
      </c>
      <c r="Z28" s="201">
        <v>0</v>
      </c>
      <c r="AA28" s="197">
        <v>0</v>
      </c>
      <c r="AB28" s="197">
        <v>0</v>
      </c>
      <c r="AC28" s="197">
        <v>1</v>
      </c>
      <c r="AD28" s="195">
        <v>5</v>
      </c>
      <c r="AE28" s="198">
        <v>6</v>
      </c>
      <c r="AF28" s="202">
        <v>6</v>
      </c>
      <c r="AG28" s="201">
        <v>0</v>
      </c>
      <c r="AH28" s="195">
        <v>0</v>
      </c>
      <c r="AI28" s="198">
        <v>0</v>
      </c>
      <c r="AJ28" s="201">
        <v>13</v>
      </c>
      <c r="AK28" s="197">
        <v>14</v>
      </c>
      <c r="AL28" s="197">
        <v>21</v>
      </c>
      <c r="AM28" s="197">
        <v>49</v>
      </c>
      <c r="AN28" s="195">
        <v>15</v>
      </c>
      <c r="AO28" s="198">
        <v>112</v>
      </c>
      <c r="AP28" s="202">
        <v>112</v>
      </c>
      <c r="AQ28" s="201">
        <v>0</v>
      </c>
      <c r="AR28" s="195">
        <v>0</v>
      </c>
      <c r="AS28" s="198">
        <v>0</v>
      </c>
      <c r="AT28" s="196">
        <v>13</v>
      </c>
      <c r="AU28" s="197">
        <v>14</v>
      </c>
      <c r="AV28" s="197">
        <v>21</v>
      </c>
      <c r="AW28" s="197">
        <v>48</v>
      </c>
      <c r="AX28" s="195">
        <v>15</v>
      </c>
      <c r="AY28" s="198">
        <v>111</v>
      </c>
      <c r="AZ28" s="199">
        <v>111</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2</v>
      </c>
      <c r="CV28" s="195">
        <v>2</v>
      </c>
      <c r="CW28" s="198">
        <v>4</v>
      </c>
      <c r="CX28" s="199">
        <v>4</v>
      </c>
      <c r="CY28" s="194">
        <v>0</v>
      </c>
      <c r="CZ28" s="195">
        <v>0</v>
      </c>
      <c r="DA28" s="195">
        <v>0</v>
      </c>
      <c r="DB28" s="196">
        <v>0</v>
      </c>
      <c r="DC28" s="197">
        <v>0</v>
      </c>
      <c r="DD28" s="197">
        <v>0</v>
      </c>
      <c r="DE28" s="197">
        <v>2</v>
      </c>
      <c r="DF28" s="195">
        <v>2</v>
      </c>
      <c r="DG28" s="198">
        <v>4</v>
      </c>
      <c r="DH28" s="200">
        <v>4</v>
      </c>
      <c r="DI28" s="201">
        <v>0</v>
      </c>
      <c r="DJ28" s="195">
        <v>0</v>
      </c>
      <c r="DK28" s="195">
        <v>0</v>
      </c>
      <c r="DL28" s="196">
        <v>0</v>
      </c>
      <c r="DM28" s="197">
        <v>0</v>
      </c>
      <c r="DN28" s="197">
        <v>0</v>
      </c>
      <c r="DO28" s="197">
        <v>0</v>
      </c>
      <c r="DP28" s="195">
        <v>0</v>
      </c>
      <c r="DQ28" s="198">
        <v>0</v>
      </c>
      <c r="DR28" s="200">
        <v>0</v>
      </c>
      <c r="DS28" s="201">
        <v>0</v>
      </c>
      <c r="DT28" s="195">
        <v>0</v>
      </c>
      <c r="DU28" s="195">
        <v>0</v>
      </c>
      <c r="DV28" s="196">
        <v>15</v>
      </c>
      <c r="DW28" s="197">
        <v>21</v>
      </c>
      <c r="DX28" s="197">
        <v>81</v>
      </c>
      <c r="DY28" s="197">
        <v>118</v>
      </c>
      <c r="DZ28" s="195">
        <v>71</v>
      </c>
      <c r="EA28" s="198">
        <v>306</v>
      </c>
      <c r="EB28" s="200">
        <v>306</v>
      </c>
      <c r="EC28" s="37"/>
    </row>
    <row r="29" spans="2:133" ht="21" customHeight="1" x14ac:dyDescent="0.2">
      <c r="B29" s="62" t="s">
        <v>26</v>
      </c>
      <c r="C29" s="194">
        <v>0</v>
      </c>
      <c r="D29" s="195">
        <v>0</v>
      </c>
      <c r="E29" s="195">
        <v>0</v>
      </c>
      <c r="F29" s="196">
        <v>0</v>
      </c>
      <c r="G29" s="197">
        <v>10</v>
      </c>
      <c r="H29" s="197">
        <v>40</v>
      </c>
      <c r="I29" s="197">
        <v>80</v>
      </c>
      <c r="J29" s="195">
        <v>41</v>
      </c>
      <c r="K29" s="198">
        <v>171</v>
      </c>
      <c r="L29" s="199">
        <v>171</v>
      </c>
      <c r="M29" s="194">
        <v>0</v>
      </c>
      <c r="N29" s="195">
        <v>0</v>
      </c>
      <c r="O29" s="198">
        <v>0</v>
      </c>
      <c r="P29" s="196">
        <v>0</v>
      </c>
      <c r="Q29" s="197">
        <v>10</v>
      </c>
      <c r="R29" s="197">
        <v>40</v>
      </c>
      <c r="S29" s="197">
        <v>78</v>
      </c>
      <c r="T29" s="195">
        <v>41</v>
      </c>
      <c r="U29" s="198">
        <v>169</v>
      </c>
      <c r="V29" s="200">
        <v>169</v>
      </c>
      <c r="W29" s="201">
        <v>0</v>
      </c>
      <c r="X29" s="195">
        <v>0</v>
      </c>
      <c r="Y29" s="198">
        <v>0</v>
      </c>
      <c r="Z29" s="201">
        <v>0</v>
      </c>
      <c r="AA29" s="197">
        <v>0</v>
      </c>
      <c r="AB29" s="197">
        <v>0</v>
      </c>
      <c r="AC29" s="197">
        <v>2</v>
      </c>
      <c r="AD29" s="195">
        <v>0</v>
      </c>
      <c r="AE29" s="198">
        <v>2</v>
      </c>
      <c r="AF29" s="202">
        <v>2</v>
      </c>
      <c r="AG29" s="201">
        <v>0</v>
      </c>
      <c r="AH29" s="195">
        <v>0</v>
      </c>
      <c r="AI29" s="198">
        <v>0</v>
      </c>
      <c r="AJ29" s="201">
        <v>14</v>
      </c>
      <c r="AK29" s="197">
        <v>23</v>
      </c>
      <c r="AL29" s="197">
        <v>17</v>
      </c>
      <c r="AM29" s="197">
        <v>26</v>
      </c>
      <c r="AN29" s="195">
        <v>12</v>
      </c>
      <c r="AO29" s="198">
        <v>92</v>
      </c>
      <c r="AP29" s="202">
        <v>92</v>
      </c>
      <c r="AQ29" s="201">
        <v>0</v>
      </c>
      <c r="AR29" s="195">
        <v>0</v>
      </c>
      <c r="AS29" s="198">
        <v>0</v>
      </c>
      <c r="AT29" s="196">
        <v>14</v>
      </c>
      <c r="AU29" s="197">
        <v>23</v>
      </c>
      <c r="AV29" s="197">
        <v>17</v>
      </c>
      <c r="AW29" s="197">
        <v>25</v>
      </c>
      <c r="AX29" s="195">
        <v>12</v>
      </c>
      <c r="AY29" s="198">
        <v>91</v>
      </c>
      <c r="AZ29" s="199">
        <v>91</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0</v>
      </c>
      <c r="CV29" s="195">
        <v>2</v>
      </c>
      <c r="CW29" s="198">
        <v>2</v>
      </c>
      <c r="CX29" s="199">
        <v>2</v>
      </c>
      <c r="CY29" s="194">
        <v>0</v>
      </c>
      <c r="CZ29" s="195">
        <v>0</v>
      </c>
      <c r="DA29" s="195">
        <v>0</v>
      </c>
      <c r="DB29" s="196">
        <v>0</v>
      </c>
      <c r="DC29" s="197">
        <v>0</v>
      </c>
      <c r="DD29" s="197">
        <v>0</v>
      </c>
      <c r="DE29" s="197">
        <v>0</v>
      </c>
      <c r="DF29" s="195">
        <v>2</v>
      </c>
      <c r="DG29" s="198">
        <v>2</v>
      </c>
      <c r="DH29" s="200">
        <v>2</v>
      </c>
      <c r="DI29" s="201">
        <v>0</v>
      </c>
      <c r="DJ29" s="195">
        <v>0</v>
      </c>
      <c r="DK29" s="195">
        <v>0</v>
      </c>
      <c r="DL29" s="196">
        <v>0</v>
      </c>
      <c r="DM29" s="197">
        <v>0</v>
      </c>
      <c r="DN29" s="197">
        <v>0</v>
      </c>
      <c r="DO29" s="197">
        <v>0</v>
      </c>
      <c r="DP29" s="195">
        <v>0</v>
      </c>
      <c r="DQ29" s="198">
        <v>0</v>
      </c>
      <c r="DR29" s="200">
        <v>0</v>
      </c>
      <c r="DS29" s="201">
        <v>0</v>
      </c>
      <c r="DT29" s="195">
        <v>0</v>
      </c>
      <c r="DU29" s="195">
        <v>0</v>
      </c>
      <c r="DV29" s="196">
        <v>14</v>
      </c>
      <c r="DW29" s="197">
        <v>33</v>
      </c>
      <c r="DX29" s="197">
        <v>57</v>
      </c>
      <c r="DY29" s="197">
        <v>106</v>
      </c>
      <c r="DZ29" s="195">
        <v>53</v>
      </c>
      <c r="EA29" s="198">
        <v>263</v>
      </c>
      <c r="EB29" s="200">
        <v>263</v>
      </c>
      <c r="EC29" s="37"/>
    </row>
    <row r="30" spans="2:133" ht="21" customHeight="1" x14ac:dyDescent="0.2">
      <c r="B30" s="62" t="s">
        <v>27</v>
      </c>
      <c r="C30" s="194">
        <v>0</v>
      </c>
      <c r="D30" s="195">
        <v>0</v>
      </c>
      <c r="E30" s="195">
        <v>0</v>
      </c>
      <c r="F30" s="196">
        <v>2</v>
      </c>
      <c r="G30" s="197">
        <v>2</v>
      </c>
      <c r="H30" s="197">
        <v>34</v>
      </c>
      <c r="I30" s="197">
        <v>60</v>
      </c>
      <c r="J30" s="195">
        <v>44</v>
      </c>
      <c r="K30" s="198">
        <v>142</v>
      </c>
      <c r="L30" s="199">
        <v>142</v>
      </c>
      <c r="M30" s="194">
        <v>0</v>
      </c>
      <c r="N30" s="195">
        <v>0</v>
      </c>
      <c r="O30" s="198">
        <v>0</v>
      </c>
      <c r="P30" s="196">
        <v>2</v>
      </c>
      <c r="Q30" s="197">
        <v>2</v>
      </c>
      <c r="R30" s="197">
        <v>32</v>
      </c>
      <c r="S30" s="197">
        <v>60</v>
      </c>
      <c r="T30" s="195">
        <v>44</v>
      </c>
      <c r="U30" s="198">
        <v>140</v>
      </c>
      <c r="V30" s="200">
        <v>140</v>
      </c>
      <c r="W30" s="201">
        <v>0</v>
      </c>
      <c r="X30" s="195">
        <v>0</v>
      </c>
      <c r="Y30" s="198">
        <v>0</v>
      </c>
      <c r="Z30" s="201">
        <v>0</v>
      </c>
      <c r="AA30" s="197">
        <v>0</v>
      </c>
      <c r="AB30" s="197">
        <v>2</v>
      </c>
      <c r="AC30" s="197">
        <v>0</v>
      </c>
      <c r="AD30" s="195">
        <v>0</v>
      </c>
      <c r="AE30" s="198">
        <v>2</v>
      </c>
      <c r="AF30" s="202">
        <v>2</v>
      </c>
      <c r="AG30" s="201">
        <v>0</v>
      </c>
      <c r="AH30" s="195">
        <v>0</v>
      </c>
      <c r="AI30" s="198">
        <v>0</v>
      </c>
      <c r="AJ30" s="201">
        <v>7</v>
      </c>
      <c r="AK30" s="197">
        <v>23</v>
      </c>
      <c r="AL30" s="197">
        <v>22</v>
      </c>
      <c r="AM30" s="197">
        <v>19</v>
      </c>
      <c r="AN30" s="195">
        <v>10</v>
      </c>
      <c r="AO30" s="198">
        <v>81</v>
      </c>
      <c r="AP30" s="202">
        <v>81</v>
      </c>
      <c r="AQ30" s="201">
        <v>0</v>
      </c>
      <c r="AR30" s="195">
        <v>0</v>
      </c>
      <c r="AS30" s="198">
        <v>0</v>
      </c>
      <c r="AT30" s="196">
        <v>7</v>
      </c>
      <c r="AU30" s="197">
        <v>21</v>
      </c>
      <c r="AV30" s="197">
        <v>21</v>
      </c>
      <c r="AW30" s="197">
        <v>18</v>
      </c>
      <c r="AX30" s="195">
        <v>10</v>
      </c>
      <c r="AY30" s="198">
        <v>77</v>
      </c>
      <c r="AZ30" s="199">
        <v>77</v>
      </c>
      <c r="BA30" s="194">
        <v>0</v>
      </c>
      <c r="BB30" s="195">
        <v>0</v>
      </c>
      <c r="BC30" s="195">
        <v>0</v>
      </c>
      <c r="BD30" s="196">
        <v>0</v>
      </c>
      <c r="BE30" s="197">
        <v>2</v>
      </c>
      <c r="BF30" s="197">
        <v>1</v>
      </c>
      <c r="BG30" s="197">
        <v>1</v>
      </c>
      <c r="BH30" s="195">
        <v>0</v>
      </c>
      <c r="BI30" s="198">
        <v>4</v>
      </c>
      <c r="BJ30" s="200">
        <v>4</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3</v>
      </c>
      <c r="CV30" s="195">
        <v>2</v>
      </c>
      <c r="CW30" s="198">
        <v>5</v>
      </c>
      <c r="CX30" s="199">
        <v>5</v>
      </c>
      <c r="CY30" s="194">
        <v>0</v>
      </c>
      <c r="CZ30" s="195">
        <v>0</v>
      </c>
      <c r="DA30" s="195">
        <v>0</v>
      </c>
      <c r="DB30" s="196">
        <v>0</v>
      </c>
      <c r="DC30" s="197">
        <v>0</v>
      </c>
      <c r="DD30" s="197">
        <v>0</v>
      </c>
      <c r="DE30" s="197">
        <v>3</v>
      </c>
      <c r="DF30" s="195">
        <v>0</v>
      </c>
      <c r="DG30" s="198">
        <v>3</v>
      </c>
      <c r="DH30" s="200">
        <v>3</v>
      </c>
      <c r="DI30" s="201">
        <v>0</v>
      </c>
      <c r="DJ30" s="195">
        <v>0</v>
      </c>
      <c r="DK30" s="195">
        <v>0</v>
      </c>
      <c r="DL30" s="196">
        <v>0</v>
      </c>
      <c r="DM30" s="197">
        <v>0</v>
      </c>
      <c r="DN30" s="197">
        <v>0</v>
      </c>
      <c r="DO30" s="197">
        <v>0</v>
      </c>
      <c r="DP30" s="195">
        <v>2</v>
      </c>
      <c r="DQ30" s="198">
        <v>2</v>
      </c>
      <c r="DR30" s="200">
        <v>2</v>
      </c>
      <c r="DS30" s="201">
        <v>0</v>
      </c>
      <c r="DT30" s="195">
        <v>0</v>
      </c>
      <c r="DU30" s="195">
        <v>0</v>
      </c>
      <c r="DV30" s="196">
        <v>9</v>
      </c>
      <c r="DW30" s="197">
        <v>25</v>
      </c>
      <c r="DX30" s="197">
        <v>55</v>
      </c>
      <c r="DY30" s="197">
        <v>82</v>
      </c>
      <c r="DZ30" s="195">
        <v>56</v>
      </c>
      <c r="EA30" s="198">
        <v>227</v>
      </c>
      <c r="EB30" s="200">
        <v>227</v>
      </c>
      <c r="EC30" s="37"/>
    </row>
    <row r="31" spans="2:133" ht="21" customHeight="1" x14ac:dyDescent="0.2">
      <c r="B31" s="62" t="s">
        <v>28</v>
      </c>
      <c r="C31" s="194">
        <v>0</v>
      </c>
      <c r="D31" s="195">
        <v>0</v>
      </c>
      <c r="E31" s="195">
        <v>0</v>
      </c>
      <c r="F31" s="196">
        <v>0</v>
      </c>
      <c r="G31" s="197">
        <v>1</v>
      </c>
      <c r="H31" s="197">
        <v>12</v>
      </c>
      <c r="I31" s="197">
        <v>18</v>
      </c>
      <c r="J31" s="195">
        <v>10</v>
      </c>
      <c r="K31" s="198">
        <v>41</v>
      </c>
      <c r="L31" s="199">
        <v>41</v>
      </c>
      <c r="M31" s="194">
        <v>0</v>
      </c>
      <c r="N31" s="195">
        <v>0</v>
      </c>
      <c r="O31" s="198">
        <v>0</v>
      </c>
      <c r="P31" s="196">
        <v>0</v>
      </c>
      <c r="Q31" s="197">
        <v>1</v>
      </c>
      <c r="R31" s="197">
        <v>12</v>
      </c>
      <c r="S31" s="197">
        <v>18</v>
      </c>
      <c r="T31" s="195">
        <v>9</v>
      </c>
      <c r="U31" s="198">
        <v>40</v>
      </c>
      <c r="V31" s="200">
        <v>40</v>
      </c>
      <c r="W31" s="201">
        <v>0</v>
      </c>
      <c r="X31" s="195">
        <v>0</v>
      </c>
      <c r="Y31" s="198">
        <v>0</v>
      </c>
      <c r="Z31" s="201">
        <v>0</v>
      </c>
      <c r="AA31" s="197">
        <v>0</v>
      </c>
      <c r="AB31" s="197">
        <v>0</v>
      </c>
      <c r="AC31" s="197">
        <v>0</v>
      </c>
      <c r="AD31" s="195">
        <v>1</v>
      </c>
      <c r="AE31" s="198">
        <v>1</v>
      </c>
      <c r="AF31" s="202">
        <v>1</v>
      </c>
      <c r="AG31" s="201">
        <v>0</v>
      </c>
      <c r="AH31" s="195">
        <v>0</v>
      </c>
      <c r="AI31" s="198">
        <v>0</v>
      </c>
      <c r="AJ31" s="201">
        <v>2</v>
      </c>
      <c r="AK31" s="197">
        <v>10</v>
      </c>
      <c r="AL31" s="197">
        <v>7</v>
      </c>
      <c r="AM31" s="197">
        <v>12</v>
      </c>
      <c r="AN31" s="195">
        <v>5</v>
      </c>
      <c r="AO31" s="198">
        <v>36</v>
      </c>
      <c r="AP31" s="202">
        <v>36</v>
      </c>
      <c r="AQ31" s="201">
        <v>0</v>
      </c>
      <c r="AR31" s="195">
        <v>0</v>
      </c>
      <c r="AS31" s="198">
        <v>0</v>
      </c>
      <c r="AT31" s="196">
        <v>2</v>
      </c>
      <c r="AU31" s="197">
        <v>10</v>
      </c>
      <c r="AV31" s="197">
        <v>7</v>
      </c>
      <c r="AW31" s="197">
        <v>12</v>
      </c>
      <c r="AX31" s="195">
        <v>4</v>
      </c>
      <c r="AY31" s="198">
        <v>35</v>
      </c>
      <c r="AZ31" s="199">
        <v>35</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2</v>
      </c>
      <c r="DW31" s="197">
        <v>11</v>
      </c>
      <c r="DX31" s="197">
        <v>19</v>
      </c>
      <c r="DY31" s="197">
        <v>30</v>
      </c>
      <c r="DZ31" s="195">
        <v>15</v>
      </c>
      <c r="EA31" s="198">
        <v>77</v>
      </c>
      <c r="EB31" s="200">
        <v>77</v>
      </c>
      <c r="EC31" s="37"/>
    </row>
    <row r="32" spans="2:133" ht="21" customHeight="1" x14ac:dyDescent="0.2">
      <c r="B32" s="62" t="s">
        <v>29</v>
      </c>
      <c r="C32" s="194">
        <v>0</v>
      </c>
      <c r="D32" s="195">
        <v>0</v>
      </c>
      <c r="E32" s="195">
        <v>0</v>
      </c>
      <c r="F32" s="196">
        <v>0</v>
      </c>
      <c r="G32" s="197">
        <v>3</v>
      </c>
      <c r="H32" s="197">
        <v>12</v>
      </c>
      <c r="I32" s="197">
        <v>30</v>
      </c>
      <c r="J32" s="195">
        <v>20</v>
      </c>
      <c r="K32" s="198">
        <v>65</v>
      </c>
      <c r="L32" s="199">
        <v>65</v>
      </c>
      <c r="M32" s="194">
        <v>0</v>
      </c>
      <c r="N32" s="195">
        <v>0</v>
      </c>
      <c r="O32" s="198">
        <v>0</v>
      </c>
      <c r="P32" s="196">
        <v>0</v>
      </c>
      <c r="Q32" s="197">
        <v>3</v>
      </c>
      <c r="R32" s="197">
        <v>12</v>
      </c>
      <c r="S32" s="197">
        <v>30</v>
      </c>
      <c r="T32" s="195">
        <v>20</v>
      </c>
      <c r="U32" s="198">
        <v>65</v>
      </c>
      <c r="V32" s="200">
        <v>65</v>
      </c>
      <c r="W32" s="201">
        <v>0</v>
      </c>
      <c r="X32" s="195">
        <v>0</v>
      </c>
      <c r="Y32" s="198">
        <v>0</v>
      </c>
      <c r="Z32" s="201">
        <v>0</v>
      </c>
      <c r="AA32" s="197">
        <v>0</v>
      </c>
      <c r="AB32" s="197">
        <v>0</v>
      </c>
      <c r="AC32" s="197">
        <v>0</v>
      </c>
      <c r="AD32" s="195">
        <v>0</v>
      </c>
      <c r="AE32" s="198">
        <v>0</v>
      </c>
      <c r="AF32" s="202">
        <v>0</v>
      </c>
      <c r="AG32" s="201">
        <v>0</v>
      </c>
      <c r="AH32" s="195">
        <v>0</v>
      </c>
      <c r="AI32" s="198">
        <v>0</v>
      </c>
      <c r="AJ32" s="201">
        <v>3</v>
      </c>
      <c r="AK32" s="197">
        <v>5</v>
      </c>
      <c r="AL32" s="197">
        <v>10</v>
      </c>
      <c r="AM32" s="197">
        <v>16</v>
      </c>
      <c r="AN32" s="195">
        <v>9</v>
      </c>
      <c r="AO32" s="198">
        <v>43</v>
      </c>
      <c r="AP32" s="202">
        <v>43</v>
      </c>
      <c r="AQ32" s="201">
        <v>0</v>
      </c>
      <c r="AR32" s="195">
        <v>0</v>
      </c>
      <c r="AS32" s="198">
        <v>0</v>
      </c>
      <c r="AT32" s="196">
        <v>3</v>
      </c>
      <c r="AU32" s="197">
        <v>5</v>
      </c>
      <c r="AV32" s="197">
        <v>10</v>
      </c>
      <c r="AW32" s="197">
        <v>16</v>
      </c>
      <c r="AX32" s="195">
        <v>8</v>
      </c>
      <c r="AY32" s="198">
        <v>42</v>
      </c>
      <c r="AZ32" s="199">
        <v>42</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3</v>
      </c>
      <c r="DW32" s="197">
        <v>8</v>
      </c>
      <c r="DX32" s="197">
        <v>22</v>
      </c>
      <c r="DY32" s="197">
        <v>47</v>
      </c>
      <c r="DZ32" s="195">
        <v>29</v>
      </c>
      <c r="EA32" s="198">
        <v>109</v>
      </c>
      <c r="EB32" s="200">
        <v>109</v>
      </c>
      <c r="EC32" s="37"/>
    </row>
    <row r="33" spans="2:133" ht="21" customHeight="1" x14ac:dyDescent="0.2">
      <c r="B33" s="62" t="s">
        <v>30</v>
      </c>
      <c r="C33" s="194">
        <v>0</v>
      </c>
      <c r="D33" s="195">
        <v>0</v>
      </c>
      <c r="E33" s="195">
        <v>0</v>
      </c>
      <c r="F33" s="196">
        <v>1</v>
      </c>
      <c r="G33" s="197">
        <v>1</v>
      </c>
      <c r="H33" s="197">
        <v>26</v>
      </c>
      <c r="I33" s="197">
        <v>24</v>
      </c>
      <c r="J33" s="195">
        <v>13</v>
      </c>
      <c r="K33" s="198">
        <v>65</v>
      </c>
      <c r="L33" s="199">
        <v>65</v>
      </c>
      <c r="M33" s="194">
        <v>0</v>
      </c>
      <c r="N33" s="195">
        <v>0</v>
      </c>
      <c r="O33" s="198">
        <v>0</v>
      </c>
      <c r="P33" s="196">
        <v>1</v>
      </c>
      <c r="Q33" s="197">
        <v>1</v>
      </c>
      <c r="R33" s="197">
        <v>26</v>
      </c>
      <c r="S33" s="197">
        <v>24</v>
      </c>
      <c r="T33" s="195">
        <v>13</v>
      </c>
      <c r="U33" s="198">
        <v>65</v>
      </c>
      <c r="V33" s="200">
        <v>65</v>
      </c>
      <c r="W33" s="201">
        <v>0</v>
      </c>
      <c r="X33" s="195">
        <v>0</v>
      </c>
      <c r="Y33" s="198">
        <v>0</v>
      </c>
      <c r="Z33" s="201">
        <v>0</v>
      </c>
      <c r="AA33" s="197">
        <v>0</v>
      </c>
      <c r="AB33" s="197">
        <v>0</v>
      </c>
      <c r="AC33" s="197">
        <v>0</v>
      </c>
      <c r="AD33" s="195">
        <v>0</v>
      </c>
      <c r="AE33" s="198">
        <v>0</v>
      </c>
      <c r="AF33" s="202">
        <v>0</v>
      </c>
      <c r="AG33" s="201">
        <v>0</v>
      </c>
      <c r="AH33" s="195">
        <v>0</v>
      </c>
      <c r="AI33" s="198">
        <v>0</v>
      </c>
      <c r="AJ33" s="201">
        <v>10</v>
      </c>
      <c r="AK33" s="197">
        <v>2</v>
      </c>
      <c r="AL33" s="197">
        <v>13</v>
      </c>
      <c r="AM33" s="197">
        <v>17</v>
      </c>
      <c r="AN33" s="195">
        <v>6</v>
      </c>
      <c r="AO33" s="198">
        <v>48</v>
      </c>
      <c r="AP33" s="202">
        <v>48</v>
      </c>
      <c r="AQ33" s="201">
        <v>0</v>
      </c>
      <c r="AR33" s="195">
        <v>0</v>
      </c>
      <c r="AS33" s="198">
        <v>0</v>
      </c>
      <c r="AT33" s="196">
        <v>10</v>
      </c>
      <c r="AU33" s="197">
        <v>2</v>
      </c>
      <c r="AV33" s="197">
        <v>12</v>
      </c>
      <c r="AW33" s="197">
        <v>17</v>
      </c>
      <c r="AX33" s="195">
        <v>6</v>
      </c>
      <c r="AY33" s="198">
        <v>47</v>
      </c>
      <c r="AZ33" s="199">
        <v>47</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1</v>
      </c>
      <c r="CU33" s="197">
        <v>0</v>
      </c>
      <c r="CV33" s="195">
        <v>3</v>
      </c>
      <c r="CW33" s="198">
        <v>5</v>
      </c>
      <c r="CX33" s="199">
        <v>5</v>
      </c>
      <c r="CY33" s="194">
        <v>0</v>
      </c>
      <c r="CZ33" s="195">
        <v>0</v>
      </c>
      <c r="DA33" s="195">
        <v>0</v>
      </c>
      <c r="DB33" s="196">
        <v>0</v>
      </c>
      <c r="DC33" s="197">
        <v>1</v>
      </c>
      <c r="DD33" s="197">
        <v>1</v>
      </c>
      <c r="DE33" s="197">
        <v>0</v>
      </c>
      <c r="DF33" s="195">
        <v>2</v>
      </c>
      <c r="DG33" s="198">
        <v>4</v>
      </c>
      <c r="DH33" s="200">
        <v>4</v>
      </c>
      <c r="DI33" s="201">
        <v>0</v>
      </c>
      <c r="DJ33" s="195">
        <v>0</v>
      </c>
      <c r="DK33" s="195">
        <v>0</v>
      </c>
      <c r="DL33" s="196">
        <v>0</v>
      </c>
      <c r="DM33" s="197">
        <v>0</v>
      </c>
      <c r="DN33" s="197">
        <v>0</v>
      </c>
      <c r="DO33" s="197">
        <v>0</v>
      </c>
      <c r="DP33" s="195">
        <v>1</v>
      </c>
      <c r="DQ33" s="198">
        <v>1</v>
      </c>
      <c r="DR33" s="200">
        <v>1</v>
      </c>
      <c r="DS33" s="201">
        <v>0</v>
      </c>
      <c r="DT33" s="195">
        <v>0</v>
      </c>
      <c r="DU33" s="195">
        <v>0</v>
      </c>
      <c r="DV33" s="196">
        <v>11</v>
      </c>
      <c r="DW33" s="197">
        <v>4</v>
      </c>
      <c r="DX33" s="197">
        <v>40</v>
      </c>
      <c r="DY33" s="197">
        <v>41</v>
      </c>
      <c r="DZ33" s="195">
        <v>22</v>
      </c>
      <c r="EA33" s="198">
        <v>118</v>
      </c>
      <c r="EB33" s="200">
        <v>118</v>
      </c>
      <c r="EC33" s="37"/>
    </row>
    <row r="34" spans="2:133" ht="21" customHeight="1" x14ac:dyDescent="0.2">
      <c r="B34" s="62" t="s">
        <v>31</v>
      </c>
      <c r="C34" s="194">
        <v>0</v>
      </c>
      <c r="D34" s="195">
        <v>0</v>
      </c>
      <c r="E34" s="195">
        <v>0</v>
      </c>
      <c r="F34" s="196">
        <v>0</v>
      </c>
      <c r="G34" s="197">
        <v>3</v>
      </c>
      <c r="H34" s="197">
        <v>30</v>
      </c>
      <c r="I34" s="197">
        <v>28</v>
      </c>
      <c r="J34" s="195">
        <v>22</v>
      </c>
      <c r="K34" s="198">
        <v>83</v>
      </c>
      <c r="L34" s="199">
        <v>83</v>
      </c>
      <c r="M34" s="194">
        <v>0</v>
      </c>
      <c r="N34" s="195">
        <v>0</v>
      </c>
      <c r="O34" s="198">
        <v>0</v>
      </c>
      <c r="P34" s="196">
        <v>0</v>
      </c>
      <c r="Q34" s="197">
        <v>3</v>
      </c>
      <c r="R34" s="197">
        <v>30</v>
      </c>
      <c r="S34" s="197">
        <v>28</v>
      </c>
      <c r="T34" s="195">
        <v>22</v>
      </c>
      <c r="U34" s="198">
        <v>83</v>
      </c>
      <c r="V34" s="200">
        <v>83</v>
      </c>
      <c r="W34" s="201">
        <v>0</v>
      </c>
      <c r="X34" s="195">
        <v>0</v>
      </c>
      <c r="Y34" s="198">
        <v>0</v>
      </c>
      <c r="Z34" s="201">
        <v>0</v>
      </c>
      <c r="AA34" s="197">
        <v>0</v>
      </c>
      <c r="AB34" s="197">
        <v>0</v>
      </c>
      <c r="AC34" s="197">
        <v>0</v>
      </c>
      <c r="AD34" s="195">
        <v>0</v>
      </c>
      <c r="AE34" s="198">
        <v>0</v>
      </c>
      <c r="AF34" s="202">
        <v>0</v>
      </c>
      <c r="AG34" s="201">
        <v>0</v>
      </c>
      <c r="AH34" s="195">
        <v>0</v>
      </c>
      <c r="AI34" s="198">
        <v>0</v>
      </c>
      <c r="AJ34" s="201">
        <v>2</v>
      </c>
      <c r="AK34" s="197">
        <v>12</v>
      </c>
      <c r="AL34" s="197">
        <v>6</v>
      </c>
      <c r="AM34" s="197">
        <v>9</v>
      </c>
      <c r="AN34" s="195">
        <v>6</v>
      </c>
      <c r="AO34" s="198">
        <v>35</v>
      </c>
      <c r="AP34" s="202">
        <v>35</v>
      </c>
      <c r="AQ34" s="201">
        <v>0</v>
      </c>
      <c r="AR34" s="195">
        <v>0</v>
      </c>
      <c r="AS34" s="198">
        <v>0</v>
      </c>
      <c r="AT34" s="196">
        <v>2</v>
      </c>
      <c r="AU34" s="197">
        <v>12</v>
      </c>
      <c r="AV34" s="197">
        <v>6</v>
      </c>
      <c r="AW34" s="197">
        <v>9</v>
      </c>
      <c r="AX34" s="195">
        <v>6</v>
      </c>
      <c r="AY34" s="198">
        <v>35</v>
      </c>
      <c r="AZ34" s="199">
        <v>35</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0</v>
      </c>
      <c r="CW34" s="198">
        <v>0</v>
      </c>
      <c r="CX34" s="199">
        <v>0</v>
      </c>
      <c r="CY34" s="194">
        <v>0</v>
      </c>
      <c r="CZ34" s="195">
        <v>0</v>
      </c>
      <c r="DA34" s="195">
        <v>0</v>
      </c>
      <c r="DB34" s="196">
        <v>0</v>
      </c>
      <c r="DC34" s="197">
        <v>0</v>
      </c>
      <c r="DD34" s="197">
        <v>0</v>
      </c>
      <c r="DE34" s="197">
        <v>0</v>
      </c>
      <c r="DF34" s="195">
        <v>0</v>
      </c>
      <c r="DG34" s="198">
        <v>0</v>
      </c>
      <c r="DH34" s="200">
        <v>0</v>
      </c>
      <c r="DI34" s="201">
        <v>0</v>
      </c>
      <c r="DJ34" s="195">
        <v>0</v>
      </c>
      <c r="DK34" s="195">
        <v>0</v>
      </c>
      <c r="DL34" s="196">
        <v>0</v>
      </c>
      <c r="DM34" s="197">
        <v>0</v>
      </c>
      <c r="DN34" s="197">
        <v>0</v>
      </c>
      <c r="DO34" s="197">
        <v>0</v>
      </c>
      <c r="DP34" s="195">
        <v>0</v>
      </c>
      <c r="DQ34" s="198">
        <v>0</v>
      </c>
      <c r="DR34" s="200">
        <v>0</v>
      </c>
      <c r="DS34" s="201">
        <v>0</v>
      </c>
      <c r="DT34" s="195">
        <v>0</v>
      </c>
      <c r="DU34" s="195">
        <v>0</v>
      </c>
      <c r="DV34" s="196">
        <v>2</v>
      </c>
      <c r="DW34" s="197">
        <v>15</v>
      </c>
      <c r="DX34" s="197">
        <v>36</v>
      </c>
      <c r="DY34" s="197">
        <v>37</v>
      </c>
      <c r="DZ34" s="195">
        <v>28</v>
      </c>
      <c r="EA34" s="198">
        <v>118</v>
      </c>
      <c r="EB34" s="200">
        <v>118</v>
      </c>
      <c r="EC34" s="37"/>
    </row>
    <row r="35" spans="2:133" ht="21" customHeight="1" x14ac:dyDescent="0.2">
      <c r="B35" s="62" t="s">
        <v>32</v>
      </c>
      <c r="C35" s="194">
        <v>0</v>
      </c>
      <c r="D35" s="195">
        <v>0</v>
      </c>
      <c r="E35" s="195">
        <v>0</v>
      </c>
      <c r="F35" s="196">
        <v>2</v>
      </c>
      <c r="G35" s="197">
        <v>0</v>
      </c>
      <c r="H35" s="197">
        <v>11</v>
      </c>
      <c r="I35" s="197">
        <v>23</v>
      </c>
      <c r="J35" s="195">
        <v>11</v>
      </c>
      <c r="K35" s="198">
        <v>47</v>
      </c>
      <c r="L35" s="199">
        <v>47</v>
      </c>
      <c r="M35" s="194">
        <v>0</v>
      </c>
      <c r="N35" s="195">
        <v>0</v>
      </c>
      <c r="O35" s="198">
        <v>0</v>
      </c>
      <c r="P35" s="196">
        <v>2</v>
      </c>
      <c r="Q35" s="197">
        <v>0</v>
      </c>
      <c r="R35" s="197">
        <v>11</v>
      </c>
      <c r="S35" s="197">
        <v>23</v>
      </c>
      <c r="T35" s="195">
        <v>10</v>
      </c>
      <c r="U35" s="198">
        <v>46</v>
      </c>
      <c r="V35" s="200">
        <v>46</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7</v>
      </c>
      <c r="AL35" s="197">
        <v>12</v>
      </c>
      <c r="AM35" s="197">
        <v>17</v>
      </c>
      <c r="AN35" s="195">
        <v>7</v>
      </c>
      <c r="AO35" s="198">
        <v>44</v>
      </c>
      <c r="AP35" s="202">
        <v>44</v>
      </c>
      <c r="AQ35" s="201">
        <v>0</v>
      </c>
      <c r="AR35" s="195">
        <v>0</v>
      </c>
      <c r="AS35" s="198">
        <v>0</v>
      </c>
      <c r="AT35" s="196">
        <v>1</v>
      </c>
      <c r="AU35" s="197">
        <v>7</v>
      </c>
      <c r="AV35" s="197">
        <v>12</v>
      </c>
      <c r="AW35" s="197">
        <v>17</v>
      </c>
      <c r="AX35" s="195">
        <v>7</v>
      </c>
      <c r="AY35" s="198">
        <v>44</v>
      </c>
      <c r="AZ35" s="199">
        <v>44</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1</v>
      </c>
      <c r="CU35" s="197">
        <v>0</v>
      </c>
      <c r="CV35" s="195">
        <v>1</v>
      </c>
      <c r="CW35" s="198">
        <v>2</v>
      </c>
      <c r="CX35" s="199">
        <v>2</v>
      </c>
      <c r="CY35" s="194">
        <v>0</v>
      </c>
      <c r="CZ35" s="195">
        <v>0</v>
      </c>
      <c r="DA35" s="195">
        <v>0</v>
      </c>
      <c r="DB35" s="196">
        <v>0</v>
      </c>
      <c r="DC35" s="197">
        <v>0</v>
      </c>
      <c r="DD35" s="197">
        <v>1</v>
      </c>
      <c r="DE35" s="197">
        <v>0</v>
      </c>
      <c r="DF35" s="195">
        <v>1</v>
      </c>
      <c r="DG35" s="198">
        <v>2</v>
      </c>
      <c r="DH35" s="200">
        <v>2</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7</v>
      </c>
      <c r="DX35" s="197">
        <v>24</v>
      </c>
      <c r="DY35" s="197">
        <v>40</v>
      </c>
      <c r="DZ35" s="195">
        <v>19</v>
      </c>
      <c r="EA35" s="198">
        <v>93</v>
      </c>
      <c r="EB35" s="200">
        <v>93</v>
      </c>
      <c r="EC35" s="37"/>
    </row>
    <row r="36" spans="2:133" ht="21" customHeight="1" x14ac:dyDescent="0.2">
      <c r="B36" s="62" t="s">
        <v>33</v>
      </c>
      <c r="C36" s="194">
        <v>0</v>
      </c>
      <c r="D36" s="195">
        <v>0</v>
      </c>
      <c r="E36" s="195">
        <v>0</v>
      </c>
      <c r="F36" s="196">
        <v>0</v>
      </c>
      <c r="G36" s="197">
        <v>5</v>
      </c>
      <c r="H36" s="197">
        <v>26</v>
      </c>
      <c r="I36" s="197">
        <v>35</v>
      </c>
      <c r="J36" s="195">
        <v>21</v>
      </c>
      <c r="K36" s="198">
        <v>87</v>
      </c>
      <c r="L36" s="199">
        <v>87</v>
      </c>
      <c r="M36" s="194">
        <v>0</v>
      </c>
      <c r="N36" s="195">
        <v>0</v>
      </c>
      <c r="O36" s="198">
        <v>0</v>
      </c>
      <c r="P36" s="196">
        <v>0</v>
      </c>
      <c r="Q36" s="197">
        <v>5</v>
      </c>
      <c r="R36" s="197">
        <v>26</v>
      </c>
      <c r="S36" s="197">
        <v>35</v>
      </c>
      <c r="T36" s="195">
        <v>21</v>
      </c>
      <c r="U36" s="198">
        <v>87</v>
      </c>
      <c r="V36" s="200">
        <v>87</v>
      </c>
      <c r="W36" s="201">
        <v>0</v>
      </c>
      <c r="X36" s="195">
        <v>0</v>
      </c>
      <c r="Y36" s="198">
        <v>0</v>
      </c>
      <c r="Z36" s="201">
        <v>0</v>
      </c>
      <c r="AA36" s="197">
        <v>0</v>
      </c>
      <c r="AB36" s="197">
        <v>0</v>
      </c>
      <c r="AC36" s="197">
        <v>0</v>
      </c>
      <c r="AD36" s="195">
        <v>0</v>
      </c>
      <c r="AE36" s="198">
        <v>0</v>
      </c>
      <c r="AF36" s="202">
        <v>0</v>
      </c>
      <c r="AG36" s="201">
        <v>0</v>
      </c>
      <c r="AH36" s="195">
        <v>0</v>
      </c>
      <c r="AI36" s="198">
        <v>0</v>
      </c>
      <c r="AJ36" s="201">
        <v>8</v>
      </c>
      <c r="AK36" s="197">
        <v>8</v>
      </c>
      <c r="AL36" s="197">
        <v>10</v>
      </c>
      <c r="AM36" s="197">
        <v>16</v>
      </c>
      <c r="AN36" s="195">
        <v>6</v>
      </c>
      <c r="AO36" s="198">
        <v>48</v>
      </c>
      <c r="AP36" s="202">
        <v>48</v>
      </c>
      <c r="AQ36" s="201">
        <v>0</v>
      </c>
      <c r="AR36" s="195">
        <v>0</v>
      </c>
      <c r="AS36" s="198">
        <v>0</v>
      </c>
      <c r="AT36" s="196">
        <v>8</v>
      </c>
      <c r="AU36" s="197">
        <v>8</v>
      </c>
      <c r="AV36" s="197">
        <v>10</v>
      </c>
      <c r="AW36" s="197">
        <v>16</v>
      </c>
      <c r="AX36" s="195">
        <v>6</v>
      </c>
      <c r="AY36" s="198">
        <v>48</v>
      </c>
      <c r="AZ36" s="199">
        <v>48</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8</v>
      </c>
      <c r="CT36" s="197">
        <v>5</v>
      </c>
      <c r="CU36" s="197">
        <v>7</v>
      </c>
      <c r="CV36" s="195">
        <v>7</v>
      </c>
      <c r="CW36" s="198">
        <v>30</v>
      </c>
      <c r="CX36" s="199">
        <v>30</v>
      </c>
      <c r="CY36" s="194">
        <v>0</v>
      </c>
      <c r="CZ36" s="195">
        <v>0</v>
      </c>
      <c r="DA36" s="195">
        <v>0</v>
      </c>
      <c r="DB36" s="196">
        <v>3</v>
      </c>
      <c r="DC36" s="197">
        <v>8</v>
      </c>
      <c r="DD36" s="197">
        <v>5</v>
      </c>
      <c r="DE36" s="197">
        <v>7</v>
      </c>
      <c r="DF36" s="195">
        <v>7</v>
      </c>
      <c r="DG36" s="198">
        <v>30</v>
      </c>
      <c r="DH36" s="200">
        <v>30</v>
      </c>
      <c r="DI36" s="201">
        <v>0</v>
      </c>
      <c r="DJ36" s="195">
        <v>0</v>
      </c>
      <c r="DK36" s="195">
        <v>0</v>
      </c>
      <c r="DL36" s="196">
        <v>0</v>
      </c>
      <c r="DM36" s="197">
        <v>0</v>
      </c>
      <c r="DN36" s="197">
        <v>0</v>
      </c>
      <c r="DO36" s="197">
        <v>0</v>
      </c>
      <c r="DP36" s="195">
        <v>0</v>
      </c>
      <c r="DQ36" s="198">
        <v>0</v>
      </c>
      <c r="DR36" s="200">
        <v>0</v>
      </c>
      <c r="DS36" s="201">
        <v>0</v>
      </c>
      <c r="DT36" s="195">
        <v>0</v>
      </c>
      <c r="DU36" s="195">
        <v>0</v>
      </c>
      <c r="DV36" s="196">
        <v>11</v>
      </c>
      <c r="DW36" s="197">
        <v>21</v>
      </c>
      <c r="DX36" s="197">
        <v>41</v>
      </c>
      <c r="DY36" s="197">
        <v>58</v>
      </c>
      <c r="DZ36" s="195">
        <v>34</v>
      </c>
      <c r="EA36" s="198">
        <v>165</v>
      </c>
      <c r="EB36" s="200">
        <v>165</v>
      </c>
      <c r="EC36" s="37"/>
    </row>
    <row r="37" spans="2:133" ht="21" customHeight="1" x14ac:dyDescent="0.2">
      <c r="B37" s="62" t="s">
        <v>34</v>
      </c>
      <c r="C37" s="194">
        <v>0</v>
      </c>
      <c r="D37" s="195">
        <v>0</v>
      </c>
      <c r="E37" s="195">
        <v>0</v>
      </c>
      <c r="F37" s="196">
        <v>0</v>
      </c>
      <c r="G37" s="197">
        <v>0</v>
      </c>
      <c r="H37" s="197">
        <v>7</v>
      </c>
      <c r="I37" s="197">
        <v>24</v>
      </c>
      <c r="J37" s="195">
        <v>12</v>
      </c>
      <c r="K37" s="198">
        <v>43</v>
      </c>
      <c r="L37" s="199">
        <v>43</v>
      </c>
      <c r="M37" s="194">
        <v>0</v>
      </c>
      <c r="N37" s="195">
        <v>0</v>
      </c>
      <c r="O37" s="198">
        <v>0</v>
      </c>
      <c r="P37" s="196">
        <v>0</v>
      </c>
      <c r="Q37" s="197">
        <v>0</v>
      </c>
      <c r="R37" s="197">
        <v>7</v>
      </c>
      <c r="S37" s="197">
        <v>24</v>
      </c>
      <c r="T37" s="195">
        <v>12</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3</v>
      </c>
      <c r="AK37" s="197">
        <v>10</v>
      </c>
      <c r="AL37" s="197">
        <v>10</v>
      </c>
      <c r="AM37" s="197">
        <v>14</v>
      </c>
      <c r="AN37" s="195">
        <v>5</v>
      </c>
      <c r="AO37" s="198">
        <v>42</v>
      </c>
      <c r="AP37" s="202">
        <v>42</v>
      </c>
      <c r="AQ37" s="201">
        <v>0</v>
      </c>
      <c r="AR37" s="195">
        <v>0</v>
      </c>
      <c r="AS37" s="198">
        <v>0</v>
      </c>
      <c r="AT37" s="196">
        <v>3</v>
      </c>
      <c r="AU37" s="197">
        <v>10</v>
      </c>
      <c r="AV37" s="197">
        <v>10</v>
      </c>
      <c r="AW37" s="197">
        <v>14</v>
      </c>
      <c r="AX37" s="195">
        <v>5</v>
      </c>
      <c r="AY37" s="198">
        <v>42</v>
      </c>
      <c r="AZ37" s="199">
        <v>42</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1</v>
      </c>
      <c r="CV37" s="195">
        <v>1</v>
      </c>
      <c r="CW37" s="198">
        <v>3</v>
      </c>
      <c r="CX37" s="199">
        <v>3</v>
      </c>
      <c r="CY37" s="194">
        <v>0</v>
      </c>
      <c r="CZ37" s="195">
        <v>0</v>
      </c>
      <c r="DA37" s="195">
        <v>0</v>
      </c>
      <c r="DB37" s="196">
        <v>0</v>
      </c>
      <c r="DC37" s="197">
        <v>1</v>
      </c>
      <c r="DD37" s="197">
        <v>0</v>
      </c>
      <c r="DE37" s="197">
        <v>1</v>
      </c>
      <c r="DF37" s="195">
        <v>1</v>
      </c>
      <c r="DG37" s="198">
        <v>3</v>
      </c>
      <c r="DH37" s="200">
        <v>3</v>
      </c>
      <c r="DI37" s="201">
        <v>0</v>
      </c>
      <c r="DJ37" s="195">
        <v>0</v>
      </c>
      <c r="DK37" s="195">
        <v>0</v>
      </c>
      <c r="DL37" s="196">
        <v>0</v>
      </c>
      <c r="DM37" s="197">
        <v>0</v>
      </c>
      <c r="DN37" s="197">
        <v>0</v>
      </c>
      <c r="DO37" s="197">
        <v>0</v>
      </c>
      <c r="DP37" s="195">
        <v>0</v>
      </c>
      <c r="DQ37" s="198">
        <v>0</v>
      </c>
      <c r="DR37" s="200">
        <v>0</v>
      </c>
      <c r="DS37" s="201">
        <v>0</v>
      </c>
      <c r="DT37" s="195">
        <v>0</v>
      </c>
      <c r="DU37" s="195">
        <v>0</v>
      </c>
      <c r="DV37" s="196">
        <v>3</v>
      </c>
      <c r="DW37" s="197">
        <v>11</v>
      </c>
      <c r="DX37" s="197">
        <v>17</v>
      </c>
      <c r="DY37" s="197">
        <v>39</v>
      </c>
      <c r="DZ37" s="195">
        <v>18</v>
      </c>
      <c r="EA37" s="198">
        <v>88</v>
      </c>
      <c r="EB37" s="200">
        <v>88</v>
      </c>
      <c r="EC37" s="37"/>
    </row>
    <row r="38" spans="2:133" ht="21" customHeight="1" x14ac:dyDescent="0.2">
      <c r="B38" s="62" t="s">
        <v>35</v>
      </c>
      <c r="C38" s="194">
        <v>0</v>
      </c>
      <c r="D38" s="195">
        <v>0</v>
      </c>
      <c r="E38" s="195">
        <v>0</v>
      </c>
      <c r="F38" s="196">
        <v>1</v>
      </c>
      <c r="G38" s="197">
        <v>2</v>
      </c>
      <c r="H38" s="197">
        <v>26</v>
      </c>
      <c r="I38" s="197">
        <v>48</v>
      </c>
      <c r="J38" s="195">
        <v>28</v>
      </c>
      <c r="K38" s="198">
        <v>105</v>
      </c>
      <c r="L38" s="199">
        <v>105</v>
      </c>
      <c r="M38" s="194">
        <v>0</v>
      </c>
      <c r="N38" s="195">
        <v>0</v>
      </c>
      <c r="O38" s="198">
        <v>0</v>
      </c>
      <c r="P38" s="196">
        <v>1</v>
      </c>
      <c r="Q38" s="197">
        <v>2</v>
      </c>
      <c r="R38" s="197">
        <v>26</v>
      </c>
      <c r="S38" s="197">
        <v>48</v>
      </c>
      <c r="T38" s="195">
        <v>28</v>
      </c>
      <c r="U38" s="198">
        <v>105</v>
      </c>
      <c r="V38" s="200">
        <v>105</v>
      </c>
      <c r="W38" s="201">
        <v>0</v>
      </c>
      <c r="X38" s="195">
        <v>0</v>
      </c>
      <c r="Y38" s="198">
        <v>0</v>
      </c>
      <c r="Z38" s="201">
        <v>0</v>
      </c>
      <c r="AA38" s="197">
        <v>0</v>
      </c>
      <c r="AB38" s="197">
        <v>0</v>
      </c>
      <c r="AC38" s="197">
        <v>0</v>
      </c>
      <c r="AD38" s="195">
        <v>0</v>
      </c>
      <c r="AE38" s="198">
        <v>0</v>
      </c>
      <c r="AF38" s="202">
        <v>0</v>
      </c>
      <c r="AG38" s="201">
        <v>0</v>
      </c>
      <c r="AH38" s="195">
        <v>0</v>
      </c>
      <c r="AI38" s="198">
        <v>0</v>
      </c>
      <c r="AJ38" s="201">
        <v>19</v>
      </c>
      <c r="AK38" s="197">
        <v>31</v>
      </c>
      <c r="AL38" s="197">
        <v>19</v>
      </c>
      <c r="AM38" s="197">
        <v>16</v>
      </c>
      <c r="AN38" s="195">
        <v>7</v>
      </c>
      <c r="AO38" s="198">
        <v>92</v>
      </c>
      <c r="AP38" s="202">
        <v>92</v>
      </c>
      <c r="AQ38" s="201">
        <v>0</v>
      </c>
      <c r="AR38" s="195">
        <v>0</v>
      </c>
      <c r="AS38" s="198">
        <v>0</v>
      </c>
      <c r="AT38" s="196">
        <v>19</v>
      </c>
      <c r="AU38" s="197">
        <v>31</v>
      </c>
      <c r="AV38" s="197">
        <v>19</v>
      </c>
      <c r="AW38" s="197">
        <v>15</v>
      </c>
      <c r="AX38" s="195">
        <v>7</v>
      </c>
      <c r="AY38" s="198">
        <v>91</v>
      </c>
      <c r="AZ38" s="199">
        <v>91</v>
      </c>
      <c r="BA38" s="194">
        <v>0</v>
      </c>
      <c r="BB38" s="195">
        <v>0</v>
      </c>
      <c r="BC38" s="195">
        <v>0</v>
      </c>
      <c r="BD38" s="196">
        <v>0</v>
      </c>
      <c r="BE38" s="197">
        <v>0</v>
      </c>
      <c r="BF38" s="197">
        <v>0</v>
      </c>
      <c r="BG38" s="197">
        <v>1</v>
      </c>
      <c r="BH38" s="195">
        <v>0</v>
      </c>
      <c r="BI38" s="198">
        <v>1</v>
      </c>
      <c r="BJ38" s="200">
        <v>1</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3</v>
      </c>
      <c r="CS38" s="197">
        <v>3</v>
      </c>
      <c r="CT38" s="197">
        <v>5</v>
      </c>
      <c r="CU38" s="197">
        <v>5</v>
      </c>
      <c r="CV38" s="195">
        <v>11</v>
      </c>
      <c r="CW38" s="198">
        <v>27</v>
      </c>
      <c r="CX38" s="199">
        <v>27</v>
      </c>
      <c r="CY38" s="194">
        <v>0</v>
      </c>
      <c r="CZ38" s="195">
        <v>0</v>
      </c>
      <c r="DA38" s="195">
        <v>0</v>
      </c>
      <c r="DB38" s="196">
        <v>3</v>
      </c>
      <c r="DC38" s="197">
        <v>2</v>
      </c>
      <c r="DD38" s="197">
        <v>5</v>
      </c>
      <c r="DE38" s="197">
        <v>5</v>
      </c>
      <c r="DF38" s="195">
        <v>10</v>
      </c>
      <c r="DG38" s="198">
        <v>25</v>
      </c>
      <c r="DH38" s="200">
        <v>25</v>
      </c>
      <c r="DI38" s="201">
        <v>0</v>
      </c>
      <c r="DJ38" s="195">
        <v>0</v>
      </c>
      <c r="DK38" s="195">
        <v>0</v>
      </c>
      <c r="DL38" s="196">
        <v>0</v>
      </c>
      <c r="DM38" s="197">
        <v>1</v>
      </c>
      <c r="DN38" s="197">
        <v>0</v>
      </c>
      <c r="DO38" s="197">
        <v>0</v>
      </c>
      <c r="DP38" s="195">
        <v>1</v>
      </c>
      <c r="DQ38" s="198">
        <v>2</v>
      </c>
      <c r="DR38" s="200">
        <v>2</v>
      </c>
      <c r="DS38" s="201">
        <v>0</v>
      </c>
      <c r="DT38" s="195">
        <v>0</v>
      </c>
      <c r="DU38" s="195">
        <v>0</v>
      </c>
      <c r="DV38" s="196">
        <v>23</v>
      </c>
      <c r="DW38" s="197">
        <v>36</v>
      </c>
      <c r="DX38" s="197">
        <v>49</v>
      </c>
      <c r="DY38" s="197">
        <v>69</v>
      </c>
      <c r="DZ38" s="195">
        <v>46</v>
      </c>
      <c r="EA38" s="198">
        <v>223</v>
      </c>
      <c r="EB38" s="200">
        <v>223</v>
      </c>
      <c r="EC38" s="37"/>
    </row>
    <row r="39" spans="2:133" ht="21" customHeight="1" x14ac:dyDescent="0.2">
      <c r="B39" s="62" t="s">
        <v>36</v>
      </c>
      <c r="C39" s="194">
        <v>0</v>
      </c>
      <c r="D39" s="195">
        <v>0</v>
      </c>
      <c r="E39" s="195">
        <v>0</v>
      </c>
      <c r="F39" s="196">
        <v>0</v>
      </c>
      <c r="G39" s="197">
        <v>3</v>
      </c>
      <c r="H39" s="197">
        <v>52</v>
      </c>
      <c r="I39" s="197">
        <v>78</v>
      </c>
      <c r="J39" s="195">
        <v>70</v>
      </c>
      <c r="K39" s="198">
        <v>203</v>
      </c>
      <c r="L39" s="199">
        <v>203</v>
      </c>
      <c r="M39" s="194">
        <v>0</v>
      </c>
      <c r="N39" s="195">
        <v>0</v>
      </c>
      <c r="O39" s="198">
        <v>0</v>
      </c>
      <c r="P39" s="196">
        <v>0</v>
      </c>
      <c r="Q39" s="197">
        <v>3</v>
      </c>
      <c r="R39" s="197">
        <v>52</v>
      </c>
      <c r="S39" s="197">
        <v>73</v>
      </c>
      <c r="T39" s="195">
        <v>69</v>
      </c>
      <c r="U39" s="198">
        <v>197</v>
      </c>
      <c r="V39" s="200">
        <v>197</v>
      </c>
      <c r="W39" s="201">
        <v>0</v>
      </c>
      <c r="X39" s="195">
        <v>0</v>
      </c>
      <c r="Y39" s="198">
        <v>0</v>
      </c>
      <c r="Z39" s="201">
        <v>0</v>
      </c>
      <c r="AA39" s="197">
        <v>0</v>
      </c>
      <c r="AB39" s="197">
        <v>0</v>
      </c>
      <c r="AC39" s="197">
        <v>5</v>
      </c>
      <c r="AD39" s="195">
        <v>1</v>
      </c>
      <c r="AE39" s="198">
        <v>6</v>
      </c>
      <c r="AF39" s="202">
        <v>6</v>
      </c>
      <c r="AG39" s="201">
        <v>0</v>
      </c>
      <c r="AH39" s="195">
        <v>0</v>
      </c>
      <c r="AI39" s="198">
        <v>0</v>
      </c>
      <c r="AJ39" s="201">
        <v>19</v>
      </c>
      <c r="AK39" s="197">
        <v>23</v>
      </c>
      <c r="AL39" s="197">
        <v>46</v>
      </c>
      <c r="AM39" s="197">
        <v>43</v>
      </c>
      <c r="AN39" s="195">
        <v>24</v>
      </c>
      <c r="AO39" s="198">
        <v>155</v>
      </c>
      <c r="AP39" s="202">
        <v>155</v>
      </c>
      <c r="AQ39" s="201">
        <v>0</v>
      </c>
      <c r="AR39" s="195">
        <v>0</v>
      </c>
      <c r="AS39" s="198">
        <v>0</v>
      </c>
      <c r="AT39" s="196">
        <v>18</v>
      </c>
      <c r="AU39" s="197">
        <v>23</v>
      </c>
      <c r="AV39" s="197">
        <v>46</v>
      </c>
      <c r="AW39" s="197">
        <v>41</v>
      </c>
      <c r="AX39" s="195">
        <v>22</v>
      </c>
      <c r="AY39" s="198">
        <v>150</v>
      </c>
      <c r="AZ39" s="199">
        <v>150</v>
      </c>
      <c r="BA39" s="194">
        <v>0</v>
      </c>
      <c r="BB39" s="195">
        <v>0</v>
      </c>
      <c r="BC39" s="195">
        <v>0</v>
      </c>
      <c r="BD39" s="196">
        <v>1</v>
      </c>
      <c r="BE39" s="197">
        <v>0</v>
      </c>
      <c r="BF39" s="197">
        <v>0</v>
      </c>
      <c r="BG39" s="197">
        <v>2</v>
      </c>
      <c r="BH39" s="195">
        <v>2</v>
      </c>
      <c r="BI39" s="198">
        <v>5</v>
      </c>
      <c r="BJ39" s="200">
        <v>5</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7</v>
      </c>
      <c r="CV39" s="195">
        <v>0</v>
      </c>
      <c r="CW39" s="198">
        <v>7</v>
      </c>
      <c r="CX39" s="199">
        <v>7</v>
      </c>
      <c r="CY39" s="194">
        <v>0</v>
      </c>
      <c r="CZ39" s="195">
        <v>0</v>
      </c>
      <c r="DA39" s="195">
        <v>0</v>
      </c>
      <c r="DB39" s="196">
        <v>0</v>
      </c>
      <c r="DC39" s="197">
        <v>0</v>
      </c>
      <c r="DD39" s="197">
        <v>0</v>
      </c>
      <c r="DE39" s="197">
        <v>6</v>
      </c>
      <c r="DF39" s="195">
        <v>0</v>
      </c>
      <c r="DG39" s="198">
        <v>6</v>
      </c>
      <c r="DH39" s="200">
        <v>6</v>
      </c>
      <c r="DI39" s="201">
        <v>0</v>
      </c>
      <c r="DJ39" s="195">
        <v>0</v>
      </c>
      <c r="DK39" s="195">
        <v>0</v>
      </c>
      <c r="DL39" s="196">
        <v>0</v>
      </c>
      <c r="DM39" s="197">
        <v>0</v>
      </c>
      <c r="DN39" s="197">
        <v>0</v>
      </c>
      <c r="DO39" s="197">
        <v>1</v>
      </c>
      <c r="DP39" s="195">
        <v>0</v>
      </c>
      <c r="DQ39" s="198">
        <v>1</v>
      </c>
      <c r="DR39" s="200">
        <v>1</v>
      </c>
      <c r="DS39" s="201">
        <v>0</v>
      </c>
      <c r="DT39" s="195">
        <v>0</v>
      </c>
      <c r="DU39" s="195">
        <v>0</v>
      </c>
      <c r="DV39" s="196">
        <v>19</v>
      </c>
      <c r="DW39" s="197">
        <v>26</v>
      </c>
      <c r="DX39" s="197">
        <v>98</v>
      </c>
      <c r="DY39" s="197">
        <v>130</v>
      </c>
      <c r="DZ39" s="195">
        <v>95</v>
      </c>
      <c r="EA39" s="198">
        <v>368</v>
      </c>
      <c r="EB39" s="200">
        <v>368</v>
      </c>
      <c r="EC39" s="37"/>
    </row>
    <row r="40" spans="2:133" ht="21" customHeight="1" thickBot="1" x14ac:dyDescent="0.25">
      <c r="B40" s="63" t="s">
        <v>37</v>
      </c>
      <c r="C40" s="203">
        <v>0</v>
      </c>
      <c r="D40" s="204">
        <v>0</v>
      </c>
      <c r="E40" s="204">
        <v>0</v>
      </c>
      <c r="F40" s="205">
        <v>0</v>
      </c>
      <c r="G40" s="206">
        <v>0</v>
      </c>
      <c r="H40" s="206">
        <v>11</v>
      </c>
      <c r="I40" s="206">
        <v>4</v>
      </c>
      <c r="J40" s="204">
        <v>6</v>
      </c>
      <c r="K40" s="207">
        <v>21</v>
      </c>
      <c r="L40" s="208">
        <v>21</v>
      </c>
      <c r="M40" s="203">
        <v>0</v>
      </c>
      <c r="N40" s="204">
        <v>0</v>
      </c>
      <c r="O40" s="207">
        <v>0</v>
      </c>
      <c r="P40" s="205">
        <v>0</v>
      </c>
      <c r="Q40" s="206">
        <v>0</v>
      </c>
      <c r="R40" s="206">
        <v>11</v>
      </c>
      <c r="S40" s="206">
        <v>4</v>
      </c>
      <c r="T40" s="204">
        <v>6</v>
      </c>
      <c r="U40" s="207">
        <v>21</v>
      </c>
      <c r="V40" s="209">
        <v>21</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8</v>
      </c>
      <c r="AM40" s="206">
        <v>3</v>
      </c>
      <c r="AN40" s="204">
        <v>1</v>
      </c>
      <c r="AO40" s="207">
        <v>14</v>
      </c>
      <c r="AP40" s="211">
        <v>14</v>
      </c>
      <c r="AQ40" s="210">
        <v>0</v>
      </c>
      <c r="AR40" s="204">
        <v>0</v>
      </c>
      <c r="AS40" s="207">
        <v>0</v>
      </c>
      <c r="AT40" s="205">
        <v>2</v>
      </c>
      <c r="AU40" s="206">
        <v>0</v>
      </c>
      <c r="AV40" s="206">
        <v>8</v>
      </c>
      <c r="AW40" s="206">
        <v>3</v>
      </c>
      <c r="AX40" s="204">
        <v>1</v>
      </c>
      <c r="AY40" s="207">
        <v>14</v>
      </c>
      <c r="AZ40" s="208">
        <v>14</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0</v>
      </c>
      <c r="BR40" s="204">
        <v>0</v>
      </c>
      <c r="BS40" s="207">
        <v>0</v>
      </c>
      <c r="BT40" s="208">
        <v>0</v>
      </c>
      <c r="BU40" s="203">
        <v>0</v>
      </c>
      <c r="BV40" s="204">
        <v>0</v>
      </c>
      <c r="BW40" s="204">
        <v>0</v>
      </c>
      <c r="BX40" s="205">
        <v>0</v>
      </c>
      <c r="BY40" s="206">
        <v>0</v>
      </c>
      <c r="BZ40" s="206">
        <v>0</v>
      </c>
      <c r="CA40" s="206">
        <v>0</v>
      </c>
      <c r="CB40" s="204">
        <v>0</v>
      </c>
      <c r="CC40" s="207">
        <v>0</v>
      </c>
      <c r="CD40" s="209">
        <v>0</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9</v>
      </c>
      <c r="DY40" s="206">
        <v>7</v>
      </c>
      <c r="DZ40" s="204">
        <v>8</v>
      </c>
      <c r="EA40" s="207">
        <v>36</v>
      </c>
      <c r="EB40" s="209">
        <v>36</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26">
        <f>第１表!F2</f>
        <v>5</v>
      </c>
      <c r="G1" s="526"/>
      <c r="H1" s="248">
        <f>第１表!G2</f>
        <v>3</v>
      </c>
      <c r="I1" s="525">
        <f>H1</f>
        <v>3</v>
      </c>
      <c r="J1" s="525"/>
    </row>
    <row r="2" spans="2:299" ht="24" customHeight="1" thickBot="1" x14ac:dyDescent="0.25">
      <c r="B2" s="20" t="s">
        <v>130</v>
      </c>
    </row>
    <row r="3" spans="2:299" ht="21" customHeight="1" thickBot="1" x14ac:dyDescent="0.25">
      <c r="B3" s="512" t="s">
        <v>38</v>
      </c>
      <c r="C3" s="507" t="s">
        <v>96</v>
      </c>
      <c r="D3" s="507"/>
      <c r="E3" s="507"/>
      <c r="F3" s="507"/>
      <c r="G3" s="507"/>
      <c r="H3" s="507"/>
      <c r="I3" s="507"/>
      <c r="J3" s="507"/>
      <c r="K3" s="507"/>
      <c r="L3" s="507"/>
      <c r="M3" s="507"/>
      <c r="N3" s="507"/>
      <c r="O3" s="507"/>
      <c r="P3" s="507"/>
      <c r="Q3" s="507"/>
      <c r="R3" s="507"/>
      <c r="S3" s="507"/>
      <c r="T3" s="507"/>
      <c r="U3" s="507"/>
      <c r="V3" s="507"/>
      <c r="W3" s="507"/>
      <c r="X3" s="507"/>
      <c r="Y3" s="507"/>
      <c r="Z3" s="507"/>
      <c r="AA3" s="507"/>
      <c r="AB3" s="507"/>
      <c r="AC3" s="507"/>
      <c r="AD3" s="507"/>
      <c r="AE3" s="507"/>
      <c r="AF3" s="507"/>
      <c r="AG3" s="507"/>
      <c r="AH3" s="507"/>
      <c r="AI3" s="507"/>
      <c r="AJ3" s="507"/>
      <c r="AK3" s="507"/>
      <c r="AL3" s="507"/>
      <c r="AM3" s="507"/>
      <c r="AN3" s="507"/>
      <c r="AO3" s="507"/>
      <c r="AP3" s="507"/>
      <c r="AQ3" s="507"/>
      <c r="AR3" s="507"/>
      <c r="AS3" s="507"/>
      <c r="AT3" s="507"/>
      <c r="AU3" s="507"/>
      <c r="AV3" s="507"/>
      <c r="AW3" s="507"/>
      <c r="AX3" s="507"/>
      <c r="AY3" s="507"/>
      <c r="AZ3" s="507"/>
      <c r="BA3" s="507"/>
      <c r="BB3" s="507"/>
      <c r="BC3" s="507"/>
      <c r="BD3" s="507"/>
      <c r="BE3" s="507"/>
      <c r="BF3" s="507"/>
      <c r="BG3" s="507"/>
      <c r="BH3" s="507"/>
      <c r="BI3" s="507"/>
      <c r="BJ3" s="507"/>
      <c r="BK3" s="507"/>
      <c r="BL3" s="507"/>
      <c r="BM3" s="507"/>
      <c r="BN3" s="507"/>
      <c r="BO3" s="507"/>
      <c r="BP3" s="507"/>
      <c r="BQ3" s="507"/>
      <c r="BR3" s="507"/>
      <c r="BS3" s="507"/>
      <c r="BT3" s="507"/>
      <c r="BU3" s="507"/>
      <c r="BV3" s="507"/>
      <c r="BW3" s="507"/>
      <c r="BX3" s="507"/>
      <c r="BY3" s="507"/>
      <c r="BZ3" s="507"/>
      <c r="CA3" s="507"/>
      <c r="CB3" s="507"/>
      <c r="CC3" s="507"/>
      <c r="CD3" s="507"/>
      <c r="CE3" s="507"/>
      <c r="CF3" s="507"/>
      <c r="CG3" s="507"/>
      <c r="CH3" s="507"/>
      <c r="CI3" s="507"/>
      <c r="CJ3" s="507"/>
      <c r="CK3" s="507"/>
      <c r="CL3" s="507"/>
      <c r="CM3" s="507"/>
      <c r="CN3" s="507"/>
      <c r="CO3" s="507"/>
      <c r="CP3" s="507"/>
      <c r="CQ3" s="507"/>
      <c r="CR3" s="507"/>
      <c r="CS3" s="507"/>
      <c r="CT3" s="507"/>
      <c r="CU3" s="507"/>
      <c r="CV3" s="507"/>
      <c r="CW3" s="508"/>
      <c r="CX3" s="507" t="s">
        <v>103</v>
      </c>
      <c r="CY3" s="507"/>
      <c r="CZ3" s="507"/>
      <c r="DA3" s="507"/>
      <c r="DB3" s="507"/>
      <c r="DC3" s="507"/>
      <c r="DD3" s="507"/>
      <c r="DE3" s="507"/>
      <c r="DF3" s="507"/>
      <c r="DG3" s="507"/>
      <c r="DH3" s="507"/>
      <c r="DI3" s="507"/>
      <c r="DJ3" s="507"/>
      <c r="DK3" s="507"/>
      <c r="DL3" s="507"/>
      <c r="DM3" s="507"/>
      <c r="DN3" s="507"/>
      <c r="DO3" s="507"/>
      <c r="DP3" s="507"/>
      <c r="DQ3" s="507"/>
      <c r="DR3" s="507"/>
      <c r="DS3" s="507"/>
      <c r="DT3" s="507"/>
      <c r="DU3" s="507"/>
      <c r="DV3" s="507"/>
      <c r="DW3" s="507"/>
      <c r="DX3" s="507"/>
      <c r="DY3" s="507"/>
      <c r="DZ3" s="507"/>
      <c r="EA3" s="507"/>
      <c r="EB3" s="507"/>
      <c r="EC3" s="507"/>
      <c r="ED3" s="507"/>
      <c r="EE3" s="507"/>
      <c r="EF3" s="507"/>
      <c r="EG3" s="507"/>
      <c r="EH3" s="507"/>
      <c r="EI3" s="507"/>
      <c r="EJ3" s="507"/>
      <c r="EK3" s="507"/>
      <c r="EL3" s="507"/>
      <c r="EM3" s="507"/>
      <c r="EN3" s="507"/>
      <c r="EO3" s="507"/>
      <c r="EP3" s="507"/>
      <c r="EQ3" s="507"/>
      <c r="ER3" s="507"/>
      <c r="ES3" s="507"/>
      <c r="ET3" s="507"/>
      <c r="EU3" s="507"/>
      <c r="EV3" s="507"/>
      <c r="EW3" s="507"/>
      <c r="EX3" s="507"/>
      <c r="EY3" s="507"/>
      <c r="EZ3" s="507"/>
      <c r="FA3" s="507"/>
      <c r="FB3" s="507"/>
      <c r="FC3" s="507"/>
      <c r="FD3" s="507"/>
      <c r="FE3" s="507"/>
      <c r="FF3" s="507"/>
      <c r="FG3" s="507"/>
      <c r="FH3" s="507"/>
      <c r="FI3" s="507"/>
      <c r="FJ3" s="507"/>
      <c r="FK3" s="507"/>
      <c r="FL3" s="507"/>
      <c r="FM3" s="507"/>
      <c r="FN3" s="507"/>
      <c r="FO3" s="507"/>
      <c r="FP3" s="507"/>
      <c r="FQ3" s="507"/>
      <c r="FR3" s="507"/>
      <c r="FS3" s="507"/>
      <c r="FT3" s="507"/>
      <c r="FU3" s="507"/>
      <c r="FV3" s="507"/>
      <c r="FW3" s="507"/>
      <c r="FX3" s="507"/>
      <c r="FY3" s="507"/>
      <c r="FZ3" s="507"/>
      <c r="GA3" s="507"/>
      <c r="GB3" s="507"/>
      <c r="GC3" s="507"/>
      <c r="GD3" s="507"/>
      <c r="GE3" s="507"/>
      <c r="GF3" s="507"/>
      <c r="GG3" s="507"/>
      <c r="GH3" s="507"/>
      <c r="GI3" s="507"/>
      <c r="GJ3" s="507"/>
      <c r="GK3" s="507"/>
      <c r="GL3" s="507"/>
      <c r="GM3" s="507"/>
      <c r="GN3" s="507"/>
      <c r="GO3" s="507"/>
      <c r="GP3" s="507"/>
      <c r="GQ3" s="507"/>
      <c r="GR3" s="508"/>
      <c r="GS3" s="507" t="s">
        <v>104</v>
      </c>
      <c r="GT3" s="507"/>
      <c r="GU3" s="507"/>
      <c r="GV3" s="507"/>
      <c r="GW3" s="507"/>
      <c r="GX3" s="507"/>
      <c r="GY3" s="507"/>
      <c r="GZ3" s="507"/>
      <c r="HA3" s="507"/>
      <c r="HB3" s="507"/>
      <c r="HC3" s="507"/>
      <c r="HD3" s="507"/>
      <c r="HE3" s="507"/>
      <c r="HF3" s="507"/>
      <c r="HG3" s="507"/>
      <c r="HH3" s="507"/>
      <c r="HI3" s="507"/>
      <c r="HJ3" s="507"/>
      <c r="HK3" s="507"/>
      <c r="HL3" s="507"/>
      <c r="HM3" s="507"/>
      <c r="HN3" s="507"/>
      <c r="HO3" s="507"/>
      <c r="HP3" s="507"/>
      <c r="HQ3" s="507"/>
      <c r="HR3" s="507"/>
      <c r="HS3" s="507"/>
      <c r="HT3" s="507"/>
      <c r="HU3" s="507"/>
      <c r="HV3" s="507"/>
      <c r="HW3" s="507"/>
      <c r="HX3" s="507"/>
      <c r="HY3" s="507"/>
      <c r="HZ3" s="507"/>
      <c r="IA3" s="507"/>
      <c r="IB3" s="507"/>
      <c r="IC3" s="507"/>
      <c r="ID3" s="507"/>
      <c r="IE3" s="507"/>
      <c r="IF3" s="507"/>
      <c r="IG3" s="507"/>
      <c r="IH3" s="507"/>
      <c r="II3" s="507"/>
      <c r="IJ3" s="507"/>
      <c r="IK3" s="507"/>
      <c r="IL3" s="507"/>
      <c r="IM3" s="507"/>
      <c r="IN3" s="507"/>
      <c r="IO3" s="507"/>
      <c r="IP3" s="507"/>
      <c r="IQ3" s="507"/>
      <c r="IR3" s="507"/>
      <c r="IS3" s="507"/>
      <c r="IT3" s="507"/>
      <c r="IU3" s="507"/>
      <c r="IV3" s="507"/>
      <c r="IW3" s="507"/>
      <c r="IX3" s="507"/>
      <c r="IY3" s="507"/>
      <c r="IZ3" s="507"/>
      <c r="JA3" s="507"/>
      <c r="JB3" s="507"/>
      <c r="JC3" s="507"/>
      <c r="JD3" s="507"/>
      <c r="JE3" s="507"/>
      <c r="JF3" s="507"/>
      <c r="JG3" s="507"/>
      <c r="JH3" s="507"/>
      <c r="JI3" s="507"/>
      <c r="JJ3" s="507"/>
      <c r="JK3" s="507"/>
      <c r="JL3" s="507"/>
      <c r="JM3" s="507"/>
      <c r="JN3" s="507"/>
      <c r="JO3" s="507"/>
      <c r="JP3" s="507"/>
      <c r="JQ3" s="507"/>
      <c r="JR3" s="507"/>
      <c r="JS3" s="507"/>
      <c r="JT3" s="507"/>
      <c r="JU3" s="507"/>
      <c r="JV3" s="507"/>
      <c r="JW3" s="507"/>
      <c r="JX3" s="507"/>
      <c r="JY3" s="507"/>
      <c r="JZ3" s="507"/>
      <c r="KA3" s="507"/>
      <c r="KB3" s="507"/>
      <c r="KC3" s="507"/>
      <c r="KD3" s="507"/>
      <c r="KE3" s="507"/>
      <c r="KF3" s="507"/>
      <c r="KG3" s="507"/>
      <c r="KH3" s="507"/>
      <c r="KI3" s="507"/>
      <c r="KJ3" s="507"/>
      <c r="KK3" s="507"/>
      <c r="KL3" s="507"/>
      <c r="KM3" s="508"/>
    </row>
    <row r="4" spans="2:299" ht="21" customHeight="1" thickBot="1" x14ac:dyDescent="0.25">
      <c r="B4" s="524"/>
      <c r="C4" s="509" t="s">
        <v>39</v>
      </c>
      <c r="D4" s="510"/>
      <c r="E4" s="510"/>
      <c r="F4" s="510"/>
      <c r="G4" s="510"/>
      <c r="H4" s="510"/>
      <c r="I4" s="510"/>
      <c r="J4" s="510"/>
      <c r="K4" s="510"/>
      <c r="L4" s="510"/>
      <c r="M4" s="510"/>
      <c r="N4" s="510"/>
      <c r="O4" s="510"/>
      <c r="P4" s="510"/>
      <c r="Q4" s="510"/>
      <c r="R4" s="510"/>
      <c r="S4" s="510"/>
      <c r="T4" s="510"/>
      <c r="U4" s="510"/>
      <c r="V4" s="510"/>
      <c r="W4" s="510"/>
      <c r="X4" s="510"/>
      <c r="Y4" s="510"/>
      <c r="Z4" s="510"/>
      <c r="AA4" s="510"/>
      <c r="AB4" s="510"/>
      <c r="AC4" s="510"/>
      <c r="AD4" s="510"/>
      <c r="AE4" s="510"/>
      <c r="AF4" s="510"/>
      <c r="AG4" s="510"/>
      <c r="AH4" s="510"/>
      <c r="AI4" s="510"/>
      <c r="AJ4" s="510"/>
      <c r="AK4" s="510"/>
      <c r="AL4" s="510"/>
      <c r="AM4" s="510"/>
      <c r="AN4" s="510"/>
      <c r="AO4" s="510"/>
      <c r="AP4" s="510"/>
      <c r="AQ4" s="510"/>
      <c r="AR4" s="510"/>
      <c r="AS4" s="510"/>
      <c r="AT4" s="510"/>
      <c r="AU4" s="510"/>
      <c r="AV4" s="510"/>
      <c r="AW4" s="510"/>
      <c r="AX4" s="510"/>
      <c r="AY4" s="510"/>
      <c r="AZ4" s="510"/>
      <c r="BA4" s="510"/>
      <c r="BB4" s="510"/>
      <c r="BC4" s="510"/>
      <c r="BD4" s="510"/>
      <c r="BE4" s="510"/>
      <c r="BF4" s="510"/>
      <c r="BG4" s="510"/>
      <c r="BH4" s="510"/>
      <c r="BI4" s="510"/>
      <c r="BJ4" s="510"/>
      <c r="BK4" s="510"/>
      <c r="BL4" s="510"/>
      <c r="BM4" s="510"/>
      <c r="BN4" s="510"/>
      <c r="BO4" s="510"/>
      <c r="BP4" s="510"/>
      <c r="BQ4" s="510"/>
      <c r="BR4" s="510"/>
      <c r="BS4" s="510"/>
      <c r="BT4" s="510"/>
      <c r="BU4" s="510"/>
      <c r="BV4" s="510"/>
      <c r="BW4" s="510"/>
      <c r="BX4" s="510"/>
      <c r="BY4" s="510"/>
      <c r="BZ4" s="510"/>
      <c r="CA4" s="511"/>
      <c r="CB4" s="512" t="s">
        <v>40</v>
      </c>
      <c r="CC4" s="513"/>
      <c r="CD4" s="513"/>
      <c r="CE4" s="513"/>
      <c r="CF4" s="513"/>
      <c r="CG4" s="513"/>
      <c r="CH4" s="513"/>
      <c r="CI4" s="513"/>
      <c r="CJ4" s="513"/>
      <c r="CK4" s="513"/>
      <c r="CL4" s="514"/>
      <c r="CM4" s="512" t="s">
        <v>41</v>
      </c>
      <c r="CN4" s="513"/>
      <c r="CO4" s="513"/>
      <c r="CP4" s="513"/>
      <c r="CQ4" s="513"/>
      <c r="CR4" s="513"/>
      <c r="CS4" s="513"/>
      <c r="CT4" s="513"/>
      <c r="CU4" s="513"/>
      <c r="CV4" s="513"/>
      <c r="CW4" s="514"/>
      <c r="CX4" s="509" t="s">
        <v>39</v>
      </c>
      <c r="CY4" s="510"/>
      <c r="CZ4" s="510"/>
      <c r="DA4" s="510"/>
      <c r="DB4" s="510"/>
      <c r="DC4" s="510"/>
      <c r="DD4" s="510"/>
      <c r="DE4" s="510"/>
      <c r="DF4" s="510"/>
      <c r="DG4" s="510"/>
      <c r="DH4" s="510"/>
      <c r="DI4" s="510"/>
      <c r="DJ4" s="510"/>
      <c r="DK4" s="510"/>
      <c r="DL4" s="510"/>
      <c r="DM4" s="510"/>
      <c r="DN4" s="510"/>
      <c r="DO4" s="510"/>
      <c r="DP4" s="510"/>
      <c r="DQ4" s="510"/>
      <c r="DR4" s="510"/>
      <c r="DS4" s="510"/>
      <c r="DT4" s="510"/>
      <c r="DU4" s="510"/>
      <c r="DV4" s="510"/>
      <c r="DW4" s="510"/>
      <c r="DX4" s="510"/>
      <c r="DY4" s="510"/>
      <c r="DZ4" s="510"/>
      <c r="EA4" s="510"/>
      <c r="EB4" s="510"/>
      <c r="EC4" s="510"/>
      <c r="ED4" s="510"/>
      <c r="EE4" s="510"/>
      <c r="EF4" s="510"/>
      <c r="EG4" s="510"/>
      <c r="EH4" s="510"/>
      <c r="EI4" s="510"/>
      <c r="EJ4" s="510"/>
      <c r="EK4" s="510"/>
      <c r="EL4" s="510"/>
      <c r="EM4" s="510"/>
      <c r="EN4" s="510"/>
      <c r="EO4" s="510"/>
      <c r="EP4" s="510"/>
      <c r="EQ4" s="510"/>
      <c r="ER4" s="510"/>
      <c r="ES4" s="510"/>
      <c r="ET4" s="510"/>
      <c r="EU4" s="510"/>
      <c r="EV4" s="510"/>
      <c r="EW4" s="510"/>
      <c r="EX4" s="510"/>
      <c r="EY4" s="510"/>
      <c r="EZ4" s="510"/>
      <c r="FA4" s="510"/>
      <c r="FB4" s="510"/>
      <c r="FC4" s="510"/>
      <c r="FD4" s="510"/>
      <c r="FE4" s="510"/>
      <c r="FF4" s="510"/>
      <c r="FG4" s="510"/>
      <c r="FH4" s="510"/>
      <c r="FI4" s="510"/>
      <c r="FJ4" s="510"/>
      <c r="FK4" s="510"/>
      <c r="FL4" s="510"/>
      <c r="FM4" s="510"/>
      <c r="FN4" s="510"/>
      <c r="FO4" s="510"/>
      <c r="FP4" s="510"/>
      <c r="FQ4" s="510"/>
      <c r="FR4" s="510"/>
      <c r="FS4" s="510"/>
      <c r="FT4" s="510"/>
      <c r="FU4" s="510"/>
      <c r="FV4" s="511"/>
      <c r="FW4" s="512" t="s">
        <v>40</v>
      </c>
      <c r="FX4" s="513"/>
      <c r="FY4" s="513"/>
      <c r="FZ4" s="513"/>
      <c r="GA4" s="513"/>
      <c r="GB4" s="513"/>
      <c r="GC4" s="513"/>
      <c r="GD4" s="513"/>
      <c r="GE4" s="513"/>
      <c r="GF4" s="513"/>
      <c r="GG4" s="514"/>
      <c r="GH4" s="512" t="s">
        <v>41</v>
      </c>
      <c r="GI4" s="513"/>
      <c r="GJ4" s="513"/>
      <c r="GK4" s="513"/>
      <c r="GL4" s="513"/>
      <c r="GM4" s="513"/>
      <c r="GN4" s="513"/>
      <c r="GO4" s="513"/>
      <c r="GP4" s="513"/>
      <c r="GQ4" s="513"/>
      <c r="GR4" s="514"/>
      <c r="GS4" s="509" t="s">
        <v>39</v>
      </c>
      <c r="GT4" s="510"/>
      <c r="GU4" s="510"/>
      <c r="GV4" s="510"/>
      <c r="GW4" s="510"/>
      <c r="GX4" s="510"/>
      <c r="GY4" s="510"/>
      <c r="GZ4" s="510"/>
      <c r="HA4" s="510"/>
      <c r="HB4" s="510"/>
      <c r="HC4" s="510"/>
      <c r="HD4" s="510"/>
      <c r="HE4" s="510"/>
      <c r="HF4" s="510"/>
      <c r="HG4" s="510"/>
      <c r="HH4" s="510"/>
      <c r="HI4" s="510"/>
      <c r="HJ4" s="510"/>
      <c r="HK4" s="510"/>
      <c r="HL4" s="510"/>
      <c r="HM4" s="510"/>
      <c r="HN4" s="510"/>
      <c r="HO4" s="510"/>
      <c r="HP4" s="510"/>
      <c r="HQ4" s="510"/>
      <c r="HR4" s="510"/>
      <c r="HS4" s="510"/>
      <c r="HT4" s="510"/>
      <c r="HU4" s="510"/>
      <c r="HV4" s="510"/>
      <c r="HW4" s="510"/>
      <c r="HX4" s="510"/>
      <c r="HY4" s="510"/>
      <c r="HZ4" s="510"/>
      <c r="IA4" s="510"/>
      <c r="IB4" s="510"/>
      <c r="IC4" s="510"/>
      <c r="ID4" s="510"/>
      <c r="IE4" s="510"/>
      <c r="IF4" s="510"/>
      <c r="IG4" s="510"/>
      <c r="IH4" s="510"/>
      <c r="II4" s="510"/>
      <c r="IJ4" s="510"/>
      <c r="IK4" s="510"/>
      <c r="IL4" s="510"/>
      <c r="IM4" s="510"/>
      <c r="IN4" s="510"/>
      <c r="IO4" s="510"/>
      <c r="IP4" s="510"/>
      <c r="IQ4" s="510"/>
      <c r="IR4" s="510"/>
      <c r="IS4" s="510"/>
      <c r="IT4" s="510"/>
      <c r="IU4" s="510"/>
      <c r="IV4" s="510"/>
      <c r="IW4" s="510"/>
      <c r="IX4" s="510"/>
      <c r="IY4" s="510"/>
      <c r="IZ4" s="510"/>
      <c r="JA4" s="510"/>
      <c r="JB4" s="510"/>
      <c r="JC4" s="510"/>
      <c r="JD4" s="510"/>
      <c r="JE4" s="510"/>
      <c r="JF4" s="510"/>
      <c r="JG4" s="510"/>
      <c r="JH4" s="510"/>
      <c r="JI4" s="510"/>
      <c r="JJ4" s="510"/>
      <c r="JK4" s="510"/>
      <c r="JL4" s="510"/>
      <c r="JM4" s="510"/>
      <c r="JN4" s="510"/>
      <c r="JO4" s="510"/>
      <c r="JP4" s="510"/>
      <c r="JQ4" s="511"/>
      <c r="JR4" s="512" t="s">
        <v>40</v>
      </c>
      <c r="JS4" s="513"/>
      <c r="JT4" s="513"/>
      <c r="JU4" s="513"/>
      <c r="JV4" s="513"/>
      <c r="JW4" s="513"/>
      <c r="JX4" s="513"/>
      <c r="JY4" s="513"/>
      <c r="JZ4" s="513"/>
      <c r="KA4" s="513"/>
      <c r="KB4" s="514"/>
      <c r="KC4" s="512" t="s">
        <v>41</v>
      </c>
      <c r="KD4" s="513"/>
      <c r="KE4" s="513"/>
      <c r="KF4" s="513"/>
      <c r="KG4" s="513"/>
      <c r="KH4" s="513"/>
      <c r="KI4" s="513"/>
      <c r="KJ4" s="513"/>
      <c r="KK4" s="513"/>
      <c r="KL4" s="513"/>
      <c r="KM4" s="514"/>
    </row>
    <row r="5" spans="2:299" ht="21" customHeight="1" thickBot="1" x14ac:dyDescent="0.25">
      <c r="B5" s="518"/>
      <c r="C5" s="518"/>
      <c r="D5" s="519"/>
      <c r="E5" s="519"/>
      <c r="F5" s="519"/>
      <c r="G5" s="519"/>
      <c r="H5" s="519"/>
      <c r="I5" s="519"/>
      <c r="J5" s="519"/>
      <c r="K5" s="519"/>
      <c r="L5" s="519"/>
      <c r="M5" s="520"/>
      <c r="N5" s="521" t="s">
        <v>97</v>
      </c>
      <c r="O5" s="522"/>
      <c r="P5" s="522"/>
      <c r="Q5" s="522"/>
      <c r="R5" s="522"/>
      <c r="S5" s="522"/>
      <c r="T5" s="522"/>
      <c r="U5" s="522"/>
      <c r="V5" s="522"/>
      <c r="W5" s="522"/>
      <c r="X5" s="523"/>
      <c r="Y5" s="521" t="s">
        <v>98</v>
      </c>
      <c r="Z5" s="522"/>
      <c r="AA5" s="522"/>
      <c r="AB5" s="522"/>
      <c r="AC5" s="522"/>
      <c r="AD5" s="522"/>
      <c r="AE5" s="522"/>
      <c r="AF5" s="522"/>
      <c r="AG5" s="522"/>
      <c r="AH5" s="522"/>
      <c r="AI5" s="523"/>
      <c r="AJ5" s="521" t="s">
        <v>99</v>
      </c>
      <c r="AK5" s="522"/>
      <c r="AL5" s="522"/>
      <c r="AM5" s="522"/>
      <c r="AN5" s="522"/>
      <c r="AO5" s="522"/>
      <c r="AP5" s="522"/>
      <c r="AQ5" s="522"/>
      <c r="AR5" s="522"/>
      <c r="AS5" s="522"/>
      <c r="AT5" s="523"/>
      <c r="AU5" s="521" t="s">
        <v>100</v>
      </c>
      <c r="AV5" s="522"/>
      <c r="AW5" s="522"/>
      <c r="AX5" s="522"/>
      <c r="AY5" s="522"/>
      <c r="AZ5" s="522"/>
      <c r="BA5" s="522"/>
      <c r="BB5" s="522"/>
      <c r="BC5" s="522"/>
      <c r="BD5" s="522"/>
      <c r="BE5" s="523"/>
      <c r="BF5" s="521" t="s">
        <v>101</v>
      </c>
      <c r="BG5" s="522"/>
      <c r="BH5" s="522"/>
      <c r="BI5" s="522"/>
      <c r="BJ5" s="522"/>
      <c r="BK5" s="522"/>
      <c r="BL5" s="522"/>
      <c r="BM5" s="522"/>
      <c r="BN5" s="522"/>
      <c r="BO5" s="522"/>
      <c r="BP5" s="523"/>
      <c r="BQ5" s="521" t="s">
        <v>102</v>
      </c>
      <c r="BR5" s="522"/>
      <c r="BS5" s="522"/>
      <c r="BT5" s="522"/>
      <c r="BU5" s="522"/>
      <c r="BV5" s="522"/>
      <c r="BW5" s="522"/>
      <c r="BX5" s="522"/>
      <c r="BY5" s="522"/>
      <c r="BZ5" s="522"/>
      <c r="CA5" s="523"/>
      <c r="CB5" s="515"/>
      <c r="CC5" s="516"/>
      <c r="CD5" s="516"/>
      <c r="CE5" s="516"/>
      <c r="CF5" s="516"/>
      <c r="CG5" s="516"/>
      <c r="CH5" s="516"/>
      <c r="CI5" s="516"/>
      <c r="CJ5" s="516"/>
      <c r="CK5" s="516"/>
      <c r="CL5" s="517"/>
      <c r="CM5" s="515"/>
      <c r="CN5" s="516"/>
      <c r="CO5" s="516"/>
      <c r="CP5" s="516"/>
      <c r="CQ5" s="516"/>
      <c r="CR5" s="516"/>
      <c r="CS5" s="516"/>
      <c r="CT5" s="516"/>
      <c r="CU5" s="516"/>
      <c r="CV5" s="516"/>
      <c r="CW5" s="517"/>
      <c r="CX5" s="518"/>
      <c r="CY5" s="519"/>
      <c r="CZ5" s="519"/>
      <c r="DA5" s="519"/>
      <c r="DB5" s="519"/>
      <c r="DC5" s="519"/>
      <c r="DD5" s="519"/>
      <c r="DE5" s="519"/>
      <c r="DF5" s="519"/>
      <c r="DG5" s="519"/>
      <c r="DH5" s="520"/>
      <c r="DI5" s="521" t="s">
        <v>97</v>
      </c>
      <c r="DJ5" s="522"/>
      <c r="DK5" s="522"/>
      <c r="DL5" s="522"/>
      <c r="DM5" s="522"/>
      <c r="DN5" s="522"/>
      <c r="DO5" s="522"/>
      <c r="DP5" s="522"/>
      <c r="DQ5" s="522"/>
      <c r="DR5" s="522"/>
      <c r="DS5" s="523"/>
      <c r="DT5" s="521" t="s">
        <v>98</v>
      </c>
      <c r="DU5" s="522"/>
      <c r="DV5" s="522"/>
      <c r="DW5" s="522"/>
      <c r="DX5" s="522"/>
      <c r="DY5" s="522"/>
      <c r="DZ5" s="522"/>
      <c r="EA5" s="522"/>
      <c r="EB5" s="522"/>
      <c r="EC5" s="522"/>
      <c r="ED5" s="523"/>
      <c r="EE5" s="521" t="s">
        <v>99</v>
      </c>
      <c r="EF5" s="522"/>
      <c r="EG5" s="522"/>
      <c r="EH5" s="522"/>
      <c r="EI5" s="522"/>
      <c r="EJ5" s="522"/>
      <c r="EK5" s="522"/>
      <c r="EL5" s="522"/>
      <c r="EM5" s="522"/>
      <c r="EN5" s="522"/>
      <c r="EO5" s="523"/>
      <c r="EP5" s="521" t="s">
        <v>100</v>
      </c>
      <c r="EQ5" s="522"/>
      <c r="ER5" s="522"/>
      <c r="ES5" s="522"/>
      <c r="ET5" s="522"/>
      <c r="EU5" s="522"/>
      <c r="EV5" s="522"/>
      <c r="EW5" s="522"/>
      <c r="EX5" s="522"/>
      <c r="EY5" s="522"/>
      <c r="EZ5" s="523"/>
      <c r="FA5" s="521" t="s">
        <v>101</v>
      </c>
      <c r="FB5" s="522"/>
      <c r="FC5" s="522"/>
      <c r="FD5" s="522"/>
      <c r="FE5" s="522"/>
      <c r="FF5" s="522"/>
      <c r="FG5" s="522"/>
      <c r="FH5" s="522"/>
      <c r="FI5" s="522"/>
      <c r="FJ5" s="522"/>
      <c r="FK5" s="523"/>
      <c r="FL5" s="521" t="s">
        <v>102</v>
      </c>
      <c r="FM5" s="522"/>
      <c r="FN5" s="522"/>
      <c r="FO5" s="522"/>
      <c r="FP5" s="522"/>
      <c r="FQ5" s="522"/>
      <c r="FR5" s="522"/>
      <c r="FS5" s="522"/>
      <c r="FT5" s="522"/>
      <c r="FU5" s="522"/>
      <c r="FV5" s="523"/>
      <c r="FW5" s="515"/>
      <c r="FX5" s="516"/>
      <c r="FY5" s="516"/>
      <c r="FZ5" s="516"/>
      <c r="GA5" s="516"/>
      <c r="GB5" s="516"/>
      <c r="GC5" s="516"/>
      <c r="GD5" s="516"/>
      <c r="GE5" s="516"/>
      <c r="GF5" s="516"/>
      <c r="GG5" s="517"/>
      <c r="GH5" s="515"/>
      <c r="GI5" s="516"/>
      <c r="GJ5" s="516"/>
      <c r="GK5" s="516"/>
      <c r="GL5" s="516"/>
      <c r="GM5" s="516"/>
      <c r="GN5" s="516"/>
      <c r="GO5" s="516"/>
      <c r="GP5" s="516"/>
      <c r="GQ5" s="516"/>
      <c r="GR5" s="517"/>
      <c r="GS5" s="518"/>
      <c r="GT5" s="519"/>
      <c r="GU5" s="519"/>
      <c r="GV5" s="519"/>
      <c r="GW5" s="519"/>
      <c r="GX5" s="519"/>
      <c r="GY5" s="519"/>
      <c r="GZ5" s="519"/>
      <c r="HA5" s="519"/>
      <c r="HB5" s="519"/>
      <c r="HC5" s="520"/>
      <c r="HD5" s="521" t="s">
        <v>97</v>
      </c>
      <c r="HE5" s="522"/>
      <c r="HF5" s="522"/>
      <c r="HG5" s="522"/>
      <c r="HH5" s="522"/>
      <c r="HI5" s="522"/>
      <c r="HJ5" s="522"/>
      <c r="HK5" s="522"/>
      <c r="HL5" s="522"/>
      <c r="HM5" s="522"/>
      <c r="HN5" s="523"/>
      <c r="HO5" s="521" t="s">
        <v>98</v>
      </c>
      <c r="HP5" s="522"/>
      <c r="HQ5" s="522"/>
      <c r="HR5" s="522"/>
      <c r="HS5" s="522"/>
      <c r="HT5" s="522"/>
      <c r="HU5" s="522"/>
      <c r="HV5" s="522"/>
      <c r="HW5" s="522"/>
      <c r="HX5" s="522"/>
      <c r="HY5" s="523"/>
      <c r="HZ5" s="521" t="s">
        <v>99</v>
      </c>
      <c r="IA5" s="522"/>
      <c r="IB5" s="522"/>
      <c r="IC5" s="522"/>
      <c r="ID5" s="522"/>
      <c r="IE5" s="522"/>
      <c r="IF5" s="522"/>
      <c r="IG5" s="522"/>
      <c r="IH5" s="522"/>
      <c r="II5" s="522"/>
      <c r="IJ5" s="523"/>
      <c r="IK5" s="521" t="s">
        <v>100</v>
      </c>
      <c r="IL5" s="522"/>
      <c r="IM5" s="522"/>
      <c r="IN5" s="522"/>
      <c r="IO5" s="522"/>
      <c r="IP5" s="522"/>
      <c r="IQ5" s="522"/>
      <c r="IR5" s="522"/>
      <c r="IS5" s="522"/>
      <c r="IT5" s="522"/>
      <c r="IU5" s="523"/>
      <c r="IV5" s="521" t="s">
        <v>101</v>
      </c>
      <c r="IW5" s="522"/>
      <c r="IX5" s="522"/>
      <c r="IY5" s="522"/>
      <c r="IZ5" s="522"/>
      <c r="JA5" s="522"/>
      <c r="JB5" s="522"/>
      <c r="JC5" s="522"/>
      <c r="JD5" s="522"/>
      <c r="JE5" s="522"/>
      <c r="JF5" s="523"/>
      <c r="JG5" s="521" t="s">
        <v>102</v>
      </c>
      <c r="JH5" s="522"/>
      <c r="JI5" s="522"/>
      <c r="JJ5" s="522"/>
      <c r="JK5" s="522"/>
      <c r="JL5" s="522"/>
      <c r="JM5" s="522"/>
      <c r="JN5" s="522"/>
      <c r="JO5" s="522"/>
      <c r="JP5" s="522"/>
      <c r="JQ5" s="523"/>
      <c r="JR5" s="515"/>
      <c r="JS5" s="516"/>
      <c r="JT5" s="516"/>
      <c r="JU5" s="516"/>
      <c r="JV5" s="516"/>
      <c r="JW5" s="516"/>
      <c r="JX5" s="516"/>
      <c r="JY5" s="516"/>
      <c r="JZ5" s="516"/>
      <c r="KA5" s="516"/>
      <c r="KB5" s="517"/>
      <c r="KC5" s="515"/>
      <c r="KD5" s="516"/>
      <c r="KE5" s="516"/>
      <c r="KF5" s="516"/>
      <c r="KG5" s="516"/>
      <c r="KH5" s="516"/>
      <c r="KI5" s="516"/>
      <c r="KJ5" s="516"/>
      <c r="KK5" s="516"/>
      <c r="KL5" s="516"/>
      <c r="KM5" s="517"/>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19722</v>
      </c>
      <c r="D7" s="78">
        <v>19864</v>
      </c>
      <c r="E7" s="79">
        <v>39586</v>
      </c>
      <c r="F7" s="240"/>
      <c r="G7" s="78">
        <v>30102</v>
      </c>
      <c r="H7" s="78">
        <v>29406</v>
      </c>
      <c r="I7" s="78">
        <v>20252</v>
      </c>
      <c r="J7" s="78">
        <v>17058</v>
      </c>
      <c r="K7" s="78">
        <v>10442</v>
      </c>
      <c r="L7" s="80">
        <v>107260</v>
      </c>
      <c r="M7" s="81">
        <v>146846</v>
      </c>
      <c r="N7" s="66">
        <v>833</v>
      </c>
      <c r="O7" s="67">
        <v>983</v>
      </c>
      <c r="P7" s="68">
        <v>1816</v>
      </c>
      <c r="Q7" s="243"/>
      <c r="R7" s="67">
        <v>1320</v>
      </c>
      <c r="S7" s="67">
        <v>1532</v>
      </c>
      <c r="T7" s="67">
        <v>986</v>
      </c>
      <c r="U7" s="67">
        <v>925</v>
      </c>
      <c r="V7" s="67">
        <v>759</v>
      </c>
      <c r="W7" s="68">
        <v>5522</v>
      </c>
      <c r="X7" s="69">
        <v>7338</v>
      </c>
      <c r="Y7" s="66">
        <v>1935</v>
      </c>
      <c r="Z7" s="67">
        <v>2268</v>
      </c>
      <c r="AA7" s="68">
        <v>4203</v>
      </c>
      <c r="AB7" s="243"/>
      <c r="AC7" s="67">
        <v>2907</v>
      </c>
      <c r="AD7" s="67">
        <v>3368</v>
      </c>
      <c r="AE7" s="67">
        <v>2367</v>
      </c>
      <c r="AF7" s="67">
        <v>2011</v>
      </c>
      <c r="AG7" s="67">
        <v>1450</v>
      </c>
      <c r="AH7" s="68">
        <v>12103</v>
      </c>
      <c r="AI7" s="69">
        <v>16306</v>
      </c>
      <c r="AJ7" s="66">
        <v>3047</v>
      </c>
      <c r="AK7" s="67">
        <v>3305</v>
      </c>
      <c r="AL7" s="68">
        <v>6352</v>
      </c>
      <c r="AM7" s="243"/>
      <c r="AN7" s="67">
        <v>4879</v>
      </c>
      <c r="AO7" s="67">
        <v>4853</v>
      </c>
      <c r="AP7" s="67">
        <v>3320</v>
      </c>
      <c r="AQ7" s="67">
        <v>2789</v>
      </c>
      <c r="AR7" s="67">
        <v>1897</v>
      </c>
      <c r="AS7" s="68">
        <v>17738</v>
      </c>
      <c r="AT7" s="69">
        <v>24090</v>
      </c>
      <c r="AU7" s="66">
        <v>5023</v>
      </c>
      <c r="AV7" s="67">
        <v>4827</v>
      </c>
      <c r="AW7" s="68">
        <v>9850</v>
      </c>
      <c r="AX7" s="243"/>
      <c r="AY7" s="67">
        <v>7582</v>
      </c>
      <c r="AZ7" s="67">
        <v>6871</v>
      </c>
      <c r="BA7" s="67">
        <v>4545</v>
      </c>
      <c r="BB7" s="67">
        <v>3839</v>
      </c>
      <c r="BC7" s="67">
        <v>2365</v>
      </c>
      <c r="BD7" s="68">
        <v>25202</v>
      </c>
      <c r="BE7" s="69">
        <v>35052</v>
      </c>
      <c r="BF7" s="66">
        <v>5565</v>
      </c>
      <c r="BG7" s="67">
        <v>5177</v>
      </c>
      <c r="BH7" s="68">
        <v>10742</v>
      </c>
      <c r="BI7" s="243"/>
      <c r="BJ7" s="67">
        <v>7999</v>
      </c>
      <c r="BK7" s="67">
        <v>7160</v>
      </c>
      <c r="BL7" s="67">
        <v>4948</v>
      </c>
      <c r="BM7" s="67">
        <v>4090</v>
      </c>
      <c r="BN7" s="67">
        <v>2280</v>
      </c>
      <c r="BO7" s="68">
        <v>26477</v>
      </c>
      <c r="BP7" s="69">
        <v>37219</v>
      </c>
      <c r="BQ7" s="66">
        <v>3319</v>
      </c>
      <c r="BR7" s="67">
        <v>3304</v>
      </c>
      <c r="BS7" s="68">
        <v>6623</v>
      </c>
      <c r="BT7" s="243"/>
      <c r="BU7" s="67">
        <v>5415</v>
      </c>
      <c r="BV7" s="67">
        <v>5622</v>
      </c>
      <c r="BW7" s="67">
        <v>4086</v>
      </c>
      <c r="BX7" s="67">
        <v>3404</v>
      </c>
      <c r="BY7" s="67">
        <v>1691</v>
      </c>
      <c r="BZ7" s="68">
        <v>20218</v>
      </c>
      <c r="CA7" s="69">
        <v>26841</v>
      </c>
      <c r="CB7" s="66">
        <v>486</v>
      </c>
      <c r="CC7" s="67">
        <v>747</v>
      </c>
      <c r="CD7" s="68">
        <v>1233</v>
      </c>
      <c r="CE7" s="243"/>
      <c r="CF7" s="67">
        <v>894</v>
      </c>
      <c r="CG7" s="67">
        <v>1320</v>
      </c>
      <c r="CH7" s="67">
        <v>831</v>
      </c>
      <c r="CI7" s="67">
        <v>810</v>
      </c>
      <c r="CJ7" s="67">
        <v>721</v>
      </c>
      <c r="CK7" s="68">
        <v>4576</v>
      </c>
      <c r="CL7" s="69">
        <v>5809</v>
      </c>
      <c r="CM7" s="66">
        <v>20208</v>
      </c>
      <c r="CN7" s="67">
        <v>20611</v>
      </c>
      <c r="CO7" s="68">
        <v>40819</v>
      </c>
      <c r="CP7" s="243"/>
      <c r="CQ7" s="67">
        <v>30996</v>
      </c>
      <c r="CR7" s="67">
        <v>30726</v>
      </c>
      <c r="CS7" s="67">
        <v>21083</v>
      </c>
      <c r="CT7" s="67">
        <v>17868</v>
      </c>
      <c r="CU7" s="67">
        <v>11163</v>
      </c>
      <c r="CV7" s="68">
        <v>111836</v>
      </c>
      <c r="CW7" s="69">
        <v>152655</v>
      </c>
      <c r="CX7" s="122">
        <v>37935</v>
      </c>
      <c r="CY7" s="78">
        <v>43646</v>
      </c>
      <c r="CZ7" s="79">
        <v>81581</v>
      </c>
      <c r="DA7" s="240"/>
      <c r="DB7" s="78">
        <v>55301</v>
      </c>
      <c r="DC7" s="78">
        <v>51740</v>
      </c>
      <c r="DD7" s="78">
        <v>38746</v>
      </c>
      <c r="DE7" s="78">
        <v>38202</v>
      </c>
      <c r="DF7" s="78">
        <v>25440</v>
      </c>
      <c r="DG7" s="80">
        <v>209429</v>
      </c>
      <c r="DH7" s="81">
        <v>291010</v>
      </c>
      <c r="DI7" s="66">
        <v>840</v>
      </c>
      <c r="DJ7" s="67">
        <v>1016</v>
      </c>
      <c r="DK7" s="68">
        <v>1856</v>
      </c>
      <c r="DL7" s="243"/>
      <c r="DM7" s="67">
        <v>1001</v>
      </c>
      <c r="DN7" s="67">
        <v>1053</v>
      </c>
      <c r="DO7" s="67">
        <v>686</v>
      </c>
      <c r="DP7" s="67">
        <v>676</v>
      </c>
      <c r="DQ7" s="67">
        <v>595</v>
      </c>
      <c r="DR7" s="68">
        <v>4011</v>
      </c>
      <c r="DS7" s="69">
        <v>5867</v>
      </c>
      <c r="DT7" s="66">
        <v>2557</v>
      </c>
      <c r="DU7" s="67">
        <v>3054</v>
      </c>
      <c r="DV7" s="68">
        <v>5611</v>
      </c>
      <c r="DW7" s="243"/>
      <c r="DX7" s="67">
        <v>2969</v>
      </c>
      <c r="DY7" s="67">
        <v>2942</v>
      </c>
      <c r="DZ7" s="67">
        <v>1850</v>
      </c>
      <c r="EA7" s="67">
        <v>1833</v>
      </c>
      <c r="EB7" s="67">
        <v>1413</v>
      </c>
      <c r="EC7" s="68">
        <v>11007</v>
      </c>
      <c r="ED7" s="69">
        <v>16618</v>
      </c>
      <c r="EE7" s="66">
        <v>5957</v>
      </c>
      <c r="EF7" s="67">
        <v>6442</v>
      </c>
      <c r="EG7" s="68">
        <v>12399</v>
      </c>
      <c r="EH7" s="243"/>
      <c r="EI7" s="67">
        <v>6690</v>
      </c>
      <c r="EJ7" s="67">
        <v>5660</v>
      </c>
      <c r="EK7" s="67">
        <v>3698</v>
      </c>
      <c r="EL7" s="67">
        <v>3389</v>
      </c>
      <c r="EM7" s="67">
        <v>2673</v>
      </c>
      <c r="EN7" s="68">
        <v>22110</v>
      </c>
      <c r="EO7" s="69">
        <v>34509</v>
      </c>
      <c r="EP7" s="66">
        <v>11320</v>
      </c>
      <c r="EQ7" s="67">
        <v>11649</v>
      </c>
      <c r="ER7" s="68">
        <v>22969</v>
      </c>
      <c r="ES7" s="243"/>
      <c r="ET7" s="67">
        <v>13165</v>
      </c>
      <c r="EU7" s="67">
        <v>10666</v>
      </c>
      <c r="EV7" s="67">
        <v>6964</v>
      </c>
      <c r="EW7" s="67">
        <v>6323</v>
      </c>
      <c r="EX7" s="67">
        <v>4420</v>
      </c>
      <c r="EY7" s="68">
        <v>41538</v>
      </c>
      <c r="EZ7" s="69">
        <v>64507</v>
      </c>
      <c r="FA7" s="66">
        <v>11275</v>
      </c>
      <c r="FB7" s="67">
        <v>12892</v>
      </c>
      <c r="FC7" s="68">
        <v>24167</v>
      </c>
      <c r="FD7" s="243"/>
      <c r="FE7" s="67">
        <v>17092</v>
      </c>
      <c r="FF7" s="67">
        <v>14884</v>
      </c>
      <c r="FG7" s="67">
        <v>10720</v>
      </c>
      <c r="FH7" s="67">
        <v>9795</v>
      </c>
      <c r="FI7" s="67">
        <v>6493</v>
      </c>
      <c r="FJ7" s="68">
        <v>58984</v>
      </c>
      <c r="FK7" s="69">
        <v>83151</v>
      </c>
      <c r="FL7" s="66">
        <v>5986</v>
      </c>
      <c r="FM7" s="67">
        <v>8593</v>
      </c>
      <c r="FN7" s="68">
        <v>14579</v>
      </c>
      <c r="FO7" s="243"/>
      <c r="FP7" s="67">
        <v>14384</v>
      </c>
      <c r="FQ7" s="67">
        <v>16535</v>
      </c>
      <c r="FR7" s="67">
        <v>14828</v>
      </c>
      <c r="FS7" s="67">
        <v>16186</v>
      </c>
      <c r="FT7" s="67">
        <v>9846</v>
      </c>
      <c r="FU7" s="68">
        <v>71779</v>
      </c>
      <c r="FV7" s="69">
        <v>86358</v>
      </c>
      <c r="FW7" s="66">
        <v>363</v>
      </c>
      <c r="FX7" s="67">
        <v>670</v>
      </c>
      <c r="FY7" s="68">
        <v>1033</v>
      </c>
      <c r="FZ7" s="243"/>
      <c r="GA7" s="67">
        <v>712</v>
      </c>
      <c r="GB7" s="67">
        <v>1030</v>
      </c>
      <c r="GC7" s="67">
        <v>606</v>
      </c>
      <c r="GD7" s="67">
        <v>572</v>
      </c>
      <c r="GE7" s="67">
        <v>610</v>
      </c>
      <c r="GF7" s="68">
        <v>3530</v>
      </c>
      <c r="GG7" s="69">
        <v>4563</v>
      </c>
      <c r="GH7" s="66">
        <v>38298</v>
      </c>
      <c r="GI7" s="67">
        <v>44316</v>
      </c>
      <c r="GJ7" s="68">
        <v>82614</v>
      </c>
      <c r="GK7" s="243"/>
      <c r="GL7" s="67">
        <v>56013</v>
      </c>
      <c r="GM7" s="67">
        <v>52770</v>
      </c>
      <c r="GN7" s="67">
        <v>39352</v>
      </c>
      <c r="GO7" s="67">
        <v>38774</v>
      </c>
      <c r="GP7" s="67">
        <v>26050</v>
      </c>
      <c r="GQ7" s="68">
        <v>212959</v>
      </c>
      <c r="GR7" s="69">
        <v>295573</v>
      </c>
      <c r="GS7" s="122">
        <v>57657</v>
      </c>
      <c r="GT7" s="78">
        <v>63510</v>
      </c>
      <c r="GU7" s="79">
        <v>121167</v>
      </c>
      <c r="GV7" s="240"/>
      <c r="GW7" s="78">
        <v>85403</v>
      </c>
      <c r="GX7" s="78">
        <v>81146</v>
      </c>
      <c r="GY7" s="78">
        <v>58998</v>
      </c>
      <c r="GZ7" s="78">
        <v>55260</v>
      </c>
      <c r="HA7" s="78">
        <v>35882</v>
      </c>
      <c r="HB7" s="80">
        <v>316689</v>
      </c>
      <c r="HC7" s="81">
        <v>437856</v>
      </c>
      <c r="HD7" s="66">
        <v>1673</v>
      </c>
      <c r="HE7" s="67">
        <v>1999</v>
      </c>
      <c r="HF7" s="68">
        <v>3672</v>
      </c>
      <c r="HG7" s="243"/>
      <c r="HH7" s="67">
        <v>2321</v>
      </c>
      <c r="HI7" s="67">
        <v>2585</v>
      </c>
      <c r="HJ7" s="67">
        <v>1672</v>
      </c>
      <c r="HK7" s="67">
        <v>1601</v>
      </c>
      <c r="HL7" s="67">
        <v>1354</v>
      </c>
      <c r="HM7" s="68">
        <v>9533</v>
      </c>
      <c r="HN7" s="69">
        <v>13205</v>
      </c>
      <c r="HO7" s="66">
        <v>4492</v>
      </c>
      <c r="HP7" s="67">
        <v>5322</v>
      </c>
      <c r="HQ7" s="68">
        <v>9814</v>
      </c>
      <c r="HR7" s="243"/>
      <c r="HS7" s="67">
        <v>5876</v>
      </c>
      <c r="HT7" s="67">
        <v>6310</v>
      </c>
      <c r="HU7" s="67">
        <v>4217</v>
      </c>
      <c r="HV7" s="67">
        <v>3844</v>
      </c>
      <c r="HW7" s="67">
        <v>2863</v>
      </c>
      <c r="HX7" s="68">
        <v>23110</v>
      </c>
      <c r="HY7" s="69">
        <v>32924</v>
      </c>
      <c r="HZ7" s="66">
        <v>9004</v>
      </c>
      <c r="IA7" s="67">
        <v>9747</v>
      </c>
      <c r="IB7" s="68">
        <v>18751</v>
      </c>
      <c r="IC7" s="243"/>
      <c r="ID7" s="67">
        <v>11569</v>
      </c>
      <c r="IE7" s="67">
        <v>10513</v>
      </c>
      <c r="IF7" s="67">
        <v>7018</v>
      </c>
      <c r="IG7" s="67">
        <v>6178</v>
      </c>
      <c r="IH7" s="67">
        <v>4570</v>
      </c>
      <c r="II7" s="68">
        <v>39848</v>
      </c>
      <c r="IJ7" s="69">
        <v>58599</v>
      </c>
      <c r="IK7" s="66">
        <v>16343</v>
      </c>
      <c r="IL7" s="67">
        <v>16476</v>
      </c>
      <c r="IM7" s="68">
        <v>32819</v>
      </c>
      <c r="IN7" s="243"/>
      <c r="IO7" s="67">
        <v>20747</v>
      </c>
      <c r="IP7" s="67">
        <v>17537</v>
      </c>
      <c r="IQ7" s="67">
        <v>11509</v>
      </c>
      <c r="IR7" s="67">
        <v>10162</v>
      </c>
      <c r="IS7" s="67">
        <v>6785</v>
      </c>
      <c r="IT7" s="68">
        <v>66740</v>
      </c>
      <c r="IU7" s="69">
        <v>99559</v>
      </c>
      <c r="IV7" s="66">
        <v>16840</v>
      </c>
      <c r="IW7" s="67">
        <v>18069</v>
      </c>
      <c r="IX7" s="68">
        <v>34909</v>
      </c>
      <c r="IY7" s="243"/>
      <c r="IZ7" s="67">
        <v>25091</v>
      </c>
      <c r="JA7" s="67">
        <v>22044</v>
      </c>
      <c r="JB7" s="67">
        <v>15668</v>
      </c>
      <c r="JC7" s="67">
        <v>13885</v>
      </c>
      <c r="JD7" s="67">
        <v>8773</v>
      </c>
      <c r="JE7" s="68">
        <v>85461</v>
      </c>
      <c r="JF7" s="69">
        <v>120370</v>
      </c>
      <c r="JG7" s="66">
        <v>9305</v>
      </c>
      <c r="JH7" s="67">
        <v>11897</v>
      </c>
      <c r="JI7" s="68">
        <v>21202</v>
      </c>
      <c r="JJ7" s="243"/>
      <c r="JK7" s="67">
        <v>19799</v>
      </c>
      <c r="JL7" s="67">
        <v>22157</v>
      </c>
      <c r="JM7" s="67">
        <v>18914</v>
      </c>
      <c r="JN7" s="67">
        <v>19590</v>
      </c>
      <c r="JO7" s="67">
        <v>11537</v>
      </c>
      <c r="JP7" s="68">
        <v>91997</v>
      </c>
      <c r="JQ7" s="69">
        <v>113199</v>
      </c>
      <c r="JR7" s="66">
        <v>849</v>
      </c>
      <c r="JS7" s="67">
        <v>1417</v>
      </c>
      <c r="JT7" s="68">
        <v>2266</v>
      </c>
      <c r="JU7" s="243"/>
      <c r="JV7" s="67">
        <v>1606</v>
      </c>
      <c r="JW7" s="67">
        <v>2350</v>
      </c>
      <c r="JX7" s="67">
        <v>1437</v>
      </c>
      <c r="JY7" s="67">
        <v>1382</v>
      </c>
      <c r="JZ7" s="67">
        <v>1331</v>
      </c>
      <c r="KA7" s="68">
        <v>8106</v>
      </c>
      <c r="KB7" s="69">
        <v>10372</v>
      </c>
      <c r="KC7" s="66">
        <v>58506</v>
      </c>
      <c r="KD7" s="67">
        <v>64927</v>
      </c>
      <c r="KE7" s="68">
        <v>123433</v>
      </c>
      <c r="KF7" s="243"/>
      <c r="KG7" s="67">
        <v>87009</v>
      </c>
      <c r="KH7" s="67">
        <v>83496</v>
      </c>
      <c r="KI7" s="67">
        <v>60435</v>
      </c>
      <c r="KJ7" s="67">
        <v>56642</v>
      </c>
      <c r="KK7" s="67">
        <v>37213</v>
      </c>
      <c r="KL7" s="68">
        <v>324795</v>
      </c>
      <c r="KM7" s="69">
        <v>448228</v>
      </c>
    </row>
    <row r="8" spans="2:299" ht="21" customHeight="1" x14ac:dyDescent="0.2">
      <c r="B8" s="126" t="s">
        <v>5</v>
      </c>
      <c r="C8" s="315">
        <v>8022</v>
      </c>
      <c r="D8" s="82">
        <v>9229</v>
      </c>
      <c r="E8" s="83">
        <v>17251</v>
      </c>
      <c r="F8" s="241"/>
      <c r="G8" s="82">
        <v>10032</v>
      </c>
      <c r="H8" s="82">
        <v>12986</v>
      </c>
      <c r="I8" s="82">
        <v>8414</v>
      </c>
      <c r="J8" s="82">
        <v>7062</v>
      </c>
      <c r="K8" s="82">
        <v>4317</v>
      </c>
      <c r="L8" s="84">
        <v>42811</v>
      </c>
      <c r="M8" s="85">
        <v>60062</v>
      </c>
      <c r="N8" s="70">
        <v>319</v>
      </c>
      <c r="O8" s="71">
        <v>451</v>
      </c>
      <c r="P8" s="72">
        <v>770</v>
      </c>
      <c r="Q8" s="244"/>
      <c r="R8" s="71">
        <v>389</v>
      </c>
      <c r="S8" s="71">
        <v>686</v>
      </c>
      <c r="T8" s="71">
        <v>397</v>
      </c>
      <c r="U8" s="71">
        <v>375</v>
      </c>
      <c r="V8" s="71">
        <v>308</v>
      </c>
      <c r="W8" s="72">
        <v>2155</v>
      </c>
      <c r="X8" s="73">
        <v>2925</v>
      </c>
      <c r="Y8" s="70">
        <v>722</v>
      </c>
      <c r="Z8" s="71">
        <v>990</v>
      </c>
      <c r="AA8" s="72">
        <v>1712</v>
      </c>
      <c r="AB8" s="244"/>
      <c r="AC8" s="71">
        <v>884</v>
      </c>
      <c r="AD8" s="71">
        <v>1452</v>
      </c>
      <c r="AE8" s="71">
        <v>1015</v>
      </c>
      <c r="AF8" s="71">
        <v>834</v>
      </c>
      <c r="AG8" s="71">
        <v>624</v>
      </c>
      <c r="AH8" s="72">
        <v>4809</v>
      </c>
      <c r="AI8" s="73">
        <v>6521</v>
      </c>
      <c r="AJ8" s="70">
        <v>1214</v>
      </c>
      <c r="AK8" s="71">
        <v>1496</v>
      </c>
      <c r="AL8" s="72">
        <v>2710</v>
      </c>
      <c r="AM8" s="244"/>
      <c r="AN8" s="71">
        <v>1595</v>
      </c>
      <c r="AO8" s="71">
        <v>2116</v>
      </c>
      <c r="AP8" s="71">
        <v>1337</v>
      </c>
      <c r="AQ8" s="71">
        <v>1141</v>
      </c>
      <c r="AR8" s="71">
        <v>736</v>
      </c>
      <c r="AS8" s="72">
        <v>6925</v>
      </c>
      <c r="AT8" s="73">
        <v>9635</v>
      </c>
      <c r="AU8" s="70">
        <v>2056</v>
      </c>
      <c r="AV8" s="71">
        <v>2223</v>
      </c>
      <c r="AW8" s="72">
        <v>4279</v>
      </c>
      <c r="AX8" s="244"/>
      <c r="AY8" s="71">
        <v>2464</v>
      </c>
      <c r="AZ8" s="71">
        <v>2920</v>
      </c>
      <c r="BA8" s="71">
        <v>1823</v>
      </c>
      <c r="BB8" s="71">
        <v>1586</v>
      </c>
      <c r="BC8" s="71">
        <v>952</v>
      </c>
      <c r="BD8" s="72">
        <v>9745</v>
      </c>
      <c r="BE8" s="73">
        <v>14024</v>
      </c>
      <c r="BF8" s="70">
        <v>2305</v>
      </c>
      <c r="BG8" s="71">
        <v>2451</v>
      </c>
      <c r="BH8" s="72">
        <v>4756</v>
      </c>
      <c r="BI8" s="244"/>
      <c r="BJ8" s="71">
        <v>2796</v>
      </c>
      <c r="BK8" s="71">
        <v>3225</v>
      </c>
      <c r="BL8" s="71">
        <v>2037</v>
      </c>
      <c r="BM8" s="71">
        <v>1674</v>
      </c>
      <c r="BN8" s="71">
        <v>952</v>
      </c>
      <c r="BO8" s="72">
        <v>10684</v>
      </c>
      <c r="BP8" s="73">
        <v>15440</v>
      </c>
      <c r="BQ8" s="70">
        <v>1406</v>
      </c>
      <c r="BR8" s="71">
        <v>1618</v>
      </c>
      <c r="BS8" s="72">
        <v>3024</v>
      </c>
      <c r="BT8" s="244"/>
      <c r="BU8" s="71">
        <v>1904</v>
      </c>
      <c r="BV8" s="71">
        <v>2587</v>
      </c>
      <c r="BW8" s="71">
        <v>1805</v>
      </c>
      <c r="BX8" s="71">
        <v>1452</v>
      </c>
      <c r="BY8" s="71">
        <v>745</v>
      </c>
      <c r="BZ8" s="72">
        <v>8493</v>
      </c>
      <c r="CA8" s="73">
        <v>11517</v>
      </c>
      <c r="CB8" s="70">
        <v>177</v>
      </c>
      <c r="CC8" s="71">
        <v>317</v>
      </c>
      <c r="CD8" s="72">
        <v>494</v>
      </c>
      <c r="CE8" s="244"/>
      <c r="CF8" s="71">
        <v>248</v>
      </c>
      <c r="CG8" s="71">
        <v>592</v>
      </c>
      <c r="CH8" s="71">
        <v>381</v>
      </c>
      <c r="CI8" s="71">
        <v>342</v>
      </c>
      <c r="CJ8" s="71">
        <v>324</v>
      </c>
      <c r="CK8" s="72">
        <v>1887</v>
      </c>
      <c r="CL8" s="73">
        <v>2381</v>
      </c>
      <c r="CM8" s="70">
        <v>8199</v>
      </c>
      <c r="CN8" s="71">
        <v>9546</v>
      </c>
      <c r="CO8" s="72">
        <v>17745</v>
      </c>
      <c r="CP8" s="244"/>
      <c r="CQ8" s="71">
        <v>10280</v>
      </c>
      <c r="CR8" s="71">
        <v>13578</v>
      </c>
      <c r="CS8" s="71">
        <v>8795</v>
      </c>
      <c r="CT8" s="71">
        <v>7404</v>
      </c>
      <c r="CU8" s="71">
        <v>4641</v>
      </c>
      <c r="CV8" s="72">
        <v>44698</v>
      </c>
      <c r="CW8" s="73">
        <v>62443</v>
      </c>
      <c r="CX8" s="123">
        <v>14897</v>
      </c>
      <c r="CY8" s="82">
        <v>19523</v>
      </c>
      <c r="CZ8" s="83">
        <v>34420</v>
      </c>
      <c r="DA8" s="241"/>
      <c r="DB8" s="82">
        <v>19161</v>
      </c>
      <c r="DC8" s="82">
        <v>23382</v>
      </c>
      <c r="DD8" s="82">
        <v>15987</v>
      </c>
      <c r="DE8" s="82">
        <v>15696</v>
      </c>
      <c r="DF8" s="82">
        <v>10635</v>
      </c>
      <c r="DG8" s="84">
        <v>84861</v>
      </c>
      <c r="DH8" s="85">
        <v>119281</v>
      </c>
      <c r="DI8" s="70">
        <v>320</v>
      </c>
      <c r="DJ8" s="71">
        <v>431</v>
      </c>
      <c r="DK8" s="72">
        <v>751</v>
      </c>
      <c r="DL8" s="244"/>
      <c r="DM8" s="71">
        <v>313</v>
      </c>
      <c r="DN8" s="71">
        <v>473</v>
      </c>
      <c r="DO8" s="71">
        <v>267</v>
      </c>
      <c r="DP8" s="71">
        <v>283</v>
      </c>
      <c r="DQ8" s="71">
        <v>251</v>
      </c>
      <c r="DR8" s="72">
        <v>1587</v>
      </c>
      <c r="DS8" s="73">
        <v>2338</v>
      </c>
      <c r="DT8" s="70">
        <v>975</v>
      </c>
      <c r="DU8" s="71">
        <v>1326</v>
      </c>
      <c r="DV8" s="72">
        <v>2301</v>
      </c>
      <c r="DW8" s="244"/>
      <c r="DX8" s="71">
        <v>903</v>
      </c>
      <c r="DY8" s="71">
        <v>1274</v>
      </c>
      <c r="DZ8" s="71">
        <v>724</v>
      </c>
      <c r="EA8" s="71">
        <v>762</v>
      </c>
      <c r="EB8" s="71">
        <v>608</v>
      </c>
      <c r="EC8" s="72">
        <v>4271</v>
      </c>
      <c r="ED8" s="73">
        <v>6572</v>
      </c>
      <c r="EE8" s="70">
        <v>2295</v>
      </c>
      <c r="EF8" s="71">
        <v>2822</v>
      </c>
      <c r="EG8" s="72">
        <v>5117</v>
      </c>
      <c r="EH8" s="244"/>
      <c r="EI8" s="71">
        <v>2217</v>
      </c>
      <c r="EJ8" s="71">
        <v>2449</v>
      </c>
      <c r="EK8" s="71">
        <v>1485</v>
      </c>
      <c r="EL8" s="71">
        <v>1297</v>
      </c>
      <c r="EM8" s="71">
        <v>1110</v>
      </c>
      <c r="EN8" s="72">
        <v>8558</v>
      </c>
      <c r="EO8" s="73">
        <v>13675</v>
      </c>
      <c r="EP8" s="70">
        <v>4395</v>
      </c>
      <c r="EQ8" s="71">
        <v>5076</v>
      </c>
      <c r="ER8" s="72">
        <v>9471</v>
      </c>
      <c r="ES8" s="244"/>
      <c r="ET8" s="71">
        <v>4570</v>
      </c>
      <c r="EU8" s="71">
        <v>4776</v>
      </c>
      <c r="EV8" s="71">
        <v>2769</v>
      </c>
      <c r="EW8" s="71">
        <v>2534</v>
      </c>
      <c r="EX8" s="71">
        <v>1743</v>
      </c>
      <c r="EY8" s="72">
        <v>16392</v>
      </c>
      <c r="EZ8" s="73">
        <v>25863</v>
      </c>
      <c r="FA8" s="70">
        <v>4563</v>
      </c>
      <c r="FB8" s="71">
        <v>5962</v>
      </c>
      <c r="FC8" s="72">
        <v>10525</v>
      </c>
      <c r="FD8" s="244"/>
      <c r="FE8" s="71">
        <v>6185</v>
      </c>
      <c r="FF8" s="71">
        <v>6849</v>
      </c>
      <c r="FG8" s="71">
        <v>4540</v>
      </c>
      <c r="FH8" s="71">
        <v>4107</v>
      </c>
      <c r="FI8" s="71">
        <v>2761</v>
      </c>
      <c r="FJ8" s="72">
        <v>24442</v>
      </c>
      <c r="FK8" s="73">
        <v>34967</v>
      </c>
      <c r="FL8" s="70">
        <v>2349</v>
      </c>
      <c r="FM8" s="71">
        <v>3906</v>
      </c>
      <c r="FN8" s="72">
        <v>6255</v>
      </c>
      <c r="FO8" s="244"/>
      <c r="FP8" s="71">
        <v>4973</v>
      </c>
      <c r="FQ8" s="71">
        <v>7561</v>
      </c>
      <c r="FR8" s="71">
        <v>6202</v>
      </c>
      <c r="FS8" s="71">
        <v>6713</v>
      </c>
      <c r="FT8" s="71">
        <v>4162</v>
      </c>
      <c r="FU8" s="72">
        <v>29611</v>
      </c>
      <c r="FV8" s="73">
        <v>35866</v>
      </c>
      <c r="FW8" s="70">
        <v>141</v>
      </c>
      <c r="FX8" s="71">
        <v>286</v>
      </c>
      <c r="FY8" s="72">
        <v>427</v>
      </c>
      <c r="FZ8" s="244"/>
      <c r="GA8" s="71">
        <v>212</v>
      </c>
      <c r="GB8" s="71">
        <v>465</v>
      </c>
      <c r="GC8" s="71">
        <v>251</v>
      </c>
      <c r="GD8" s="71">
        <v>228</v>
      </c>
      <c r="GE8" s="71">
        <v>243</v>
      </c>
      <c r="GF8" s="72">
        <v>1399</v>
      </c>
      <c r="GG8" s="73">
        <v>1826</v>
      </c>
      <c r="GH8" s="70">
        <v>15038</v>
      </c>
      <c r="GI8" s="71">
        <v>19809</v>
      </c>
      <c r="GJ8" s="72">
        <v>34847</v>
      </c>
      <c r="GK8" s="244"/>
      <c r="GL8" s="71">
        <v>19373</v>
      </c>
      <c r="GM8" s="71">
        <v>23847</v>
      </c>
      <c r="GN8" s="71">
        <v>16238</v>
      </c>
      <c r="GO8" s="71">
        <v>15924</v>
      </c>
      <c r="GP8" s="71">
        <v>10878</v>
      </c>
      <c r="GQ8" s="72">
        <v>86260</v>
      </c>
      <c r="GR8" s="73">
        <v>121107</v>
      </c>
      <c r="GS8" s="123">
        <v>22919</v>
      </c>
      <c r="GT8" s="82">
        <v>28752</v>
      </c>
      <c r="GU8" s="83">
        <v>51671</v>
      </c>
      <c r="GV8" s="241"/>
      <c r="GW8" s="82">
        <v>29193</v>
      </c>
      <c r="GX8" s="82">
        <v>36368</v>
      </c>
      <c r="GY8" s="82">
        <v>24401</v>
      </c>
      <c r="GZ8" s="82">
        <v>22758</v>
      </c>
      <c r="HA8" s="82">
        <v>14952</v>
      </c>
      <c r="HB8" s="84">
        <v>127672</v>
      </c>
      <c r="HC8" s="85">
        <v>179343</v>
      </c>
      <c r="HD8" s="70">
        <v>639</v>
      </c>
      <c r="HE8" s="71">
        <v>882</v>
      </c>
      <c r="HF8" s="72">
        <v>1521</v>
      </c>
      <c r="HG8" s="244"/>
      <c r="HH8" s="71">
        <v>702</v>
      </c>
      <c r="HI8" s="71">
        <v>1159</v>
      </c>
      <c r="HJ8" s="71">
        <v>664</v>
      </c>
      <c r="HK8" s="71">
        <v>658</v>
      </c>
      <c r="HL8" s="71">
        <v>559</v>
      </c>
      <c r="HM8" s="72">
        <v>3742</v>
      </c>
      <c r="HN8" s="73">
        <v>5263</v>
      </c>
      <c r="HO8" s="70">
        <v>1697</v>
      </c>
      <c r="HP8" s="71">
        <v>2316</v>
      </c>
      <c r="HQ8" s="72">
        <v>4013</v>
      </c>
      <c r="HR8" s="244"/>
      <c r="HS8" s="71">
        <v>1787</v>
      </c>
      <c r="HT8" s="71">
        <v>2726</v>
      </c>
      <c r="HU8" s="71">
        <v>1739</v>
      </c>
      <c r="HV8" s="71">
        <v>1596</v>
      </c>
      <c r="HW8" s="71">
        <v>1232</v>
      </c>
      <c r="HX8" s="72">
        <v>9080</v>
      </c>
      <c r="HY8" s="73">
        <v>13093</v>
      </c>
      <c r="HZ8" s="70">
        <v>3509</v>
      </c>
      <c r="IA8" s="71">
        <v>4318</v>
      </c>
      <c r="IB8" s="72">
        <v>7827</v>
      </c>
      <c r="IC8" s="244"/>
      <c r="ID8" s="71">
        <v>3812</v>
      </c>
      <c r="IE8" s="71">
        <v>4565</v>
      </c>
      <c r="IF8" s="71">
        <v>2822</v>
      </c>
      <c r="IG8" s="71">
        <v>2438</v>
      </c>
      <c r="IH8" s="71">
        <v>1846</v>
      </c>
      <c r="II8" s="72">
        <v>15483</v>
      </c>
      <c r="IJ8" s="73">
        <v>23310</v>
      </c>
      <c r="IK8" s="70">
        <v>6451</v>
      </c>
      <c r="IL8" s="71">
        <v>7299</v>
      </c>
      <c r="IM8" s="72">
        <v>13750</v>
      </c>
      <c r="IN8" s="244"/>
      <c r="IO8" s="71">
        <v>7034</v>
      </c>
      <c r="IP8" s="71">
        <v>7696</v>
      </c>
      <c r="IQ8" s="71">
        <v>4592</v>
      </c>
      <c r="IR8" s="71">
        <v>4120</v>
      </c>
      <c r="IS8" s="71">
        <v>2695</v>
      </c>
      <c r="IT8" s="72">
        <v>26137</v>
      </c>
      <c r="IU8" s="73">
        <v>39887</v>
      </c>
      <c r="IV8" s="70">
        <v>6868</v>
      </c>
      <c r="IW8" s="71">
        <v>8413</v>
      </c>
      <c r="IX8" s="72">
        <v>15281</v>
      </c>
      <c r="IY8" s="244"/>
      <c r="IZ8" s="71">
        <v>8981</v>
      </c>
      <c r="JA8" s="71">
        <v>10074</v>
      </c>
      <c r="JB8" s="71">
        <v>6577</v>
      </c>
      <c r="JC8" s="71">
        <v>5781</v>
      </c>
      <c r="JD8" s="71">
        <v>3713</v>
      </c>
      <c r="JE8" s="72">
        <v>35126</v>
      </c>
      <c r="JF8" s="73">
        <v>50407</v>
      </c>
      <c r="JG8" s="70">
        <v>3755</v>
      </c>
      <c r="JH8" s="71">
        <v>5524</v>
      </c>
      <c r="JI8" s="72">
        <v>9279</v>
      </c>
      <c r="JJ8" s="244"/>
      <c r="JK8" s="71">
        <v>6877</v>
      </c>
      <c r="JL8" s="71">
        <v>10148</v>
      </c>
      <c r="JM8" s="71">
        <v>8007</v>
      </c>
      <c r="JN8" s="71">
        <v>8165</v>
      </c>
      <c r="JO8" s="71">
        <v>4907</v>
      </c>
      <c r="JP8" s="72">
        <v>38104</v>
      </c>
      <c r="JQ8" s="73">
        <v>47383</v>
      </c>
      <c r="JR8" s="70">
        <v>318</v>
      </c>
      <c r="JS8" s="71">
        <v>603</v>
      </c>
      <c r="JT8" s="72">
        <v>921</v>
      </c>
      <c r="JU8" s="244"/>
      <c r="JV8" s="71">
        <v>460</v>
      </c>
      <c r="JW8" s="71">
        <v>1057</v>
      </c>
      <c r="JX8" s="71">
        <v>632</v>
      </c>
      <c r="JY8" s="71">
        <v>570</v>
      </c>
      <c r="JZ8" s="71">
        <v>567</v>
      </c>
      <c r="KA8" s="72">
        <v>3286</v>
      </c>
      <c r="KB8" s="73">
        <v>4207</v>
      </c>
      <c r="KC8" s="70">
        <v>23237</v>
      </c>
      <c r="KD8" s="71">
        <v>29355</v>
      </c>
      <c r="KE8" s="72">
        <v>52592</v>
      </c>
      <c r="KF8" s="244"/>
      <c r="KG8" s="71">
        <v>29653</v>
      </c>
      <c r="KH8" s="71">
        <v>37425</v>
      </c>
      <c r="KI8" s="71">
        <v>25033</v>
      </c>
      <c r="KJ8" s="71">
        <v>23328</v>
      </c>
      <c r="KK8" s="71">
        <v>15519</v>
      </c>
      <c r="KL8" s="72">
        <v>130958</v>
      </c>
      <c r="KM8" s="73">
        <v>183550</v>
      </c>
    </row>
    <row r="9" spans="2:299" ht="21" customHeight="1" x14ac:dyDescent="0.2">
      <c r="B9" s="126" t="s">
        <v>6</v>
      </c>
      <c r="C9" s="315">
        <v>2600</v>
      </c>
      <c r="D9" s="82">
        <v>2283</v>
      </c>
      <c r="E9" s="83">
        <v>4883</v>
      </c>
      <c r="F9" s="241"/>
      <c r="G9" s="82">
        <v>4875</v>
      </c>
      <c r="H9" s="82">
        <v>3755</v>
      </c>
      <c r="I9" s="82">
        <v>2845</v>
      </c>
      <c r="J9" s="82">
        <v>2472</v>
      </c>
      <c r="K9" s="82">
        <v>1675</v>
      </c>
      <c r="L9" s="84">
        <v>15622</v>
      </c>
      <c r="M9" s="85">
        <v>20505</v>
      </c>
      <c r="N9" s="70">
        <v>144</v>
      </c>
      <c r="O9" s="71">
        <v>140</v>
      </c>
      <c r="P9" s="72">
        <v>284</v>
      </c>
      <c r="Q9" s="244"/>
      <c r="R9" s="71">
        <v>275</v>
      </c>
      <c r="S9" s="71">
        <v>222</v>
      </c>
      <c r="T9" s="71">
        <v>147</v>
      </c>
      <c r="U9" s="71">
        <v>145</v>
      </c>
      <c r="V9" s="71">
        <v>126</v>
      </c>
      <c r="W9" s="72">
        <v>915</v>
      </c>
      <c r="X9" s="73">
        <v>1199</v>
      </c>
      <c r="Y9" s="70">
        <v>293</v>
      </c>
      <c r="Z9" s="71">
        <v>276</v>
      </c>
      <c r="AA9" s="72">
        <v>569</v>
      </c>
      <c r="AB9" s="244"/>
      <c r="AC9" s="71">
        <v>537</v>
      </c>
      <c r="AD9" s="71">
        <v>489</v>
      </c>
      <c r="AE9" s="71">
        <v>361</v>
      </c>
      <c r="AF9" s="71">
        <v>318</v>
      </c>
      <c r="AG9" s="71">
        <v>241</v>
      </c>
      <c r="AH9" s="72">
        <v>1946</v>
      </c>
      <c r="AI9" s="73">
        <v>2515</v>
      </c>
      <c r="AJ9" s="70">
        <v>406</v>
      </c>
      <c r="AK9" s="71">
        <v>406</v>
      </c>
      <c r="AL9" s="72">
        <v>812</v>
      </c>
      <c r="AM9" s="244"/>
      <c r="AN9" s="71">
        <v>823</v>
      </c>
      <c r="AO9" s="71">
        <v>654</v>
      </c>
      <c r="AP9" s="71">
        <v>467</v>
      </c>
      <c r="AQ9" s="71">
        <v>430</v>
      </c>
      <c r="AR9" s="71">
        <v>335</v>
      </c>
      <c r="AS9" s="72">
        <v>2709</v>
      </c>
      <c r="AT9" s="73">
        <v>3521</v>
      </c>
      <c r="AU9" s="70">
        <v>587</v>
      </c>
      <c r="AV9" s="71">
        <v>508</v>
      </c>
      <c r="AW9" s="72">
        <v>1095</v>
      </c>
      <c r="AX9" s="244"/>
      <c r="AY9" s="71">
        <v>1226</v>
      </c>
      <c r="AZ9" s="71">
        <v>831</v>
      </c>
      <c r="BA9" s="71">
        <v>670</v>
      </c>
      <c r="BB9" s="71">
        <v>516</v>
      </c>
      <c r="BC9" s="71">
        <v>364</v>
      </c>
      <c r="BD9" s="72">
        <v>3607</v>
      </c>
      <c r="BE9" s="73">
        <v>4702</v>
      </c>
      <c r="BF9" s="70">
        <v>736</v>
      </c>
      <c r="BG9" s="71">
        <v>564</v>
      </c>
      <c r="BH9" s="72">
        <v>1300</v>
      </c>
      <c r="BI9" s="244"/>
      <c r="BJ9" s="71">
        <v>1172</v>
      </c>
      <c r="BK9" s="71">
        <v>887</v>
      </c>
      <c r="BL9" s="71">
        <v>654</v>
      </c>
      <c r="BM9" s="71">
        <v>567</v>
      </c>
      <c r="BN9" s="71">
        <v>370</v>
      </c>
      <c r="BO9" s="72">
        <v>3650</v>
      </c>
      <c r="BP9" s="73">
        <v>4950</v>
      </c>
      <c r="BQ9" s="70">
        <v>434</v>
      </c>
      <c r="BR9" s="71">
        <v>389</v>
      </c>
      <c r="BS9" s="72">
        <v>823</v>
      </c>
      <c r="BT9" s="244"/>
      <c r="BU9" s="71">
        <v>842</v>
      </c>
      <c r="BV9" s="71">
        <v>672</v>
      </c>
      <c r="BW9" s="71">
        <v>546</v>
      </c>
      <c r="BX9" s="71">
        <v>496</v>
      </c>
      <c r="BY9" s="71">
        <v>239</v>
      </c>
      <c r="BZ9" s="72">
        <v>2795</v>
      </c>
      <c r="CA9" s="73">
        <v>3618</v>
      </c>
      <c r="CB9" s="70">
        <v>74</v>
      </c>
      <c r="CC9" s="71">
        <v>93</v>
      </c>
      <c r="CD9" s="72">
        <v>167</v>
      </c>
      <c r="CE9" s="244"/>
      <c r="CF9" s="71">
        <v>172</v>
      </c>
      <c r="CG9" s="71">
        <v>196</v>
      </c>
      <c r="CH9" s="71">
        <v>112</v>
      </c>
      <c r="CI9" s="71">
        <v>137</v>
      </c>
      <c r="CJ9" s="71">
        <v>120</v>
      </c>
      <c r="CK9" s="72">
        <v>737</v>
      </c>
      <c r="CL9" s="73">
        <v>904</v>
      </c>
      <c r="CM9" s="70">
        <v>2674</v>
      </c>
      <c r="CN9" s="71">
        <v>2376</v>
      </c>
      <c r="CO9" s="72">
        <v>5050</v>
      </c>
      <c r="CP9" s="244"/>
      <c r="CQ9" s="71">
        <v>5047</v>
      </c>
      <c r="CR9" s="71">
        <v>3951</v>
      </c>
      <c r="CS9" s="71">
        <v>2957</v>
      </c>
      <c r="CT9" s="71">
        <v>2609</v>
      </c>
      <c r="CU9" s="71">
        <v>1795</v>
      </c>
      <c r="CV9" s="72">
        <v>16359</v>
      </c>
      <c r="CW9" s="73">
        <v>21409</v>
      </c>
      <c r="CX9" s="123">
        <v>5067</v>
      </c>
      <c r="CY9" s="82">
        <v>5264</v>
      </c>
      <c r="CZ9" s="83">
        <v>10331</v>
      </c>
      <c r="DA9" s="241"/>
      <c r="DB9" s="82">
        <v>8725</v>
      </c>
      <c r="DC9" s="82">
        <v>6468</v>
      </c>
      <c r="DD9" s="82">
        <v>5297</v>
      </c>
      <c r="DE9" s="82">
        <v>5399</v>
      </c>
      <c r="DF9" s="82">
        <v>3605</v>
      </c>
      <c r="DG9" s="84">
        <v>29494</v>
      </c>
      <c r="DH9" s="85">
        <v>39825</v>
      </c>
      <c r="DI9" s="70">
        <v>113</v>
      </c>
      <c r="DJ9" s="71">
        <v>113</v>
      </c>
      <c r="DK9" s="72">
        <v>226</v>
      </c>
      <c r="DL9" s="244"/>
      <c r="DM9" s="71">
        <v>174</v>
      </c>
      <c r="DN9" s="71">
        <v>118</v>
      </c>
      <c r="DO9" s="71">
        <v>105</v>
      </c>
      <c r="DP9" s="71">
        <v>108</v>
      </c>
      <c r="DQ9" s="71">
        <v>78</v>
      </c>
      <c r="DR9" s="72">
        <v>583</v>
      </c>
      <c r="DS9" s="73">
        <v>809</v>
      </c>
      <c r="DT9" s="70">
        <v>339</v>
      </c>
      <c r="DU9" s="71">
        <v>362</v>
      </c>
      <c r="DV9" s="72">
        <v>701</v>
      </c>
      <c r="DW9" s="244"/>
      <c r="DX9" s="71">
        <v>492</v>
      </c>
      <c r="DY9" s="71">
        <v>375</v>
      </c>
      <c r="DZ9" s="71">
        <v>268</v>
      </c>
      <c r="EA9" s="71">
        <v>273</v>
      </c>
      <c r="EB9" s="71">
        <v>188</v>
      </c>
      <c r="EC9" s="72">
        <v>1596</v>
      </c>
      <c r="ED9" s="73">
        <v>2297</v>
      </c>
      <c r="EE9" s="70">
        <v>758</v>
      </c>
      <c r="EF9" s="71">
        <v>789</v>
      </c>
      <c r="EG9" s="72">
        <v>1547</v>
      </c>
      <c r="EH9" s="244"/>
      <c r="EI9" s="71">
        <v>1067</v>
      </c>
      <c r="EJ9" s="71">
        <v>687</v>
      </c>
      <c r="EK9" s="71">
        <v>462</v>
      </c>
      <c r="EL9" s="71">
        <v>493</v>
      </c>
      <c r="EM9" s="71">
        <v>369</v>
      </c>
      <c r="EN9" s="72">
        <v>3078</v>
      </c>
      <c r="EO9" s="73">
        <v>4625</v>
      </c>
      <c r="EP9" s="70">
        <v>1541</v>
      </c>
      <c r="EQ9" s="71">
        <v>1373</v>
      </c>
      <c r="ER9" s="72">
        <v>2914</v>
      </c>
      <c r="ES9" s="244"/>
      <c r="ET9" s="71">
        <v>2054</v>
      </c>
      <c r="EU9" s="71">
        <v>1317</v>
      </c>
      <c r="EV9" s="71">
        <v>961</v>
      </c>
      <c r="EW9" s="71">
        <v>889</v>
      </c>
      <c r="EX9" s="71">
        <v>630</v>
      </c>
      <c r="EY9" s="72">
        <v>5851</v>
      </c>
      <c r="EZ9" s="73">
        <v>8765</v>
      </c>
      <c r="FA9" s="70">
        <v>1502</v>
      </c>
      <c r="FB9" s="71">
        <v>1593</v>
      </c>
      <c r="FC9" s="72">
        <v>3095</v>
      </c>
      <c r="FD9" s="244"/>
      <c r="FE9" s="71">
        <v>2658</v>
      </c>
      <c r="FF9" s="71">
        <v>1896</v>
      </c>
      <c r="FG9" s="71">
        <v>1469</v>
      </c>
      <c r="FH9" s="71">
        <v>1395</v>
      </c>
      <c r="FI9" s="71">
        <v>937</v>
      </c>
      <c r="FJ9" s="72">
        <v>8355</v>
      </c>
      <c r="FK9" s="73">
        <v>11450</v>
      </c>
      <c r="FL9" s="70">
        <v>814</v>
      </c>
      <c r="FM9" s="71">
        <v>1034</v>
      </c>
      <c r="FN9" s="72">
        <v>1848</v>
      </c>
      <c r="FO9" s="244"/>
      <c r="FP9" s="71">
        <v>2280</v>
      </c>
      <c r="FQ9" s="71">
        <v>2075</v>
      </c>
      <c r="FR9" s="71">
        <v>2032</v>
      </c>
      <c r="FS9" s="71">
        <v>2241</v>
      </c>
      <c r="FT9" s="71">
        <v>1403</v>
      </c>
      <c r="FU9" s="72">
        <v>10031</v>
      </c>
      <c r="FV9" s="73">
        <v>11879</v>
      </c>
      <c r="FW9" s="70">
        <v>53</v>
      </c>
      <c r="FX9" s="71">
        <v>81</v>
      </c>
      <c r="FY9" s="72">
        <v>134</v>
      </c>
      <c r="FZ9" s="244"/>
      <c r="GA9" s="71">
        <v>138</v>
      </c>
      <c r="GB9" s="71">
        <v>130</v>
      </c>
      <c r="GC9" s="71">
        <v>99</v>
      </c>
      <c r="GD9" s="71">
        <v>103</v>
      </c>
      <c r="GE9" s="71">
        <v>103</v>
      </c>
      <c r="GF9" s="72">
        <v>573</v>
      </c>
      <c r="GG9" s="73">
        <v>707</v>
      </c>
      <c r="GH9" s="70">
        <v>5120</v>
      </c>
      <c r="GI9" s="71">
        <v>5345</v>
      </c>
      <c r="GJ9" s="72">
        <v>10465</v>
      </c>
      <c r="GK9" s="244"/>
      <c r="GL9" s="71">
        <v>8863</v>
      </c>
      <c r="GM9" s="71">
        <v>6598</v>
      </c>
      <c r="GN9" s="71">
        <v>5396</v>
      </c>
      <c r="GO9" s="71">
        <v>5502</v>
      </c>
      <c r="GP9" s="71">
        <v>3708</v>
      </c>
      <c r="GQ9" s="72">
        <v>30067</v>
      </c>
      <c r="GR9" s="73">
        <v>40532</v>
      </c>
      <c r="GS9" s="123">
        <v>7667</v>
      </c>
      <c r="GT9" s="82">
        <v>7547</v>
      </c>
      <c r="GU9" s="83">
        <v>15214</v>
      </c>
      <c r="GV9" s="241"/>
      <c r="GW9" s="82">
        <v>13600</v>
      </c>
      <c r="GX9" s="82">
        <v>10223</v>
      </c>
      <c r="GY9" s="82">
        <v>8142</v>
      </c>
      <c r="GZ9" s="82">
        <v>7871</v>
      </c>
      <c r="HA9" s="82">
        <v>5280</v>
      </c>
      <c r="HB9" s="84">
        <v>45116</v>
      </c>
      <c r="HC9" s="85">
        <v>60330</v>
      </c>
      <c r="HD9" s="70">
        <v>257</v>
      </c>
      <c r="HE9" s="71">
        <v>253</v>
      </c>
      <c r="HF9" s="72">
        <v>510</v>
      </c>
      <c r="HG9" s="244"/>
      <c r="HH9" s="71">
        <v>449</v>
      </c>
      <c r="HI9" s="71">
        <v>340</v>
      </c>
      <c r="HJ9" s="71">
        <v>252</v>
      </c>
      <c r="HK9" s="71">
        <v>253</v>
      </c>
      <c r="HL9" s="71">
        <v>204</v>
      </c>
      <c r="HM9" s="72">
        <v>1498</v>
      </c>
      <c r="HN9" s="73">
        <v>2008</v>
      </c>
      <c r="HO9" s="70">
        <v>632</v>
      </c>
      <c r="HP9" s="71">
        <v>638</v>
      </c>
      <c r="HQ9" s="72">
        <v>1270</v>
      </c>
      <c r="HR9" s="244"/>
      <c r="HS9" s="71">
        <v>1029</v>
      </c>
      <c r="HT9" s="71">
        <v>864</v>
      </c>
      <c r="HU9" s="71">
        <v>629</v>
      </c>
      <c r="HV9" s="71">
        <v>591</v>
      </c>
      <c r="HW9" s="71">
        <v>429</v>
      </c>
      <c r="HX9" s="72">
        <v>3542</v>
      </c>
      <c r="HY9" s="73">
        <v>4812</v>
      </c>
      <c r="HZ9" s="70">
        <v>1164</v>
      </c>
      <c r="IA9" s="71">
        <v>1195</v>
      </c>
      <c r="IB9" s="72">
        <v>2359</v>
      </c>
      <c r="IC9" s="244"/>
      <c r="ID9" s="71">
        <v>1890</v>
      </c>
      <c r="IE9" s="71">
        <v>1341</v>
      </c>
      <c r="IF9" s="71">
        <v>929</v>
      </c>
      <c r="IG9" s="71">
        <v>923</v>
      </c>
      <c r="IH9" s="71">
        <v>704</v>
      </c>
      <c r="II9" s="72">
        <v>5787</v>
      </c>
      <c r="IJ9" s="73">
        <v>8146</v>
      </c>
      <c r="IK9" s="70">
        <v>2128</v>
      </c>
      <c r="IL9" s="71">
        <v>1881</v>
      </c>
      <c r="IM9" s="72">
        <v>4009</v>
      </c>
      <c r="IN9" s="244"/>
      <c r="IO9" s="71">
        <v>3280</v>
      </c>
      <c r="IP9" s="71">
        <v>2148</v>
      </c>
      <c r="IQ9" s="71">
        <v>1631</v>
      </c>
      <c r="IR9" s="71">
        <v>1405</v>
      </c>
      <c r="IS9" s="71">
        <v>994</v>
      </c>
      <c r="IT9" s="72">
        <v>9458</v>
      </c>
      <c r="IU9" s="73">
        <v>13467</v>
      </c>
      <c r="IV9" s="70">
        <v>2238</v>
      </c>
      <c r="IW9" s="71">
        <v>2157</v>
      </c>
      <c r="IX9" s="72">
        <v>4395</v>
      </c>
      <c r="IY9" s="244"/>
      <c r="IZ9" s="71">
        <v>3830</v>
      </c>
      <c r="JA9" s="71">
        <v>2783</v>
      </c>
      <c r="JB9" s="71">
        <v>2123</v>
      </c>
      <c r="JC9" s="71">
        <v>1962</v>
      </c>
      <c r="JD9" s="71">
        <v>1307</v>
      </c>
      <c r="JE9" s="72">
        <v>12005</v>
      </c>
      <c r="JF9" s="73">
        <v>16400</v>
      </c>
      <c r="JG9" s="70">
        <v>1248</v>
      </c>
      <c r="JH9" s="71">
        <v>1423</v>
      </c>
      <c r="JI9" s="72">
        <v>2671</v>
      </c>
      <c r="JJ9" s="244"/>
      <c r="JK9" s="71">
        <v>3122</v>
      </c>
      <c r="JL9" s="71">
        <v>2747</v>
      </c>
      <c r="JM9" s="71">
        <v>2578</v>
      </c>
      <c r="JN9" s="71">
        <v>2737</v>
      </c>
      <c r="JO9" s="71">
        <v>1642</v>
      </c>
      <c r="JP9" s="72">
        <v>12826</v>
      </c>
      <c r="JQ9" s="73">
        <v>15497</v>
      </c>
      <c r="JR9" s="70">
        <v>127</v>
      </c>
      <c r="JS9" s="71">
        <v>174</v>
      </c>
      <c r="JT9" s="72">
        <v>301</v>
      </c>
      <c r="JU9" s="244"/>
      <c r="JV9" s="71">
        <v>310</v>
      </c>
      <c r="JW9" s="71">
        <v>326</v>
      </c>
      <c r="JX9" s="71">
        <v>211</v>
      </c>
      <c r="JY9" s="71">
        <v>240</v>
      </c>
      <c r="JZ9" s="71">
        <v>223</v>
      </c>
      <c r="KA9" s="72">
        <v>1310</v>
      </c>
      <c r="KB9" s="73">
        <v>1611</v>
      </c>
      <c r="KC9" s="70">
        <v>7794</v>
      </c>
      <c r="KD9" s="71">
        <v>7721</v>
      </c>
      <c r="KE9" s="72">
        <v>15515</v>
      </c>
      <c r="KF9" s="244"/>
      <c r="KG9" s="71">
        <v>13910</v>
      </c>
      <c r="KH9" s="71">
        <v>10549</v>
      </c>
      <c r="KI9" s="71">
        <v>8353</v>
      </c>
      <c r="KJ9" s="71">
        <v>8111</v>
      </c>
      <c r="KK9" s="71">
        <v>5503</v>
      </c>
      <c r="KL9" s="72">
        <v>46426</v>
      </c>
      <c r="KM9" s="73">
        <v>61941</v>
      </c>
    </row>
    <row r="10" spans="2:299" ht="21" customHeight="1" x14ac:dyDescent="0.2">
      <c r="B10" s="126" t="s">
        <v>14</v>
      </c>
      <c r="C10" s="315">
        <v>1517</v>
      </c>
      <c r="D10" s="82">
        <v>1870</v>
      </c>
      <c r="E10" s="83">
        <v>3387</v>
      </c>
      <c r="F10" s="241"/>
      <c r="G10" s="82">
        <v>2213</v>
      </c>
      <c r="H10" s="82">
        <v>2462</v>
      </c>
      <c r="I10" s="82">
        <v>1880</v>
      </c>
      <c r="J10" s="82">
        <v>1447</v>
      </c>
      <c r="K10" s="82">
        <v>870</v>
      </c>
      <c r="L10" s="84">
        <v>8872</v>
      </c>
      <c r="M10" s="85">
        <v>12259</v>
      </c>
      <c r="N10" s="70">
        <v>71</v>
      </c>
      <c r="O10" s="71">
        <v>95</v>
      </c>
      <c r="P10" s="72">
        <v>166</v>
      </c>
      <c r="Q10" s="244"/>
      <c r="R10" s="71">
        <v>85</v>
      </c>
      <c r="S10" s="71">
        <v>121</v>
      </c>
      <c r="T10" s="71">
        <v>94</v>
      </c>
      <c r="U10" s="71">
        <v>77</v>
      </c>
      <c r="V10" s="71">
        <v>82</v>
      </c>
      <c r="W10" s="72">
        <v>459</v>
      </c>
      <c r="X10" s="73">
        <v>625</v>
      </c>
      <c r="Y10" s="70">
        <v>178</v>
      </c>
      <c r="Z10" s="71">
        <v>273</v>
      </c>
      <c r="AA10" s="72">
        <v>451</v>
      </c>
      <c r="AB10" s="244"/>
      <c r="AC10" s="71">
        <v>202</v>
      </c>
      <c r="AD10" s="71">
        <v>272</v>
      </c>
      <c r="AE10" s="71">
        <v>225</v>
      </c>
      <c r="AF10" s="71">
        <v>172</v>
      </c>
      <c r="AG10" s="71">
        <v>108</v>
      </c>
      <c r="AH10" s="72">
        <v>979</v>
      </c>
      <c r="AI10" s="73">
        <v>1430</v>
      </c>
      <c r="AJ10" s="70">
        <v>245</v>
      </c>
      <c r="AK10" s="71">
        <v>333</v>
      </c>
      <c r="AL10" s="72">
        <v>578</v>
      </c>
      <c r="AM10" s="244"/>
      <c r="AN10" s="71">
        <v>387</v>
      </c>
      <c r="AO10" s="71">
        <v>418</v>
      </c>
      <c r="AP10" s="71">
        <v>297</v>
      </c>
      <c r="AQ10" s="71">
        <v>242</v>
      </c>
      <c r="AR10" s="71">
        <v>172</v>
      </c>
      <c r="AS10" s="72">
        <v>1516</v>
      </c>
      <c r="AT10" s="73">
        <v>2094</v>
      </c>
      <c r="AU10" s="70">
        <v>439</v>
      </c>
      <c r="AV10" s="71">
        <v>498</v>
      </c>
      <c r="AW10" s="72">
        <v>937</v>
      </c>
      <c r="AX10" s="244"/>
      <c r="AY10" s="71">
        <v>591</v>
      </c>
      <c r="AZ10" s="71">
        <v>609</v>
      </c>
      <c r="BA10" s="71">
        <v>454</v>
      </c>
      <c r="BB10" s="71">
        <v>366</v>
      </c>
      <c r="BC10" s="71">
        <v>212</v>
      </c>
      <c r="BD10" s="72">
        <v>2232</v>
      </c>
      <c r="BE10" s="73">
        <v>3169</v>
      </c>
      <c r="BF10" s="70">
        <v>388</v>
      </c>
      <c r="BG10" s="71">
        <v>431</v>
      </c>
      <c r="BH10" s="72">
        <v>819</v>
      </c>
      <c r="BI10" s="244"/>
      <c r="BJ10" s="71">
        <v>602</v>
      </c>
      <c r="BK10" s="71">
        <v>602</v>
      </c>
      <c r="BL10" s="71">
        <v>473</v>
      </c>
      <c r="BM10" s="71">
        <v>348</v>
      </c>
      <c r="BN10" s="71">
        <v>179</v>
      </c>
      <c r="BO10" s="72">
        <v>2204</v>
      </c>
      <c r="BP10" s="73">
        <v>3023</v>
      </c>
      <c r="BQ10" s="70">
        <v>196</v>
      </c>
      <c r="BR10" s="71">
        <v>240</v>
      </c>
      <c r="BS10" s="72">
        <v>436</v>
      </c>
      <c r="BT10" s="244"/>
      <c r="BU10" s="71">
        <v>346</v>
      </c>
      <c r="BV10" s="71">
        <v>440</v>
      </c>
      <c r="BW10" s="71">
        <v>337</v>
      </c>
      <c r="BX10" s="71">
        <v>242</v>
      </c>
      <c r="BY10" s="71">
        <v>117</v>
      </c>
      <c r="BZ10" s="72">
        <v>1482</v>
      </c>
      <c r="CA10" s="73">
        <v>1918</v>
      </c>
      <c r="CB10" s="70">
        <v>36</v>
      </c>
      <c r="CC10" s="71">
        <v>88</v>
      </c>
      <c r="CD10" s="72">
        <v>124</v>
      </c>
      <c r="CE10" s="244"/>
      <c r="CF10" s="71">
        <v>42</v>
      </c>
      <c r="CG10" s="71">
        <v>111</v>
      </c>
      <c r="CH10" s="71">
        <v>60</v>
      </c>
      <c r="CI10" s="71">
        <v>77</v>
      </c>
      <c r="CJ10" s="71">
        <v>52</v>
      </c>
      <c r="CK10" s="72">
        <v>342</v>
      </c>
      <c r="CL10" s="73">
        <v>466</v>
      </c>
      <c r="CM10" s="70">
        <v>1553</v>
      </c>
      <c r="CN10" s="71">
        <v>1958</v>
      </c>
      <c r="CO10" s="72">
        <v>3511</v>
      </c>
      <c r="CP10" s="244"/>
      <c r="CQ10" s="71">
        <v>2255</v>
      </c>
      <c r="CR10" s="71">
        <v>2573</v>
      </c>
      <c r="CS10" s="71">
        <v>1940</v>
      </c>
      <c r="CT10" s="71">
        <v>1524</v>
      </c>
      <c r="CU10" s="71">
        <v>922</v>
      </c>
      <c r="CV10" s="72">
        <v>9214</v>
      </c>
      <c r="CW10" s="73">
        <v>12725</v>
      </c>
      <c r="CX10" s="123">
        <v>2817</v>
      </c>
      <c r="CY10" s="82">
        <v>4042</v>
      </c>
      <c r="CZ10" s="83">
        <v>6859</v>
      </c>
      <c r="DA10" s="241"/>
      <c r="DB10" s="82">
        <v>3671</v>
      </c>
      <c r="DC10" s="82">
        <v>4109</v>
      </c>
      <c r="DD10" s="82">
        <v>3127</v>
      </c>
      <c r="DE10" s="82">
        <v>3065</v>
      </c>
      <c r="DF10" s="82">
        <v>1884</v>
      </c>
      <c r="DG10" s="84">
        <v>15856</v>
      </c>
      <c r="DH10" s="85">
        <v>22715</v>
      </c>
      <c r="DI10" s="70">
        <v>73</v>
      </c>
      <c r="DJ10" s="71">
        <v>98</v>
      </c>
      <c r="DK10" s="72">
        <v>171</v>
      </c>
      <c r="DL10" s="244"/>
      <c r="DM10" s="71">
        <v>62</v>
      </c>
      <c r="DN10" s="71">
        <v>98</v>
      </c>
      <c r="DO10" s="71">
        <v>67</v>
      </c>
      <c r="DP10" s="71">
        <v>52</v>
      </c>
      <c r="DQ10" s="71">
        <v>43</v>
      </c>
      <c r="DR10" s="72">
        <v>322</v>
      </c>
      <c r="DS10" s="73">
        <v>493</v>
      </c>
      <c r="DT10" s="70">
        <v>222</v>
      </c>
      <c r="DU10" s="71">
        <v>364</v>
      </c>
      <c r="DV10" s="72">
        <v>586</v>
      </c>
      <c r="DW10" s="244"/>
      <c r="DX10" s="71">
        <v>200</v>
      </c>
      <c r="DY10" s="71">
        <v>296</v>
      </c>
      <c r="DZ10" s="71">
        <v>160</v>
      </c>
      <c r="EA10" s="71">
        <v>156</v>
      </c>
      <c r="EB10" s="71">
        <v>124</v>
      </c>
      <c r="EC10" s="72">
        <v>936</v>
      </c>
      <c r="ED10" s="73">
        <v>1522</v>
      </c>
      <c r="EE10" s="70">
        <v>554</v>
      </c>
      <c r="EF10" s="71">
        <v>675</v>
      </c>
      <c r="EG10" s="72">
        <v>1229</v>
      </c>
      <c r="EH10" s="244"/>
      <c r="EI10" s="71">
        <v>495</v>
      </c>
      <c r="EJ10" s="71">
        <v>544</v>
      </c>
      <c r="EK10" s="71">
        <v>358</v>
      </c>
      <c r="EL10" s="71">
        <v>328</v>
      </c>
      <c r="EM10" s="71">
        <v>246</v>
      </c>
      <c r="EN10" s="72">
        <v>1971</v>
      </c>
      <c r="EO10" s="73">
        <v>3200</v>
      </c>
      <c r="EP10" s="70">
        <v>848</v>
      </c>
      <c r="EQ10" s="71">
        <v>1159</v>
      </c>
      <c r="ER10" s="72">
        <v>2007</v>
      </c>
      <c r="ES10" s="244"/>
      <c r="ET10" s="71">
        <v>1017</v>
      </c>
      <c r="EU10" s="71">
        <v>949</v>
      </c>
      <c r="EV10" s="71">
        <v>656</v>
      </c>
      <c r="EW10" s="71">
        <v>542</v>
      </c>
      <c r="EX10" s="71">
        <v>352</v>
      </c>
      <c r="EY10" s="72">
        <v>3516</v>
      </c>
      <c r="EZ10" s="73">
        <v>5523</v>
      </c>
      <c r="FA10" s="70">
        <v>766</v>
      </c>
      <c r="FB10" s="71">
        <v>1117</v>
      </c>
      <c r="FC10" s="72">
        <v>1883</v>
      </c>
      <c r="FD10" s="244"/>
      <c r="FE10" s="71">
        <v>1081</v>
      </c>
      <c r="FF10" s="71">
        <v>1128</v>
      </c>
      <c r="FG10" s="71">
        <v>800</v>
      </c>
      <c r="FH10" s="71">
        <v>790</v>
      </c>
      <c r="FI10" s="71">
        <v>478</v>
      </c>
      <c r="FJ10" s="72">
        <v>4277</v>
      </c>
      <c r="FK10" s="73">
        <v>6160</v>
      </c>
      <c r="FL10" s="70">
        <v>354</v>
      </c>
      <c r="FM10" s="71">
        <v>629</v>
      </c>
      <c r="FN10" s="72">
        <v>983</v>
      </c>
      <c r="FO10" s="244"/>
      <c r="FP10" s="71">
        <v>816</v>
      </c>
      <c r="FQ10" s="71">
        <v>1094</v>
      </c>
      <c r="FR10" s="71">
        <v>1086</v>
      </c>
      <c r="FS10" s="71">
        <v>1197</v>
      </c>
      <c r="FT10" s="71">
        <v>641</v>
      </c>
      <c r="FU10" s="72">
        <v>4834</v>
      </c>
      <c r="FV10" s="73">
        <v>5817</v>
      </c>
      <c r="FW10" s="70">
        <v>19</v>
      </c>
      <c r="FX10" s="71">
        <v>75</v>
      </c>
      <c r="FY10" s="72">
        <v>94</v>
      </c>
      <c r="FZ10" s="244"/>
      <c r="GA10" s="71">
        <v>44</v>
      </c>
      <c r="GB10" s="71">
        <v>89</v>
      </c>
      <c r="GC10" s="71">
        <v>45</v>
      </c>
      <c r="GD10" s="71">
        <v>45</v>
      </c>
      <c r="GE10" s="71">
        <v>53</v>
      </c>
      <c r="GF10" s="72">
        <v>276</v>
      </c>
      <c r="GG10" s="73">
        <v>370</v>
      </c>
      <c r="GH10" s="70">
        <v>2836</v>
      </c>
      <c r="GI10" s="71">
        <v>4117</v>
      </c>
      <c r="GJ10" s="72">
        <v>6953</v>
      </c>
      <c r="GK10" s="244"/>
      <c r="GL10" s="71">
        <v>3715</v>
      </c>
      <c r="GM10" s="71">
        <v>4198</v>
      </c>
      <c r="GN10" s="71">
        <v>3172</v>
      </c>
      <c r="GO10" s="71">
        <v>3110</v>
      </c>
      <c r="GP10" s="71">
        <v>1937</v>
      </c>
      <c r="GQ10" s="72">
        <v>16132</v>
      </c>
      <c r="GR10" s="73">
        <v>23085</v>
      </c>
      <c r="GS10" s="123">
        <v>4334</v>
      </c>
      <c r="GT10" s="82">
        <v>5912</v>
      </c>
      <c r="GU10" s="83">
        <v>10246</v>
      </c>
      <c r="GV10" s="241"/>
      <c r="GW10" s="82">
        <v>5884</v>
      </c>
      <c r="GX10" s="82">
        <v>6571</v>
      </c>
      <c r="GY10" s="82">
        <v>5007</v>
      </c>
      <c r="GZ10" s="82">
        <v>4512</v>
      </c>
      <c r="HA10" s="82">
        <v>2754</v>
      </c>
      <c r="HB10" s="84">
        <v>24728</v>
      </c>
      <c r="HC10" s="85">
        <v>34974</v>
      </c>
      <c r="HD10" s="70">
        <v>144</v>
      </c>
      <c r="HE10" s="71">
        <v>193</v>
      </c>
      <c r="HF10" s="72">
        <v>337</v>
      </c>
      <c r="HG10" s="244"/>
      <c r="HH10" s="71">
        <v>147</v>
      </c>
      <c r="HI10" s="71">
        <v>219</v>
      </c>
      <c r="HJ10" s="71">
        <v>161</v>
      </c>
      <c r="HK10" s="71">
        <v>129</v>
      </c>
      <c r="HL10" s="71">
        <v>125</v>
      </c>
      <c r="HM10" s="72">
        <v>781</v>
      </c>
      <c r="HN10" s="73">
        <v>1118</v>
      </c>
      <c r="HO10" s="70">
        <v>400</v>
      </c>
      <c r="HP10" s="71">
        <v>637</v>
      </c>
      <c r="HQ10" s="72">
        <v>1037</v>
      </c>
      <c r="HR10" s="244"/>
      <c r="HS10" s="71">
        <v>402</v>
      </c>
      <c r="HT10" s="71">
        <v>568</v>
      </c>
      <c r="HU10" s="71">
        <v>385</v>
      </c>
      <c r="HV10" s="71">
        <v>328</v>
      </c>
      <c r="HW10" s="71">
        <v>232</v>
      </c>
      <c r="HX10" s="72">
        <v>1915</v>
      </c>
      <c r="HY10" s="73">
        <v>2952</v>
      </c>
      <c r="HZ10" s="70">
        <v>799</v>
      </c>
      <c r="IA10" s="71">
        <v>1008</v>
      </c>
      <c r="IB10" s="72">
        <v>1807</v>
      </c>
      <c r="IC10" s="244"/>
      <c r="ID10" s="71">
        <v>882</v>
      </c>
      <c r="IE10" s="71">
        <v>962</v>
      </c>
      <c r="IF10" s="71">
        <v>655</v>
      </c>
      <c r="IG10" s="71">
        <v>570</v>
      </c>
      <c r="IH10" s="71">
        <v>418</v>
      </c>
      <c r="II10" s="72">
        <v>3487</v>
      </c>
      <c r="IJ10" s="73">
        <v>5294</v>
      </c>
      <c r="IK10" s="70">
        <v>1287</v>
      </c>
      <c r="IL10" s="71">
        <v>1657</v>
      </c>
      <c r="IM10" s="72">
        <v>2944</v>
      </c>
      <c r="IN10" s="244"/>
      <c r="IO10" s="71">
        <v>1608</v>
      </c>
      <c r="IP10" s="71">
        <v>1558</v>
      </c>
      <c r="IQ10" s="71">
        <v>1110</v>
      </c>
      <c r="IR10" s="71">
        <v>908</v>
      </c>
      <c r="IS10" s="71">
        <v>564</v>
      </c>
      <c r="IT10" s="72">
        <v>5748</v>
      </c>
      <c r="IU10" s="73">
        <v>8692</v>
      </c>
      <c r="IV10" s="70">
        <v>1154</v>
      </c>
      <c r="IW10" s="71">
        <v>1548</v>
      </c>
      <c r="IX10" s="72">
        <v>2702</v>
      </c>
      <c r="IY10" s="244"/>
      <c r="IZ10" s="71">
        <v>1683</v>
      </c>
      <c r="JA10" s="71">
        <v>1730</v>
      </c>
      <c r="JB10" s="71">
        <v>1273</v>
      </c>
      <c r="JC10" s="71">
        <v>1138</v>
      </c>
      <c r="JD10" s="71">
        <v>657</v>
      </c>
      <c r="JE10" s="72">
        <v>6481</v>
      </c>
      <c r="JF10" s="73">
        <v>9183</v>
      </c>
      <c r="JG10" s="70">
        <v>550</v>
      </c>
      <c r="JH10" s="71">
        <v>869</v>
      </c>
      <c r="JI10" s="72">
        <v>1419</v>
      </c>
      <c r="JJ10" s="244"/>
      <c r="JK10" s="71">
        <v>1162</v>
      </c>
      <c r="JL10" s="71">
        <v>1534</v>
      </c>
      <c r="JM10" s="71">
        <v>1423</v>
      </c>
      <c r="JN10" s="71">
        <v>1439</v>
      </c>
      <c r="JO10" s="71">
        <v>758</v>
      </c>
      <c r="JP10" s="72">
        <v>6316</v>
      </c>
      <c r="JQ10" s="73">
        <v>7735</v>
      </c>
      <c r="JR10" s="70">
        <v>55</v>
      </c>
      <c r="JS10" s="71">
        <v>163</v>
      </c>
      <c r="JT10" s="72">
        <v>218</v>
      </c>
      <c r="JU10" s="244"/>
      <c r="JV10" s="71">
        <v>86</v>
      </c>
      <c r="JW10" s="71">
        <v>200</v>
      </c>
      <c r="JX10" s="71">
        <v>105</v>
      </c>
      <c r="JY10" s="71">
        <v>122</v>
      </c>
      <c r="JZ10" s="71">
        <v>105</v>
      </c>
      <c r="KA10" s="72">
        <v>618</v>
      </c>
      <c r="KB10" s="73">
        <v>836</v>
      </c>
      <c r="KC10" s="70">
        <v>4389</v>
      </c>
      <c r="KD10" s="71">
        <v>6075</v>
      </c>
      <c r="KE10" s="72">
        <v>10464</v>
      </c>
      <c r="KF10" s="244"/>
      <c r="KG10" s="71">
        <v>5970</v>
      </c>
      <c r="KH10" s="71">
        <v>6771</v>
      </c>
      <c r="KI10" s="71">
        <v>5112</v>
      </c>
      <c r="KJ10" s="71">
        <v>4634</v>
      </c>
      <c r="KK10" s="71">
        <v>2859</v>
      </c>
      <c r="KL10" s="72">
        <v>25346</v>
      </c>
      <c r="KM10" s="73">
        <v>35810</v>
      </c>
    </row>
    <row r="11" spans="2:299" ht="21" customHeight="1" x14ac:dyDescent="0.2">
      <c r="B11" s="126" t="s">
        <v>7</v>
      </c>
      <c r="C11" s="315">
        <v>960</v>
      </c>
      <c r="D11" s="82">
        <v>727</v>
      </c>
      <c r="E11" s="83">
        <v>1687</v>
      </c>
      <c r="F11" s="241"/>
      <c r="G11" s="82">
        <v>2297</v>
      </c>
      <c r="H11" s="82">
        <v>1519</v>
      </c>
      <c r="I11" s="82">
        <v>964</v>
      </c>
      <c r="J11" s="82">
        <v>831</v>
      </c>
      <c r="K11" s="82">
        <v>438</v>
      </c>
      <c r="L11" s="84">
        <v>6049</v>
      </c>
      <c r="M11" s="85">
        <v>7736</v>
      </c>
      <c r="N11" s="70">
        <v>39</v>
      </c>
      <c r="O11" s="71">
        <v>21</v>
      </c>
      <c r="P11" s="72">
        <v>60</v>
      </c>
      <c r="Q11" s="244"/>
      <c r="R11" s="71">
        <v>102</v>
      </c>
      <c r="S11" s="71">
        <v>68</v>
      </c>
      <c r="T11" s="71">
        <v>47</v>
      </c>
      <c r="U11" s="71">
        <v>39</v>
      </c>
      <c r="V11" s="71">
        <v>31</v>
      </c>
      <c r="W11" s="72">
        <v>287</v>
      </c>
      <c r="X11" s="73">
        <v>347</v>
      </c>
      <c r="Y11" s="70">
        <v>93</v>
      </c>
      <c r="Z11" s="71">
        <v>77</v>
      </c>
      <c r="AA11" s="72">
        <v>170</v>
      </c>
      <c r="AB11" s="244"/>
      <c r="AC11" s="71">
        <v>233</v>
      </c>
      <c r="AD11" s="71">
        <v>167</v>
      </c>
      <c r="AE11" s="71">
        <v>107</v>
      </c>
      <c r="AF11" s="71">
        <v>84</v>
      </c>
      <c r="AG11" s="71">
        <v>66</v>
      </c>
      <c r="AH11" s="72">
        <v>657</v>
      </c>
      <c r="AI11" s="73">
        <v>827</v>
      </c>
      <c r="AJ11" s="70">
        <v>142</v>
      </c>
      <c r="AK11" s="71">
        <v>116</v>
      </c>
      <c r="AL11" s="72">
        <v>258</v>
      </c>
      <c r="AM11" s="244"/>
      <c r="AN11" s="71">
        <v>375</v>
      </c>
      <c r="AO11" s="71">
        <v>234</v>
      </c>
      <c r="AP11" s="71">
        <v>173</v>
      </c>
      <c r="AQ11" s="71">
        <v>131</v>
      </c>
      <c r="AR11" s="71">
        <v>77</v>
      </c>
      <c r="AS11" s="72">
        <v>990</v>
      </c>
      <c r="AT11" s="73">
        <v>1248</v>
      </c>
      <c r="AU11" s="70">
        <v>239</v>
      </c>
      <c r="AV11" s="71">
        <v>162</v>
      </c>
      <c r="AW11" s="72">
        <v>401</v>
      </c>
      <c r="AX11" s="244"/>
      <c r="AY11" s="71">
        <v>554</v>
      </c>
      <c r="AZ11" s="71">
        <v>395</v>
      </c>
      <c r="BA11" s="71">
        <v>219</v>
      </c>
      <c r="BB11" s="71">
        <v>196</v>
      </c>
      <c r="BC11" s="71">
        <v>100</v>
      </c>
      <c r="BD11" s="72">
        <v>1464</v>
      </c>
      <c r="BE11" s="73">
        <v>1865</v>
      </c>
      <c r="BF11" s="70">
        <v>282</v>
      </c>
      <c r="BG11" s="71">
        <v>232</v>
      </c>
      <c r="BH11" s="72">
        <v>514</v>
      </c>
      <c r="BI11" s="244"/>
      <c r="BJ11" s="71">
        <v>602</v>
      </c>
      <c r="BK11" s="71">
        <v>362</v>
      </c>
      <c r="BL11" s="71">
        <v>254</v>
      </c>
      <c r="BM11" s="71">
        <v>207</v>
      </c>
      <c r="BN11" s="71">
        <v>94</v>
      </c>
      <c r="BO11" s="72">
        <v>1519</v>
      </c>
      <c r="BP11" s="73">
        <v>2033</v>
      </c>
      <c r="BQ11" s="70">
        <v>165</v>
      </c>
      <c r="BR11" s="71">
        <v>119</v>
      </c>
      <c r="BS11" s="72">
        <v>284</v>
      </c>
      <c r="BT11" s="244"/>
      <c r="BU11" s="71">
        <v>431</v>
      </c>
      <c r="BV11" s="71">
        <v>293</v>
      </c>
      <c r="BW11" s="71">
        <v>164</v>
      </c>
      <c r="BX11" s="71">
        <v>174</v>
      </c>
      <c r="BY11" s="71">
        <v>70</v>
      </c>
      <c r="BZ11" s="72">
        <v>1132</v>
      </c>
      <c r="CA11" s="73">
        <v>1416</v>
      </c>
      <c r="CB11" s="70">
        <v>13</v>
      </c>
      <c r="CC11" s="71">
        <v>17</v>
      </c>
      <c r="CD11" s="72">
        <v>30</v>
      </c>
      <c r="CE11" s="244"/>
      <c r="CF11" s="71">
        <v>64</v>
      </c>
      <c r="CG11" s="71">
        <v>55</v>
      </c>
      <c r="CH11" s="71">
        <v>33</v>
      </c>
      <c r="CI11" s="71">
        <v>40</v>
      </c>
      <c r="CJ11" s="71">
        <v>26</v>
      </c>
      <c r="CK11" s="72">
        <v>218</v>
      </c>
      <c r="CL11" s="73">
        <v>248</v>
      </c>
      <c r="CM11" s="70">
        <v>973</v>
      </c>
      <c r="CN11" s="71">
        <v>744</v>
      </c>
      <c r="CO11" s="72">
        <v>1717</v>
      </c>
      <c r="CP11" s="244"/>
      <c r="CQ11" s="71">
        <v>2361</v>
      </c>
      <c r="CR11" s="71">
        <v>1574</v>
      </c>
      <c r="CS11" s="71">
        <v>997</v>
      </c>
      <c r="CT11" s="71">
        <v>871</v>
      </c>
      <c r="CU11" s="71">
        <v>464</v>
      </c>
      <c r="CV11" s="72">
        <v>6267</v>
      </c>
      <c r="CW11" s="73">
        <v>7984</v>
      </c>
      <c r="CX11" s="123">
        <v>1867</v>
      </c>
      <c r="CY11" s="82">
        <v>1958</v>
      </c>
      <c r="CZ11" s="83">
        <v>3825</v>
      </c>
      <c r="DA11" s="241"/>
      <c r="DB11" s="82">
        <v>4340</v>
      </c>
      <c r="DC11" s="82">
        <v>2606</v>
      </c>
      <c r="DD11" s="82">
        <v>1992</v>
      </c>
      <c r="DE11" s="82">
        <v>2061</v>
      </c>
      <c r="DF11" s="82">
        <v>1159</v>
      </c>
      <c r="DG11" s="84">
        <v>12158</v>
      </c>
      <c r="DH11" s="85">
        <v>15983</v>
      </c>
      <c r="DI11" s="70">
        <v>40</v>
      </c>
      <c r="DJ11" s="71">
        <v>42</v>
      </c>
      <c r="DK11" s="72">
        <v>82</v>
      </c>
      <c r="DL11" s="244"/>
      <c r="DM11" s="71">
        <v>78</v>
      </c>
      <c r="DN11" s="71">
        <v>40</v>
      </c>
      <c r="DO11" s="71">
        <v>36</v>
      </c>
      <c r="DP11" s="71">
        <v>37</v>
      </c>
      <c r="DQ11" s="71">
        <v>40</v>
      </c>
      <c r="DR11" s="72">
        <v>231</v>
      </c>
      <c r="DS11" s="73">
        <v>313</v>
      </c>
      <c r="DT11" s="70">
        <v>126</v>
      </c>
      <c r="DU11" s="71">
        <v>107</v>
      </c>
      <c r="DV11" s="72">
        <v>233</v>
      </c>
      <c r="DW11" s="244"/>
      <c r="DX11" s="71">
        <v>265</v>
      </c>
      <c r="DY11" s="71">
        <v>173</v>
      </c>
      <c r="DZ11" s="71">
        <v>91</v>
      </c>
      <c r="EA11" s="71">
        <v>99</v>
      </c>
      <c r="EB11" s="71">
        <v>49</v>
      </c>
      <c r="EC11" s="72">
        <v>677</v>
      </c>
      <c r="ED11" s="73">
        <v>910</v>
      </c>
      <c r="EE11" s="70">
        <v>283</v>
      </c>
      <c r="EF11" s="71">
        <v>269</v>
      </c>
      <c r="EG11" s="72">
        <v>552</v>
      </c>
      <c r="EH11" s="244"/>
      <c r="EI11" s="71">
        <v>537</v>
      </c>
      <c r="EJ11" s="71">
        <v>284</v>
      </c>
      <c r="EK11" s="71">
        <v>198</v>
      </c>
      <c r="EL11" s="71">
        <v>197</v>
      </c>
      <c r="EM11" s="71">
        <v>134</v>
      </c>
      <c r="EN11" s="72">
        <v>1350</v>
      </c>
      <c r="EO11" s="73">
        <v>1902</v>
      </c>
      <c r="EP11" s="70">
        <v>554</v>
      </c>
      <c r="EQ11" s="71">
        <v>527</v>
      </c>
      <c r="ER11" s="72">
        <v>1081</v>
      </c>
      <c r="ES11" s="244"/>
      <c r="ET11" s="71">
        <v>1020</v>
      </c>
      <c r="EU11" s="71">
        <v>512</v>
      </c>
      <c r="EV11" s="71">
        <v>337</v>
      </c>
      <c r="EW11" s="71">
        <v>354</v>
      </c>
      <c r="EX11" s="71">
        <v>208</v>
      </c>
      <c r="EY11" s="72">
        <v>2431</v>
      </c>
      <c r="EZ11" s="73">
        <v>3512</v>
      </c>
      <c r="FA11" s="70">
        <v>559</v>
      </c>
      <c r="FB11" s="71">
        <v>607</v>
      </c>
      <c r="FC11" s="72">
        <v>1166</v>
      </c>
      <c r="FD11" s="244"/>
      <c r="FE11" s="71">
        <v>1299</v>
      </c>
      <c r="FF11" s="71">
        <v>727</v>
      </c>
      <c r="FG11" s="71">
        <v>546</v>
      </c>
      <c r="FH11" s="71">
        <v>532</v>
      </c>
      <c r="FI11" s="71">
        <v>289</v>
      </c>
      <c r="FJ11" s="72">
        <v>3393</v>
      </c>
      <c r="FK11" s="73">
        <v>4559</v>
      </c>
      <c r="FL11" s="70">
        <v>305</v>
      </c>
      <c r="FM11" s="71">
        <v>406</v>
      </c>
      <c r="FN11" s="72">
        <v>711</v>
      </c>
      <c r="FO11" s="244"/>
      <c r="FP11" s="71">
        <v>1141</v>
      </c>
      <c r="FQ11" s="71">
        <v>870</v>
      </c>
      <c r="FR11" s="71">
        <v>784</v>
      </c>
      <c r="FS11" s="71">
        <v>842</v>
      </c>
      <c r="FT11" s="71">
        <v>439</v>
      </c>
      <c r="FU11" s="72">
        <v>4076</v>
      </c>
      <c r="FV11" s="73">
        <v>4787</v>
      </c>
      <c r="FW11" s="70">
        <v>11</v>
      </c>
      <c r="FX11" s="71">
        <v>15</v>
      </c>
      <c r="FY11" s="72">
        <v>26</v>
      </c>
      <c r="FZ11" s="244"/>
      <c r="GA11" s="71">
        <v>68</v>
      </c>
      <c r="GB11" s="71">
        <v>57</v>
      </c>
      <c r="GC11" s="71">
        <v>33</v>
      </c>
      <c r="GD11" s="71">
        <v>22</v>
      </c>
      <c r="GE11" s="71">
        <v>30</v>
      </c>
      <c r="GF11" s="72">
        <v>210</v>
      </c>
      <c r="GG11" s="73">
        <v>236</v>
      </c>
      <c r="GH11" s="70">
        <v>1878</v>
      </c>
      <c r="GI11" s="71">
        <v>1973</v>
      </c>
      <c r="GJ11" s="72">
        <v>3851</v>
      </c>
      <c r="GK11" s="244"/>
      <c r="GL11" s="71">
        <v>4408</v>
      </c>
      <c r="GM11" s="71">
        <v>2663</v>
      </c>
      <c r="GN11" s="71">
        <v>2025</v>
      </c>
      <c r="GO11" s="71">
        <v>2083</v>
      </c>
      <c r="GP11" s="71">
        <v>1189</v>
      </c>
      <c r="GQ11" s="72">
        <v>12368</v>
      </c>
      <c r="GR11" s="73">
        <v>16219</v>
      </c>
      <c r="GS11" s="123">
        <v>2827</v>
      </c>
      <c r="GT11" s="82">
        <v>2685</v>
      </c>
      <c r="GU11" s="83">
        <v>5512</v>
      </c>
      <c r="GV11" s="241"/>
      <c r="GW11" s="82">
        <v>6637</v>
      </c>
      <c r="GX11" s="82">
        <v>4125</v>
      </c>
      <c r="GY11" s="82">
        <v>2956</v>
      </c>
      <c r="GZ11" s="82">
        <v>2892</v>
      </c>
      <c r="HA11" s="82">
        <v>1597</v>
      </c>
      <c r="HB11" s="84">
        <v>18207</v>
      </c>
      <c r="HC11" s="85">
        <v>23719</v>
      </c>
      <c r="HD11" s="70">
        <v>79</v>
      </c>
      <c r="HE11" s="71">
        <v>63</v>
      </c>
      <c r="HF11" s="72">
        <v>142</v>
      </c>
      <c r="HG11" s="244"/>
      <c r="HH11" s="71">
        <v>180</v>
      </c>
      <c r="HI11" s="71">
        <v>108</v>
      </c>
      <c r="HJ11" s="71">
        <v>83</v>
      </c>
      <c r="HK11" s="71">
        <v>76</v>
      </c>
      <c r="HL11" s="71">
        <v>71</v>
      </c>
      <c r="HM11" s="72">
        <v>518</v>
      </c>
      <c r="HN11" s="73">
        <v>660</v>
      </c>
      <c r="HO11" s="70">
        <v>219</v>
      </c>
      <c r="HP11" s="71">
        <v>184</v>
      </c>
      <c r="HQ11" s="72">
        <v>403</v>
      </c>
      <c r="HR11" s="244"/>
      <c r="HS11" s="71">
        <v>498</v>
      </c>
      <c r="HT11" s="71">
        <v>340</v>
      </c>
      <c r="HU11" s="71">
        <v>198</v>
      </c>
      <c r="HV11" s="71">
        <v>183</v>
      </c>
      <c r="HW11" s="71">
        <v>115</v>
      </c>
      <c r="HX11" s="72">
        <v>1334</v>
      </c>
      <c r="HY11" s="73">
        <v>1737</v>
      </c>
      <c r="HZ11" s="70">
        <v>425</v>
      </c>
      <c r="IA11" s="71">
        <v>385</v>
      </c>
      <c r="IB11" s="72">
        <v>810</v>
      </c>
      <c r="IC11" s="244"/>
      <c r="ID11" s="71">
        <v>912</v>
      </c>
      <c r="IE11" s="71">
        <v>518</v>
      </c>
      <c r="IF11" s="71">
        <v>371</v>
      </c>
      <c r="IG11" s="71">
        <v>328</v>
      </c>
      <c r="IH11" s="71">
        <v>211</v>
      </c>
      <c r="II11" s="72">
        <v>2340</v>
      </c>
      <c r="IJ11" s="73">
        <v>3150</v>
      </c>
      <c r="IK11" s="70">
        <v>793</v>
      </c>
      <c r="IL11" s="71">
        <v>689</v>
      </c>
      <c r="IM11" s="72">
        <v>1482</v>
      </c>
      <c r="IN11" s="244"/>
      <c r="IO11" s="71">
        <v>1574</v>
      </c>
      <c r="IP11" s="71">
        <v>907</v>
      </c>
      <c r="IQ11" s="71">
        <v>556</v>
      </c>
      <c r="IR11" s="71">
        <v>550</v>
      </c>
      <c r="IS11" s="71">
        <v>308</v>
      </c>
      <c r="IT11" s="72">
        <v>3895</v>
      </c>
      <c r="IU11" s="73">
        <v>5377</v>
      </c>
      <c r="IV11" s="70">
        <v>841</v>
      </c>
      <c r="IW11" s="71">
        <v>839</v>
      </c>
      <c r="IX11" s="72">
        <v>1680</v>
      </c>
      <c r="IY11" s="244"/>
      <c r="IZ11" s="71">
        <v>1901</v>
      </c>
      <c r="JA11" s="71">
        <v>1089</v>
      </c>
      <c r="JB11" s="71">
        <v>800</v>
      </c>
      <c r="JC11" s="71">
        <v>739</v>
      </c>
      <c r="JD11" s="71">
        <v>383</v>
      </c>
      <c r="JE11" s="72">
        <v>4912</v>
      </c>
      <c r="JF11" s="73">
        <v>6592</v>
      </c>
      <c r="JG11" s="70">
        <v>470</v>
      </c>
      <c r="JH11" s="71">
        <v>525</v>
      </c>
      <c r="JI11" s="72">
        <v>995</v>
      </c>
      <c r="JJ11" s="244"/>
      <c r="JK11" s="71">
        <v>1572</v>
      </c>
      <c r="JL11" s="71">
        <v>1163</v>
      </c>
      <c r="JM11" s="71">
        <v>948</v>
      </c>
      <c r="JN11" s="71">
        <v>1016</v>
      </c>
      <c r="JO11" s="71">
        <v>509</v>
      </c>
      <c r="JP11" s="72">
        <v>5208</v>
      </c>
      <c r="JQ11" s="73">
        <v>6203</v>
      </c>
      <c r="JR11" s="70">
        <v>24</v>
      </c>
      <c r="JS11" s="71">
        <v>32</v>
      </c>
      <c r="JT11" s="72">
        <v>56</v>
      </c>
      <c r="JU11" s="244"/>
      <c r="JV11" s="71">
        <v>132</v>
      </c>
      <c r="JW11" s="71">
        <v>112</v>
      </c>
      <c r="JX11" s="71">
        <v>66</v>
      </c>
      <c r="JY11" s="71">
        <v>62</v>
      </c>
      <c r="JZ11" s="71">
        <v>56</v>
      </c>
      <c r="KA11" s="72">
        <v>428</v>
      </c>
      <c r="KB11" s="73">
        <v>484</v>
      </c>
      <c r="KC11" s="70">
        <v>2851</v>
      </c>
      <c r="KD11" s="71">
        <v>2717</v>
      </c>
      <c r="KE11" s="72">
        <v>5568</v>
      </c>
      <c r="KF11" s="244"/>
      <c r="KG11" s="71">
        <v>6769</v>
      </c>
      <c r="KH11" s="71">
        <v>4237</v>
      </c>
      <c r="KI11" s="71">
        <v>3022</v>
      </c>
      <c r="KJ11" s="71">
        <v>2954</v>
      </c>
      <c r="KK11" s="71">
        <v>1653</v>
      </c>
      <c r="KL11" s="72">
        <v>18635</v>
      </c>
      <c r="KM11" s="73">
        <v>24203</v>
      </c>
    </row>
    <row r="12" spans="2:299" ht="21" customHeight="1" x14ac:dyDescent="0.2">
      <c r="B12" s="126" t="s">
        <v>8</v>
      </c>
      <c r="C12" s="315">
        <v>546</v>
      </c>
      <c r="D12" s="82">
        <v>353</v>
      </c>
      <c r="E12" s="83">
        <v>899</v>
      </c>
      <c r="F12" s="241"/>
      <c r="G12" s="82">
        <v>987</v>
      </c>
      <c r="H12" s="82">
        <v>878</v>
      </c>
      <c r="I12" s="82">
        <v>635</v>
      </c>
      <c r="J12" s="82">
        <v>482</v>
      </c>
      <c r="K12" s="82">
        <v>275</v>
      </c>
      <c r="L12" s="84">
        <v>3257</v>
      </c>
      <c r="M12" s="85">
        <v>4156</v>
      </c>
      <c r="N12" s="70">
        <v>26</v>
      </c>
      <c r="O12" s="71">
        <v>26</v>
      </c>
      <c r="P12" s="72">
        <v>52</v>
      </c>
      <c r="Q12" s="244"/>
      <c r="R12" s="71">
        <v>45</v>
      </c>
      <c r="S12" s="71">
        <v>44</v>
      </c>
      <c r="T12" s="71">
        <v>26</v>
      </c>
      <c r="U12" s="71">
        <v>23</v>
      </c>
      <c r="V12" s="71">
        <v>20</v>
      </c>
      <c r="W12" s="72">
        <v>158</v>
      </c>
      <c r="X12" s="73">
        <v>210</v>
      </c>
      <c r="Y12" s="70">
        <v>51</v>
      </c>
      <c r="Z12" s="71">
        <v>41</v>
      </c>
      <c r="AA12" s="72">
        <v>92</v>
      </c>
      <c r="AB12" s="244"/>
      <c r="AC12" s="71">
        <v>103</v>
      </c>
      <c r="AD12" s="71">
        <v>118</v>
      </c>
      <c r="AE12" s="71">
        <v>74</v>
      </c>
      <c r="AF12" s="71">
        <v>69</v>
      </c>
      <c r="AG12" s="71">
        <v>40</v>
      </c>
      <c r="AH12" s="72">
        <v>404</v>
      </c>
      <c r="AI12" s="73">
        <v>496</v>
      </c>
      <c r="AJ12" s="70">
        <v>97</v>
      </c>
      <c r="AK12" s="71">
        <v>61</v>
      </c>
      <c r="AL12" s="72">
        <v>158</v>
      </c>
      <c r="AM12" s="244"/>
      <c r="AN12" s="71">
        <v>163</v>
      </c>
      <c r="AO12" s="71">
        <v>140</v>
      </c>
      <c r="AP12" s="71">
        <v>111</v>
      </c>
      <c r="AQ12" s="71">
        <v>82</v>
      </c>
      <c r="AR12" s="71">
        <v>54</v>
      </c>
      <c r="AS12" s="72">
        <v>550</v>
      </c>
      <c r="AT12" s="73">
        <v>708</v>
      </c>
      <c r="AU12" s="70">
        <v>142</v>
      </c>
      <c r="AV12" s="71">
        <v>74</v>
      </c>
      <c r="AW12" s="72">
        <v>216</v>
      </c>
      <c r="AX12" s="244"/>
      <c r="AY12" s="71">
        <v>247</v>
      </c>
      <c r="AZ12" s="71">
        <v>223</v>
      </c>
      <c r="BA12" s="71">
        <v>137</v>
      </c>
      <c r="BB12" s="71">
        <v>114</v>
      </c>
      <c r="BC12" s="71">
        <v>56</v>
      </c>
      <c r="BD12" s="72">
        <v>777</v>
      </c>
      <c r="BE12" s="73">
        <v>993</v>
      </c>
      <c r="BF12" s="70">
        <v>146</v>
      </c>
      <c r="BG12" s="71">
        <v>84</v>
      </c>
      <c r="BH12" s="72">
        <v>230</v>
      </c>
      <c r="BI12" s="244"/>
      <c r="BJ12" s="71">
        <v>261</v>
      </c>
      <c r="BK12" s="71">
        <v>212</v>
      </c>
      <c r="BL12" s="71">
        <v>154</v>
      </c>
      <c r="BM12" s="71">
        <v>102</v>
      </c>
      <c r="BN12" s="71">
        <v>61</v>
      </c>
      <c r="BO12" s="72">
        <v>790</v>
      </c>
      <c r="BP12" s="73">
        <v>1020</v>
      </c>
      <c r="BQ12" s="70">
        <v>84</v>
      </c>
      <c r="BR12" s="71">
        <v>67</v>
      </c>
      <c r="BS12" s="72">
        <v>151</v>
      </c>
      <c r="BT12" s="244"/>
      <c r="BU12" s="71">
        <v>168</v>
      </c>
      <c r="BV12" s="71">
        <v>141</v>
      </c>
      <c r="BW12" s="71">
        <v>133</v>
      </c>
      <c r="BX12" s="71">
        <v>92</v>
      </c>
      <c r="BY12" s="71">
        <v>44</v>
      </c>
      <c r="BZ12" s="72">
        <v>578</v>
      </c>
      <c r="CA12" s="73">
        <v>729</v>
      </c>
      <c r="CB12" s="70">
        <v>16</v>
      </c>
      <c r="CC12" s="71">
        <v>14</v>
      </c>
      <c r="CD12" s="72">
        <v>30</v>
      </c>
      <c r="CE12" s="244"/>
      <c r="CF12" s="71">
        <v>25</v>
      </c>
      <c r="CG12" s="71">
        <v>48</v>
      </c>
      <c r="CH12" s="71">
        <v>26</v>
      </c>
      <c r="CI12" s="71">
        <v>22</v>
      </c>
      <c r="CJ12" s="71">
        <v>10</v>
      </c>
      <c r="CK12" s="72">
        <v>131</v>
      </c>
      <c r="CL12" s="73">
        <v>161</v>
      </c>
      <c r="CM12" s="70">
        <v>562</v>
      </c>
      <c r="CN12" s="71">
        <v>367</v>
      </c>
      <c r="CO12" s="72">
        <v>929</v>
      </c>
      <c r="CP12" s="244"/>
      <c r="CQ12" s="71">
        <v>1012</v>
      </c>
      <c r="CR12" s="71">
        <v>926</v>
      </c>
      <c r="CS12" s="71">
        <v>661</v>
      </c>
      <c r="CT12" s="71">
        <v>504</v>
      </c>
      <c r="CU12" s="71">
        <v>285</v>
      </c>
      <c r="CV12" s="72">
        <v>3388</v>
      </c>
      <c r="CW12" s="73">
        <v>4317</v>
      </c>
      <c r="CX12" s="123">
        <v>1039</v>
      </c>
      <c r="CY12" s="82">
        <v>909</v>
      </c>
      <c r="CZ12" s="83">
        <v>1948</v>
      </c>
      <c r="DA12" s="241"/>
      <c r="DB12" s="82">
        <v>1700</v>
      </c>
      <c r="DC12" s="82">
        <v>1597</v>
      </c>
      <c r="DD12" s="82">
        <v>1285</v>
      </c>
      <c r="DE12" s="82">
        <v>1037</v>
      </c>
      <c r="DF12" s="82">
        <v>637</v>
      </c>
      <c r="DG12" s="84">
        <v>6256</v>
      </c>
      <c r="DH12" s="85">
        <v>8204</v>
      </c>
      <c r="DI12" s="70">
        <v>26</v>
      </c>
      <c r="DJ12" s="71">
        <v>21</v>
      </c>
      <c r="DK12" s="72">
        <v>47</v>
      </c>
      <c r="DL12" s="244"/>
      <c r="DM12" s="71">
        <v>44</v>
      </c>
      <c r="DN12" s="71">
        <v>36</v>
      </c>
      <c r="DO12" s="71">
        <v>18</v>
      </c>
      <c r="DP12" s="71">
        <v>20</v>
      </c>
      <c r="DQ12" s="71">
        <v>11</v>
      </c>
      <c r="DR12" s="72">
        <v>129</v>
      </c>
      <c r="DS12" s="73">
        <v>176</v>
      </c>
      <c r="DT12" s="70">
        <v>77</v>
      </c>
      <c r="DU12" s="71">
        <v>69</v>
      </c>
      <c r="DV12" s="72">
        <v>146</v>
      </c>
      <c r="DW12" s="244"/>
      <c r="DX12" s="71">
        <v>94</v>
      </c>
      <c r="DY12" s="71">
        <v>89</v>
      </c>
      <c r="DZ12" s="71">
        <v>63</v>
      </c>
      <c r="EA12" s="71">
        <v>51</v>
      </c>
      <c r="EB12" s="71">
        <v>41</v>
      </c>
      <c r="EC12" s="72">
        <v>338</v>
      </c>
      <c r="ED12" s="73">
        <v>484</v>
      </c>
      <c r="EE12" s="70">
        <v>162</v>
      </c>
      <c r="EF12" s="71">
        <v>133</v>
      </c>
      <c r="EG12" s="72">
        <v>295</v>
      </c>
      <c r="EH12" s="244"/>
      <c r="EI12" s="71">
        <v>225</v>
      </c>
      <c r="EJ12" s="71">
        <v>161</v>
      </c>
      <c r="EK12" s="71">
        <v>125</v>
      </c>
      <c r="EL12" s="71">
        <v>102</v>
      </c>
      <c r="EM12" s="71">
        <v>63</v>
      </c>
      <c r="EN12" s="72">
        <v>676</v>
      </c>
      <c r="EO12" s="73">
        <v>971</v>
      </c>
      <c r="EP12" s="70">
        <v>331</v>
      </c>
      <c r="EQ12" s="71">
        <v>260</v>
      </c>
      <c r="ER12" s="72">
        <v>591</v>
      </c>
      <c r="ES12" s="244"/>
      <c r="ET12" s="71">
        <v>415</v>
      </c>
      <c r="EU12" s="71">
        <v>326</v>
      </c>
      <c r="EV12" s="71">
        <v>236</v>
      </c>
      <c r="EW12" s="71">
        <v>168</v>
      </c>
      <c r="EX12" s="71">
        <v>118</v>
      </c>
      <c r="EY12" s="72">
        <v>1263</v>
      </c>
      <c r="EZ12" s="73">
        <v>1854</v>
      </c>
      <c r="FA12" s="70">
        <v>287</v>
      </c>
      <c r="FB12" s="71">
        <v>259</v>
      </c>
      <c r="FC12" s="72">
        <v>546</v>
      </c>
      <c r="FD12" s="244"/>
      <c r="FE12" s="71">
        <v>496</v>
      </c>
      <c r="FF12" s="71">
        <v>449</v>
      </c>
      <c r="FG12" s="71">
        <v>363</v>
      </c>
      <c r="FH12" s="71">
        <v>258</v>
      </c>
      <c r="FI12" s="71">
        <v>157</v>
      </c>
      <c r="FJ12" s="72">
        <v>1723</v>
      </c>
      <c r="FK12" s="73">
        <v>2269</v>
      </c>
      <c r="FL12" s="70">
        <v>156</v>
      </c>
      <c r="FM12" s="71">
        <v>167</v>
      </c>
      <c r="FN12" s="72">
        <v>323</v>
      </c>
      <c r="FO12" s="244"/>
      <c r="FP12" s="71">
        <v>426</v>
      </c>
      <c r="FQ12" s="71">
        <v>536</v>
      </c>
      <c r="FR12" s="71">
        <v>480</v>
      </c>
      <c r="FS12" s="71">
        <v>438</v>
      </c>
      <c r="FT12" s="71">
        <v>247</v>
      </c>
      <c r="FU12" s="72">
        <v>2127</v>
      </c>
      <c r="FV12" s="73">
        <v>2450</v>
      </c>
      <c r="FW12" s="70">
        <v>7</v>
      </c>
      <c r="FX12" s="71">
        <v>21</v>
      </c>
      <c r="FY12" s="72">
        <v>28</v>
      </c>
      <c r="FZ12" s="244"/>
      <c r="GA12" s="71">
        <v>18</v>
      </c>
      <c r="GB12" s="71">
        <v>36</v>
      </c>
      <c r="GC12" s="71">
        <v>14</v>
      </c>
      <c r="GD12" s="71">
        <v>20</v>
      </c>
      <c r="GE12" s="71">
        <v>14</v>
      </c>
      <c r="GF12" s="72">
        <v>102</v>
      </c>
      <c r="GG12" s="73">
        <v>130</v>
      </c>
      <c r="GH12" s="70">
        <v>1046</v>
      </c>
      <c r="GI12" s="71">
        <v>930</v>
      </c>
      <c r="GJ12" s="72">
        <v>1976</v>
      </c>
      <c r="GK12" s="244"/>
      <c r="GL12" s="71">
        <v>1718</v>
      </c>
      <c r="GM12" s="71">
        <v>1633</v>
      </c>
      <c r="GN12" s="71">
        <v>1299</v>
      </c>
      <c r="GO12" s="71">
        <v>1057</v>
      </c>
      <c r="GP12" s="71">
        <v>651</v>
      </c>
      <c r="GQ12" s="72">
        <v>6358</v>
      </c>
      <c r="GR12" s="73">
        <v>8334</v>
      </c>
      <c r="GS12" s="123">
        <v>1585</v>
      </c>
      <c r="GT12" s="82">
        <v>1262</v>
      </c>
      <c r="GU12" s="83">
        <v>2847</v>
      </c>
      <c r="GV12" s="241"/>
      <c r="GW12" s="82">
        <v>2687</v>
      </c>
      <c r="GX12" s="82">
        <v>2475</v>
      </c>
      <c r="GY12" s="82">
        <v>1920</v>
      </c>
      <c r="GZ12" s="82">
        <v>1519</v>
      </c>
      <c r="HA12" s="82">
        <v>912</v>
      </c>
      <c r="HB12" s="84">
        <v>9513</v>
      </c>
      <c r="HC12" s="85">
        <v>12360</v>
      </c>
      <c r="HD12" s="70">
        <v>52</v>
      </c>
      <c r="HE12" s="71">
        <v>47</v>
      </c>
      <c r="HF12" s="72">
        <v>99</v>
      </c>
      <c r="HG12" s="244"/>
      <c r="HH12" s="71">
        <v>89</v>
      </c>
      <c r="HI12" s="71">
        <v>80</v>
      </c>
      <c r="HJ12" s="71">
        <v>44</v>
      </c>
      <c r="HK12" s="71">
        <v>43</v>
      </c>
      <c r="HL12" s="71">
        <v>31</v>
      </c>
      <c r="HM12" s="72">
        <v>287</v>
      </c>
      <c r="HN12" s="73">
        <v>386</v>
      </c>
      <c r="HO12" s="70">
        <v>128</v>
      </c>
      <c r="HP12" s="71">
        <v>110</v>
      </c>
      <c r="HQ12" s="72">
        <v>238</v>
      </c>
      <c r="HR12" s="244"/>
      <c r="HS12" s="71">
        <v>197</v>
      </c>
      <c r="HT12" s="71">
        <v>207</v>
      </c>
      <c r="HU12" s="71">
        <v>137</v>
      </c>
      <c r="HV12" s="71">
        <v>120</v>
      </c>
      <c r="HW12" s="71">
        <v>81</v>
      </c>
      <c r="HX12" s="72">
        <v>742</v>
      </c>
      <c r="HY12" s="73">
        <v>980</v>
      </c>
      <c r="HZ12" s="70">
        <v>259</v>
      </c>
      <c r="IA12" s="71">
        <v>194</v>
      </c>
      <c r="IB12" s="72">
        <v>453</v>
      </c>
      <c r="IC12" s="244"/>
      <c r="ID12" s="71">
        <v>388</v>
      </c>
      <c r="IE12" s="71">
        <v>301</v>
      </c>
      <c r="IF12" s="71">
        <v>236</v>
      </c>
      <c r="IG12" s="71">
        <v>184</v>
      </c>
      <c r="IH12" s="71">
        <v>117</v>
      </c>
      <c r="II12" s="72">
        <v>1226</v>
      </c>
      <c r="IJ12" s="73">
        <v>1679</v>
      </c>
      <c r="IK12" s="70">
        <v>473</v>
      </c>
      <c r="IL12" s="71">
        <v>334</v>
      </c>
      <c r="IM12" s="72">
        <v>807</v>
      </c>
      <c r="IN12" s="244"/>
      <c r="IO12" s="71">
        <v>662</v>
      </c>
      <c r="IP12" s="71">
        <v>549</v>
      </c>
      <c r="IQ12" s="71">
        <v>373</v>
      </c>
      <c r="IR12" s="71">
        <v>282</v>
      </c>
      <c r="IS12" s="71">
        <v>174</v>
      </c>
      <c r="IT12" s="72">
        <v>2040</v>
      </c>
      <c r="IU12" s="73">
        <v>2847</v>
      </c>
      <c r="IV12" s="70">
        <v>433</v>
      </c>
      <c r="IW12" s="71">
        <v>343</v>
      </c>
      <c r="IX12" s="72">
        <v>776</v>
      </c>
      <c r="IY12" s="244"/>
      <c r="IZ12" s="71">
        <v>757</v>
      </c>
      <c r="JA12" s="71">
        <v>661</v>
      </c>
      <c r="JB12" s="71">
        <v>517</v>
      </c>
      <c r="JC12" s="71">
        <v>360</v>
      </c>
      <c r="JD12" s="71">
        <v>218</v>
      </c>
      <c r="JE12" s="72">
        <v>2513</v>
      </c>
      <c r="JF12" s="73">
        <v>3289</v>
      </c>
      <c r="JG12" s="70">
        <v>240</v>
      </c>
      <c r="JH12" s="71">
        <v>234</v>
      </c>
      <c r="JI12" s="72">
        <v>474</v>
      </c>
      <c r="JJ12" s="244"/>
      <c r="JK12" s="71">
        <v>594</v>
      </c>
      <c r="JL12" s="71">
        <v>677</v>
      </c>
      <c r="JM12" s="71">
        <v>613</v>
      </c>
      <c r="JN12" s="71">
        <v>530</v>
      </c>
      <c r="JO12" s="71">
        <v>291</v>
      </c>
      <c r="JP12" s="72">
        <v>2705</v>
      </c>
      <c r="JQ12" s="73">
        <v>3179</v>
      </c>
      <c r="JR12" s="70">
        <v>23</v>
      </c>
      <c r="JS12" s="71">
        <v>35</v>
      </c>
      <c r="JT12" s="72">
        <v>58</v>
      </c>
      <c r="JU12" s="244"/>
      <c r="JV12" s="71">
        <v>43</v>
      </c>
      <c r="JW12" s="71">
        <v>84</v>
      </c>
      <c r="JX12" s="71">
        <v>40</v>
      </c>
      <c r="JY12" s="71">
        <v>42</v>
      </c>
      <c r="JZ12" s="71">
        <v>24</v>
      </c>
      <c r="KA12" s="72">
        <v>233</v>
      </c>
      <c r="KB12" s="73">
        <v>291</v>
      </c>
      <c r="KC12" s="70">
        <v>1608</v>
      </c>
      <c r="KD12" s="71">
        <v>1297</v>
      </c>
      <c r="KE12" s="72">
        <v>2905</v>
      </c>
      <c r="KF12" s="244"/>
      <c r="KG12" s="71">
        <v>2730</v>
      </c>
      <c r="KH12" s="71">
        <v>2559</v>
      </c>
      <c r="KI12" s="71">
        <v>1960</v>
      </c>
      <c r="KJ12" s="71">
        <v>1561</v>
      </c>
      <c r="KK12" s="71">
        <v>936</v>
      </c>
      <c r="KL12" s="72">
        <v>9746</v>
      </c>
      <c r="KM12" s="73">
        <v>12651</v>
      </c>
    </row>
    <row r="13" spans="2:299" ht="21" customHeight="1" x14ac:dyDescent="0.2">
      <c r="B13" s="126" t="s">
        <v>9</v>
      </c>
      <c r="C13" s="315">
        <v>682</v>
      </c>
      <c r="D13" s="82">
        <v>401</v>
      </c>
      <c r="E13" s="83">
        <v>1083</v>
      </c>
      <c r="F13" s="241"/>
      <c r="G13" s="82">
        <v>787</v>
      </c>
      <c r="H13" s="82">
        <v>588</v>
      </c>
      <c r="I13" s="82">
        <v>412</v>
      </c>
      <c r="J13" s="82">
        <v>375</v>
      </c>
      <c r="K13" s="82">
        <v>229</v>
      </c>
      <c r="L13" s="84">
        <v>2391</v>
      </c>
      <c r="M13" s="85">
        <v>3474</v>
      </c>
      <c r="N13" s="70">
        <v>21</v>
      </c>
      <c r="O13" s="71">
        <v>11</v>
      </c>
      <c r="P13" s="72">
        <v>32</v>
      </c>
      <c r="Q13" s="244"/>
      <c r="R13" s="71">
        <v>21</v>
      </c>
      <c r="S13" s="71">
        <v>26</v>
      </c>
      <c r="T13" s="71">
        <v>15</v>
      </c>
      <c r="U13" s="71">
        <v>16</v>
      </c>
      <c r="V13" s="71">
        <v>10</v>
      </c>
      <c r="W13" s="72">
        <v>88</v>
      </c>
      <c r="X13" s="73">
        <v>120</v>
      </c>
      <c r="Y13" s="70">
        <v>40</v>
      </c>
      <c r="Z13" s="71">
        <v>29</v>
      </c>
      <c r="AA13" s="72">
        <v>69</v>
      </c>
      <c r="AB13" s="244"/>
      <c r="AC13" s="71">
        <v>47</v>
      </c>
      <c r="AD13" s="71">
        <v>44</v>
      </c>
      <c r="AE13" s="71">
        <v>25</v>
      </c>
      <c r="AF13" s="71">
        <v>26</v>
      </c>
      <c r="AG13" s="71">
        <v>31</v>
      </c>
      <c r="AH13" s="72">
        <v>173</v>
      </c>
      <c r="AI13" s="73">
        <v>242</v>
      </c>
      <c r="AJ13" s="70">
        <v>79</v>
      </c>
      <c r="AK13" s="71">
        <v>46</v>
      </c>
      <c r="AL13" s="72">
        <v>125</v>
      </c>
      <c r="AM13" s="244"/>
      <c r="AN13" s="71">
        <v>96</v>
      </c>
      <c r="AO13" s="71">
        <v>76</v>
      </c>
      <c r="AP13" s="71">
        <v>68</v>
      </c>
      <c r="AQ13" s="71">
        <v>62</v>
      </c>
      <c r="AR13" s="71">
        <v>35</v>
      </c>
      <c r="AS13" s="72">
        <v>337</v>
      </c>
      <c r="AT13" s="73">
        <v>462</v>
      </c>
      <c r="AU13" s="70">
        <v>174</v>
      </c>
      <c r="AV13" s="71">
        <v>85</v>
      </c>
      <c r="AW13" s="72">
        <v>259</v>
      </c>
      <c r="AX13" s="244"/>
      <c r="AY13" s="71">
        <v>184</v>
      </c>
      <c r="AZ13" s="71">
        <v>123</v>
      </c>
      <c r="BA13" s="71">
        <v>68</v>
      </c>
      <c r="BB13" s="71">
        <v>55</v>
      </c>
      <c r="BC13" s="71">
        <v>50</v>
      </c>
      <c r="BD13" s="72">
        <v>480</v>
      </c>
      <c r="BE13" s="73">
        <v>739</v>
      </c>
      <c r="BF13" s="70">
        <v>217</v>
      </c>
      <c r="BG13" s="71">
        <v>134</v>
      </c>
      <c r="BH13" s="72">
        <v>351</v>
      </c>
      <c r="BI13" s="244"/>
      <c r="BJ13" s="71">
        <v>233</v>
      </c>
      <c r="BK13" s="71">
        <v>166</v>
      </c>
      <c r="BL13" s="71">
        <v>111</v>
      </c>
      <c r="BM13" s="71">
        <v>109</v>
      </c>
      <c r="BN13" s="71">
        <v>45</v>
      </c>
      <c r="BO13" s="72">
        <v>664</v>
      </c>
      <c r="BP13" s="73">
        <v>1015</v>
      </c>
      <c r="BQ13" s="70">
        <v>151</v>
      </c>
      <c r="BR13" s="71">
        <v>96</v>
      </c>
      <c r="BS13" s="72">
        <v>247</v>
      </c>
      <c r="BT13" s="244"/>
      <c r="BU13" s="71">
        <v>206</v>
      </c>
      <c r="BV13" s="71">
        <v>153</v>
      </c>
      <c r="BW13" s="71">
        <v>125</v>
      </c>
      <c r="BX13" s="71">
        <v>107</v>
      </c>
      <c r="BY13" s="71">
        <v>58</v>
      </c>
      <c r="BZ13" s="72">
        <v>649</v>
      </c>
      <c r="CA13" s="73">
        <v>896</v>
      </c>
      <c r="CB13" s="70">
        <v>4</v>
      </c>
      <c r="CC13" s="71">
        <v>14</v>
      </c>
      <c r="CD13" s="72">
        <v>18</v>
      </c>
      <c r="CE13" s="244"/>
      <c r="CF13" s="71">
        <v>30</v>
      </c>
      <c r="CG13" s="71">
        <v>19</v>
      </c>
      <c r="CH13" s="71">
        <v>14</v>
      </c>
      <c r="CI13" s="71">
        <v>15</v>
      </c>
      <c r="CJ13" s="71">
        <v>8</v>
      </c>
      <c r="CK13" s="72">
        <v>86</v>
      </c>
      <c r="CL13" s="73">
        <v>104</v>
      </c>
      <c r="CM13" s="70">
        <v>686</v>
      </c>
      <c r="CN13" s="71">
        <v>415</v>
      </c>
      <c r="CO13" s="72">
        <v>1101</v>
      </c>
      <c r="CP13" s="244"/>
      <c r="CQ13" s="71">
        <v>817</v>
      </c>
      <c r="CR13" s="71">
        <v>607</v>
      </c>
      <c r="CS13" s="71">
        <v>426</v>
      </c>
      <c r="CT13" s="71">
        <v>390</v>
      </c>
      <c r="CU13" s="71">
        <v>237</v>
      </c>
      <c r="CV13" s="72">
        <v>2477</v>
      </c>
      <c r="CW13" s="73">
        <v>3578</v>
      </c>
      <c r="CX13" s="123">
        <v>1383</v>
      </c>
      <c r="CY13" s="82">
        <v>966</v>
      </c>
      <c r="CZ13" s="83">
        <v>2349</v>
      </c>
      <c r="DA13" s="241"/>
      <c r="DB13" s="82">
        <v>1704</v>
      </c>
      <c r="DC13" s="82">
        <v>1148</v>
      </c>
      <c r="DD13" s="82">
        <v>945</v>
      </c>
      <c r="DE13" s="82">
        <v>1001</v>
      </c>
      <c r="DF13" s="82">
        <v>689</v>
      </c>
      <c r="DG13" s="84">
        <v>5487</v>
      </c>
      <c r="DH13" s="85">
        <v>7836</v>
      </c>
      <c r="DI13" s="70">
        <v>24</v>
      </c>
      <c r="DJ13" s="71">
        <v>12</v>
      </c>
      <c r="DK13" s="72">
        <v>36</v>
      </c>
      <c r="DL13" s="244"/>
      <c r="DM13" s="71">
        <v>8</v>
      </c>
      <c r="DN13" s="71">
        <v>15</v>
      </c>
      <c r="DO13" s="71">
        <v>11</v>
      </c>
      <c r="DP13" s="71">
        <v>7</v>
      </c>
      <c r="DQ13" s="71">
        <v>15</v>
      </c>
      <c r="DR13" s="72">
        <v>56</v>
      </c>
      <c r="DS13" s="73">
        <v>92</v>
      </c>
      <c r="DT13" s="70">
        <v>72</v>
      </c>
      <c r="DU13" s="71">
        <v>51</v>
      </c>
      <c r="DV13" s="72">
        <v>123</v>
      </c>
      <c r="DW13" s="244"/>
      <c r="DX13" s="71">
        <v>68</v>
      </c>
      <c r="DY13" s="71">
        <v>40</v>
      </c>
      <c r="DZ13" s="71">
        <v>29</v>
      </c>
      <c r="EA13" s="71">
        <v>36</v>
      </c>
      <c r="EB13" s="71">
        <v>27</v>
      </c>
      <c r="EC13" s="72">
        <v>200</v>
      </c>
      <c r="ED13" s="73">
        <v>323</v>
      </c>
      <c r="EE13" s="70">
        <v>189</v>
      </c>
      <c r="EF13" s="71">
        <v>136</v>
      </c>
      <c r="EG13" s="72">
        <v>325</v>
      </c>
      <c r="EH13" s="244"/>
      <c r="EI13" s="71">
        <v>179</v>
      </c>
      <c r="EJ13" s="71">
        <v>98</v>
      </c>
      <c r="EK13" s="71">
        <v>69</v>
      </c>
      <c r="EL13" s="71">
        <v>57</v>
      </c>
      <c r="EM13" s="71">
        <v>65</v>
      </c>
      <c r="EN13" s="72">
        <v>468</v>
      </c>
      <c r="EO13" s="73">
        <v>793</v>
      </c>
      <c r="EP13" s="70">
        <v>380</v>
      </c>
      <c r="EQ13" s="71">
        <v>239</v>
      </c>
      <c r="ER13" s="72">
        <v>619</v>
      </c>
      <c r="ES13" s="244"/>
      <c r="ET13" s="71">
        <v>334</v>
      </c>
      <c r="EU13" s="71">
        <v>198</v>
      </c>
      <c r="EV13" s="71">
        <v>133</v>
      </c>
      <c r="EW13" s="71">
        <v>161</v>
      </c>
      <c r="EX13" s="71">
        <v>104</v>
      </c>
      <c r="EY13" s="72">
        <v>930</v>
      </c>
      <c r="EZ13" s="73">
        <v>1549</v>
      </c>
      <c r="FA13" s="70">
        <v>450</v>
      </c>
      <c r="FB13" s="71">
        <v>289</v>
      </c>
      <c r="FC13" s="72">
        <v>739</v>
      </c>
      <c r="FD13" s="244"/>
      <c r="FE13" s="71">
        <v>527</v>
      </c>
      <c r="FF13" s="71">
        <v>341</v>
      </c>
      <c r="FG13" s="71">
        <v>247</v>
      </c>
      <c r="FH13" s="71">
        <v>233</v>
      </c>
      <c r="FI13" s="71">
        <v>168</v>
      </c>
      <c r="FJ13" s="72">
        <v>1516</v>
      </c>
      <c r="FK13" s="73">
        <v>2255</v>
      </c>
      <c r="FL13" s="70">
        <v>268</v>
      </c>
      <c r="FM13" s="71">
        <v>239</v>
      </c>
      <c r="FN13" s="72">
        <v>507</v>
      </c>
      <c r="FO13" s="244"/>
      <c r="FP13" s="71">
        <v>588</v>
      </c>
      <c r="FQ13" s="71">
        <v>456</v>
      </c>
      <c r="FR13" s="71">
        <v>456</v>
      </c>
      <c r="FS13" s="71">
        <v>507</v>
      </c>
      <c r="FT13" s="71">
        <v>310</v>
      </c>
      <c r="FU13" s="72">
        <v>2317</v>
      </c>
      <c r="FV13" s="73">
        <v>2824</v>
      </c>
      <c r="FW13" s="70">
        <v>5</v>
      </c>
      <c r="FX13" s="71">
        <v>14</v>
      </c>
      <c r="FY13" s="72">
        <v>19</v>
      </c>
      <c r="FZ13" s="244"/>
      <c r="GA13" s="71">
        <v>10</v>
      </c>
      <c r="GB13" s="71">
        <v>15</v>
      </c>
      <c r="GC13" s="71">
        <v>14</v>
      </c>
      <c r="GD13" s="71">
        <v>11</v>
      </c>
      <c r="GE13" s="71">
        <v>10</v>
      </c>
      <c r="GF13" s="72">
        <v>60</v>
      </c>
      <c r="GG13" s="73">
        <v>79</v>
      </c>
      <c r="GH13" s="70">
        <v>1388</v>
      </c>
      <c r="GI13" s="71">
        <v>980</v>
      </c>
      <c r="GJ13" s="72">
        <v>2368</v>
      </c>
      <c r="GK13" s="244"/>
      <c r="GL13" s="71">
        <v>1714</v>
      </c>
      <c r="GM13" s="71">
        <v>1163</v>
      </c>
      <c r="GN13" s="71">
        <v>959</v>
      </c>
      <c r="GO13" s="71">
        <v>1012</v>
      </c>
      <c r="GP13" s="71">
        <v>699</v>
      </c>
      <c r="GQ13" s="72">
        <v>5547</v>
      </c>
      <c r="GR13" s="73">
        <v>7915</v>
      </c>
      <c r="GS13" s="123">
        <v>2065</v>
      </c>
      <c r="GT13" s="82">
        <v>1367</v>
      </c>
      <c r="GU13" s="83">
        <v>3432</v>
      </c>
      <c r="GV13" s="241"/>
      <c r="GW13" s="82">
        <v>2491</v>
      </c>
      <c r="GX13" s="82">
        <v>1736</v>
      </c>
      <c r="GY13" s="82">
        <v>1357</v>
      </c>
      <c r="GZ13" s="82">
        <v>1376</v>
      </c>
      <c r="HA13" s="82">
        <v>918</v>
      </c>
      <c r="HB13" s="84">
        <v>7878</v>
      </c>
      <c r="HC13" s="85">
        <v>11310</v>
      </c>
      <c r="HD13" s="70">
        <v>45</v>
      </c>
      <c r="HE13" s="71">
        <v>23</v>
      </c>
      <c r="HF13" s="72">
        <v>68</v>
      </c>
      <c r="HG13" s="244"/>
      <c r="HH13" s="71">
        <v>29</v>
      </c>
      <c r="HI13" s="71">
        <v>41</v>
      </c>
      <c r="HJ13" s="71">
        <v>26</v>
      </c>
      <c r="HK13" s="71">
        <v>23</v>
      </c>
      <c r="HL13" s="71">
        <v>25</v>
      </c>
      <c r="HM13" s="72">
        <v>144</v>
      </c>
      <c r="HN13" s="73">
        <v>212</v>
      </c>
      <c r="HO13" s="70">
        <v>112</v>
      </c>
      <c r="HP13" s="71">
        <v>80</v>
      </c>
      <c r="HQ13" s="72">
        <v>192</v>
      </c>
      <c r="HR13" s="244"/>
      <c r="HS13" s="71">
        <v>115</v>
      </c>
      <c r="HT13" s="71">
        <v>84</v>
      </c>
      <c r="HU13" s="71">
        <v>54</v>
      </c>
      <c r="HV13" s="71">
        <v>62</v>
      </c>
      <c r="HW13" s="71">
        <v>58</v>
      </c>
      <c r="HX13" s="72">
        <v>373</v>
      </c>
      <c r="HY13" s="73">
        <v>565</v>
      </c>
      <c r="HZ13" s="70">
        <v>268</v>
      </c>
      <c r="IA13" s="71">
        <v>182</v>
      </c>
      <c r="IB13" s="72">
        <v>450</v>
      </c>
      <c r="IC13" s="244"/>
      <c r="ID13" s="71">
        <v>275</v>
      </c>
      <c r="IE13" s="71">
        <v>174</v>
      </c>
      <c r="IF13" s="71">
        <v>137</v>
      </c>
      <c r="IG13" s="71">
        <v>119</v>
      </c>
      <c r="IH13" s="71">
        <v>100</v>
      </c>
      <c r="II13" s="72">
        <v>805</v>
      </c>
      <c r="IJ13" s="73">
        <v>1255</v>
      </c>
      <c r="IK13" s="70">
        <v>554</v>
      </c>
      <c r="IL13" s="71">
        <v>324</v>
      </c>
      <c r="IM13" s="72">
        <v>878</v>
      </c>
      <c r="IN13" s="244"/>
      <c r="IO13" s="71">
        <v>518</v>
      </c>
      <c r="IP13" s="71">
        <v>321</v>
      </c>
      <c r="IQ13" s="71">
        <v>201</v>
      </c>
      <c r="IR13" s="71">
        <v>216</v>
      </c>
      <c r="IS13" s="71">
        <v>154</v>
      </c>
      <c r="IT13" s="72">
        <v>1410</v>
      </c>
      <c r="IU13" s="73">
        <v>2288</v>
      </c>
      <c r="IV13" s="70">
        <v>667</v>
      </c>
      <c r="IW13" s="71">
        <v>423</v>
      </c>
      <c r="IX13" s="72">
        <v>1090</v>
      </c>
      <c r="IY13" s="244"/>
      <c r="IZ13" s="71">
        <v>760</v>
      </c>
      <c r="JA13" s="71">
        <v>507</v>
      </c>
      <c r="JB13" s="71">
        <v>358</v>
      </c>
      <c r="JC13" s="71">
        <v>342</v>
      </c>
      <c r="JD13" s="71">
        <v>213</v>
      </c>
      <c r="JE13" s="72">
        <v>2180</v>
      </c>
      <c r="JF13" s="73">
        <v>3270</v>
      </c>
      <c r="JG13" s="70">
        <v>419</v>
      </c>
      <c r="JH13" s="71">
        <v>335</v>
      </c>
      <c r="JI13" s="72">
        <v>754</v>
      </c>
      <c r="JJ13" s="244"/>
      <c r="JK13" s="71">
        <v>794</v>
      </c>
      <c r="JL13" s="71">
        <v>609</v>
      </c>
      <c r="JM13" s="71">
        <v>581</v>
      </c>
      <c r="JN13" s="71">
        <v>614</v>
      </c>
      <c r="JO13" s="71">
        <v>368</v>
      </c>
      <c r="JP13" s="72">
        <v>2966</v>
      </c>
      <c r="JQ13" s="73">
        <v>3720</v>
      </c>
      <c r="JR13" s="70">
        <v>9</v>
      </c>
      <c r="JS13" s="71">
        <v>28</v>
      </c>
      <c r="JT13" s="72">
        <v>37</v>
      </c>
      <c r="JU13" s="244"/>
      <c r="JV13" s="71">
        <v>40</v>
      </c>
      <c r="JW13" s="71">
        <v>34</v>
      </c>
      <c r="JX13" s="71">
        <v>28</v>
      </c>
      <c r="JY13" s="71">
        <v>26</v>
      </c>
      <c r="JZ13" s="71">
        <v>18</v>
      </c>
      <c r="KA13" s="72">
        <v>146</v>
      </c>
      <c r="KB13" s="73">
        <v>183</v>
      </c>
      <c r="KC13" s="70">
        <v>2074</v>
      </c>
      <c r="KD13" s="71">
        <v>1395</v>
      </c>
      <c r="KE13" s="72">
        <v>3469</v>
      </c>
      <c r="KF13" s="244"/>
      <c r="KG13" s="71">
        <v>2531</v>
      </c>
      <c r="KH13" s="71">
        <v>1770</v>
      </c>
      <c r="KI13" s="71">
        <v>1385</v>
      </c>
      <c r="KJ13" s="71">
        <v>1402</v>
      </c>
      <c r="KK13" s="71">
        <v>936</v>
      </c>
      <c r="KL13" s="72">
        <v>8024</v>
      </c>
      <c r="KM13" s="73">
        <v>11493</v>
      </c>
    </row>
    <row r="14" spans="2:299" ht="21" customHeight="1" x14ac:dyDescent="0.2">
      <c r="B14" s="126" t="s">
        <v>10</v>
      </c>
      <c r="C14" s="315">
        <v>1444</v>
      </c>
      <c r="D14" s="82">
        <v>986</v>
      </c>
      <c r="E14" s="83">
        <v>2430</v>
      </c>
      <c r="F14" s="241"/>
      <c r="G14" s="82">
        <v>1728</v>
      </c>
      <c r="H14" s="82">
        <v>1002</v>
      </c>
      <c r="I14" s="82">
        <v>661</v>
      </c>
      <c r="J14" s="82">
        <v>608</v>
      </c>
      <c r="K14" s="82">
        <v>436</v>
      </c>
      <c r="L14" s="84">
        <v>4435</v>
      </c>
      <c r="M14" s="85">
        <v>6865</v>
      </c>
      <c r="N14" s="70">
        <v>59</v>
      </c>
      <c r="O14" s="71">
        <v>53</v>
      </c>
      <c r="P14" s="72">
        <v>112</v>
      </c>
      <c r="Q14" s="244"/>
      <c r="R14" s="71">
        <v>79</v>
      </c>
      <c r="S14" s="71">
        <v>50</v>
      </c>
      <c r="T14" s="71">
        <v>29</v>
      </c>
      <c r="U14" s="71">
        <v>30</v>
      </c>
      <c r="V14" s="71">
        <v>30</v>
      </c>
      <c r="W14" s="72">
        <v>218</v>
      </c>
      <c r="X14" s="73">
        <v>330</v>
      </c>
      <c r="Y14" s="70">
        <v>135</v>
      </c>
      <c r="Z14" s="71">
        <v>109</v>
      </c>
      <c r="AA14" s="72">
        <v>244</v>
      </c>
      <c r="AB14" s="244"/>
      <c r="AC14" s="71">
        <v>181</v>
      </c>
      <c r="AD14" s="71">
        <v>113</v>
      </c>
      <c r="AE14" s="71">
        <v>68</v>
      </c>
      <c r="AF14" s="71">
        <v>65</v>
      </c>
      <c r="AG14" s="71">
        <v>61</v>
      </c>
      <c r="AH14" s="72">
        <v>488</v>
      </c>
      <c r="AI14" s="73">
        <v>732</v>
      </c>
      <c r="AJ14" s="70">
        <v>211</v>
      </c>
      <c r="AK14" s="71">
        <v>162</v>
      </c>
      <c r="AL14" s="72">
        <v>373</v>
      </c>
      <c r="AM14" s="244"/>
      <c r="AN14" s="71">
        <v>280</v>
      </c>
      <c r="AO14" s="71">
        <v>162</v>
      </c>
      <c r="AP14" s="71">
        <v>102</v>
      </c>
      <c r="AQ14" s="71">
        <v>93</v>
      </c>
      <c r="AR14" s="71">
        <v>64</v>
      </c>
      <c r="AS14" s="72">
        <v>701</v>
      </c>
      <c r="AT14" s="73">
        <v>1074</v>
      </c>
      <c r="AU14" s="70">
        <v>365</v>
      </c>
      <c r="AV14" s="71">
        <v>234</v>
      </c>
      <c r="AW14" s="72">
        <v>599</v>
      </c>
      <c r="AX14" s="244"/>
      <c r="AY14" s="71">
        <v>418</v>
      </c>
      <c r="AZ14" s="71">
        <v>218</v>
      </c>
      <c r="BA14" s="71">
        <v>134</v>
      </c>
      <c r="BB14" s="71">
        <v>129</v>
      </c>
      <c r="BC14" s="71">
        <v>107</v>
      </c>
      <c r="BD14" s="72">
        <v>1006</v>
      </c>
      <c r="BE14" s="73">
        <v>1605</v>
      </c>
      <c r="BF14" s="70">
        <v>430</v>
      </c>
      <c r="BG14" s="71">
        <v>266</v>
      </c>
      <c r="BH14" s="72">
        <v>696</v>
      </c>
      <c r="BI14" s="244"/>
      <c r="BJ14" s="71">
        <v>453</v>
      </c>
      <c r="BK14" s="71">
        <v>239</v>
      </c>
      <c r="BL14" s="71">
        <v>175</v>
      </c>
      <c r="BM14" s="71">
        <v>138</v>
      </c>
      <c r="BN14" s="71">
        <v>91</v>
      </c>
      <c r="BO14" s="72">
        <v>1096</v>
      </c>
      <c r="BP14" s="73">
        <v>1792</v>
      </c>
      <c r="BQ14" s="70">
        <v>244</v>
      </c>
      <c r="BR14" s="71">
        <v>162</v>
      </c>
      <c r="BS14" s="72">
        <v>406</v>
      </c>
      <c r="BT14" s="244"/>
      <c r="BU14" s="71">
        <v>317</v>
      </c>
      <c r="BV14" s="71">
        <v>220</v>
      </c>
      <c r="BW14" s="71">
        <v>153</v>
      </c>
      <c r="BX14" s="71">
        <v>153</v>
      </c>
      <c r="BY14" s="71">
        <v>83</v>
      </c>
      <c r="BZ14" s="72">
        <v>926</v>
      </c>
      <c r="CA14" s="73">
        <v>1332</v>
      </c>
      <c r="CB14" s="70">
        <v>49</v>
      </c>
      <c r="CC14" s="71">
        <v>30</v>
      </c>
      <c r="CD14" s="72">
        <v>79</v>
      </c>
      <c r="CE14" s="244"/>
      <c r="CF14" s="71">
        <v>77</v>
      </c>
      <c r="CG14" s="71">
        <v>40</v>
      </c>
      <c r="CH14" s="71">
        <v>29</v>
      </c>
      <c r="CI14" s="71">
        <v>25</v>
      </c>
      <c r="CJ14" s="71">
        <v>33</v>
      </c>
      <c r="CK14" s="72">
        <v>204</v>
      </c>
      <c r="CL14" s="73">
        <v>283</v>
      </c>
      <c r="CM14" s="70">
        <v>1493</v>
      </c>
      <c r="CN14" s="71">
        <v>1016</v>
      </c>
      <c r="CO14" s="72">
        <v>2509</v>
      </c>
      <c r="CP14" s="244"/>
      <c r="CQ14" s="71">
        <v>1805</v>
      </c>
      <c r="CR14" s="71">
        <v>1042</v>
      </c>
      <c r="CS14" s="71">
        <v>690</v>
      </c>
      <c r="CT14" s="71">
        <v>633</v>
      </c>
      <c r="CU14" s="71">
        <v>469</v>
      </c>
      <c r="CV14" s="72">
        <v>4639</v>
      </c>
      <c r="CW14" s="73">
        <v>7148</v>
      </c>
      <c r="CX14" s="123">
        <v>2976</v>
      </c>
      <c r="CY14" s="82">
        <v>2186</v>
      </c>
      <c r="CZ14" s="83">
        <v>5162</v>
      </c>
      <c r="DA14" s="241"/>
      <c r="DB14" s="82">
        <v>3147</v>
      </c>
      <c r="DC14" s="82">
        <v>1740</v>
      </c>
      <c r="DD14" s="82">
        <v>1535</v>
      </c>
      <c r="DE14" s="82">
        <v>1467</v>
      </c>
      <c r="DF14" s="82">
        <v>1227</v>
      </c>
      <c r="DG14" s="84">
        <v>9116</v>
      </c>
      <c r="DH14" s="85">
        <v>14278</v>
      </c>
      <c r="DI14" s="70">
        <v>53</v>
      </c>
      <c r="DJ14" s="71">
        <v>61</v>
      </c>
      <c r="DK14" s="72">
        <v>114</v>
      </c>
      <c r="DL14" s="244"/>
      <c r="DM14" s="71">
        <v>66</v>
      </c>
      <c r="DN14" s="71">
        <v>27</v>
      </c>
      <c r="DO14" s="71">
        <v>23</v>
      </c>
      <c r="DP14" s="71">
        <v>20</v>
      </c>
      <c r="DQ14" s="71">
        <v>26</v>
      </c>
      <c r="DR14" s="72">
        <v>162</v>
      </c>
      <c r="DS14" s="73">
        <v>276</v>
      </c>
      <c r="DT14" s="70">
        <v>204</v>
      </c>
      <c r="DU14" s="71">
        <v>143</v>
      </c>
      <c r="DV14" s="72">
        <v>347</v>
      </c>
      <c r="DW14" s="244"/>
      <c r="DX14" s="71">
        <v>176</v>
      </c>
      <c r="DY14" s="71">
        <v>92</v>
      </c>
      <c r="DZ14" s="71">
        <v>53</v>
      </c>
      <c r="EA14" s="71">
        <v>48</v>
      </c>
      <c r="EB14" s="71">
        <v>71</v>
      </c>
      <c r="EC14" s="72">
        <v>440</v>
      </c>
      <c r="ED14" s="73">
        <v>787</v>
      </c>
      <c r="EE14" s="70">
        <v>437</v>
      </c>
      <c r="EF14" s="71">
        <v>296</v>
      </c>
      <c r="EG14" s="72">
        <v>733</v>
      </c>
      <c r="EH14" s="244"/>
      <c r="EI14" s="71">
        <v>381</v>
      </c>
      <c r="EJ14" s="71">
        <v>179</v>
      </c>
      <c r="EK14" s="71">
        <v>140</v>
      </c>
      <c r="EL14" s="71">
        <v>123</v>
      </c>
      <c r="EM14" s="71">
        <v>100</v>
      </c>
      <c r="EN14" s="72">
        <v>923</v>
      </c>
      <c r="EO14" s="73">
        <v>1656</v>
      </c>
      <c r="EP14" s="70">
        <v>853</v>
      </c>
      <c r="EQ14" s="71">
        <v>555</v>
      </c>
      <c r="ER14" s="72">
        <v>1408</v>
      </c>
      <c r="ES14" s="244"/>
      <c r="ET14" s="71">
        <v>639</v>
      </c>
      <c r="EU14" s="71">
        <v>330</v>
      </c>
      <c r="EV14" s="71">
        <v>260</v>
      </c>
      <c r="EW14" s="71">
        <v>243</v>
      </c>
      <c r="EX14" s="71">
        <v>206</v>
      </c>
      <c r="EY14" s="72">
        <v>1678</v>
      </c>
      <c r="EZ14" s="73">
        <v>3086</v>
      </c>
      <c r="FA14" s="70">
        <v>922</v>
      </c>
      <c r="FB14" s="71">
        <v>627</v>
      </c>
      <c r="FC14" s="72">
        <v>1549</v>
      </c>
      <c r="FD14" s="244"/>
      <c r="FE14" s="71">
        <v>1012</v>
      </c>
      <c r="FF14" s="71">
        <v>476</v>
      </c>
      <c r="FG14" s="71">
        <v>424</v>
      </c>
      <c r="FH14" s="71">
        <v>332</v>
      </c>
      <c r="FI14" s="71">
        <v>321</v>
      </c>
      <c r="FJ14" s="72">
        <v>2565</v>
      </c>
      <c r="FK14" s="73">
        <v>4114</v>
      </c>
      <c r="FL14" s="70">
        <v>507</v>
      </c>
      <c r="FM14" s="71">
        <v>504</v>
      </c>
      <c r="FN14" s="72">
        <v>1011</v>
      </c>
      <c r="FO14" s="244"/>
      <c r="FP14" s="71">
        <v>873</v>
      </c>
      <c r="FQ14" s="71">
        <v>636</v>
      </c>
      <c r="FR14" s="71">
        <v>635</v>
      </c>
      <c r="FS14" s="71">
        <v>701</v>
      </c>
      <c r="FT14" s="71">
        <v>503</v>
      </c>
      <c r="FU14" s="72">
        <v>3348</v>
      </c>
      <c r="FV14" s="73">
        <v>4359</v>
      </c>
      <c r="FW14" s="70">
        <v>33</v>
      </c>
      <c r="FX14" s="71">
        <v>38</v>
      </c>
      <c r="FY14" s="72">
        <v>71</v>
      </c>
      <c r="FZ14" s="244"/>
      <c r="GA14" s="71">
        <v>60</v>
      </c>
      <c r="GB14" s="71">
        <v>27</v>
      </c>
      <c r="GC14" s="71">
        <v>20</v>
      </c>
      <c r="GD14" s="71">
        <v>22</v>
      </c>
      <c r="GE14" s="71">
        <v>31</v>
      </c>
      <c r="GF14" s="72">
        <v>160</v>
      </c>
      <c r="GG14" s="73">
        <v>231</v>
      </c>
      <c r="GH14" s="70">
        <v>3009</v>
      </c>
      <c r="GI14" s="71">
        <v>2224</v>
      </c>
      <c r="GJ14" s="72">
        <v>5233</v>
      </c>
      <c r="GK14" s="244"/>
      <c r="GL14" s="71">
        <v>3207</v>
      </c>
      <c r="GM14" s="71">
        <v>1767</v>
      </c>
      <c r="GN14" s="71">
        <v>1555</v>
      </c>
      <c r="GO14" s="71">
        <v>1489</v>
      </c>
      <c r="GP14" s="71">
        <v>1258</v>
      </c>
      <c r="GQ14" s="72">
        <v>9276</v>
      </c>
      <c r="GR14" s="73">
        <v>14509</v>
      </c>
      <c r="GS14" s="123">
        <v>4420</v>
      </c>
      <c r="GT14" s="82">
        <v>3172</v>
      </c>
      <c r="GU14" s="83">
        <v>7592</v>
      </c>
      <c r="GV14" s="241"/>
      <c r="GW14" s="82">
        <v>4875</v>
      </c>
      <c r="GX14" s="82">
        <v>2742</v>
      </c>
      <c r="GY14" s="82">
        <v>2196</v>
      </c>
      <c r="GZ14" s="82">
        <v>2075</v>
      </c>
      <c r="HA14" s="82">
        <v>1663</v>
      </c>
      <c r="HB14" s="84">
        <v>13551</v>
      </c>
      <c r="HC14" s="85">
        <v>21143</v>
      </c>
      <c r="HD14" s="70">
        <v>112</v>
      </c>
      <c r="HE14" s="71">
        <v>114</v>
      </c>
      <c r="HF14" s="72">
        <v>226</v>
      </c>
      <c r="HG14" s="244"/>
      <c r="HH14" s="71">
        <v>145</v>
      </c>
      <c r="HI14" s="71">
        <v>77</v>
      </c>
      <c r="HJ14" s="71">
        <v>52</v>
      </c>
      <c r="HK14" s="71">
        <v>50</v>
      </c>
      <c r="HL14" s="71">
        <v>56</v>
      </c>
      <c r="HM14" s="72">
        <v>380</v>
      </c>
      <c r="HN14" s="73">
        <v>606</v>
      </c>
      <c r="HO14" s="70">
        <v>339</v>
      </c>
      <c r="HP14" s="71">
        <v>252</v>
      </c>
      <c r="HQ14" s="72">
        <v>591</v>
      </c>
      <c r="HR14" s="244"/>
      <c r="HS14" s="71">
        <v>357</v>
      </c>
      <c r="HT14" s="71">
        <v>205</v>
      </c>
      <c r="HU14" s="71">
        <v>121</v>
      </c>
      <c r="HV14" s="71">
        <v>113</v>
      </c>
      <c r="HW14" s="71">
        <v>132</v>
      </c>
      <c r="HX14" s="72">
        <v>928</v>
      </c>
      <c r="HY14" s="73">
        <v>1519</v>
      </c>
      <c r="HZ14" s="70">
        <v>648</v>
      </c>
      <c r="IA14" s="71">
        <v>458</v>
      </c>
      <c r="IB14" s="72">
        <v>1106</v>
      </c>
      <c r="IC14" s="244"/>
      <c r="ID14" s="71">
        <v>661</v>
      </c>
      <c r="IE14" s="71">
        <v>341</v>
      </c>
      <c r="IF14" s="71">
        <v>242</v>
      </c>
      <c r="IG14" s="71">
        <v>216</v>
      </c>
      <c r="IH14" s="71">
        <v>164</v>
      </c>
      <c r="II14" s="72">
        <v>1624</v>
      </c>
      <c r="IJ14" s="73">
        <v>2730</v>
      </c>
      <c r="IK14" s="70">
        <v>1218</v>
      </c>
      <c r="IL14" s="71">
        <v>789</v>
      </c>
      <c r="IM14" s="72">
        <v>2007</v>
      </c>
      <c r="IN14" s="244"/>
      <c r="IO14" s="71">
        <v>1057</v>
      </c>
      <c r="IP14" s="71">
        <v>548</v>
      </c>
      <c r="IQ14" s="71">
        <v>394</v>
      </c>
      <c r="IR14" s="71">
        <v>372</v>
      </c>
      <c r="IS14" s="71">
        <v>313</v>
      </c>
      <c r="IT14" s="72">
        <v>2684</v>
      </c>
      <c r="IU14" s="73">
        <v>4691</v>
      </c>
      <c r="IV14" s="70">
        <v>1352</v>
      </c>
      <c r="IW14" s="71">
        <v>893</v>
      </c>
      <c r="IX14" s="72">
        <v>2245</v>
      </c>
      <c r="IY14" s="244"/>
      <c r="IZ14" s="71">
        <v>1465</v>
      </c>
      <c r="JA14" s="71">
        <v>715</v>
      </c>
      <c r="JB14" s="71">
        <v>599</v>
      </c>
      <c r="JC14" s="71">
        <v>470</v>
      </c>
      <c r="JD14" s="71">
        <v>412</v>
      </c>
      <c r="JE14" s="72">
        <v>3661</v>
      </c>
      <c r="JF14" s="73">
        <v>5906</v>
      </c>
      <c r="JG14" s="70">
        <v>751</v>
      </c>
      <c r="JH14" s="71">
        <v>666</v>
      </c>
      <c r="JI14" s="72">
        <v>1417</v>
      </c>
      <c r="JJ14" s="244"/>
      <c r="JK14" s="71">
        <v>1190</v>
      </c>
      <c r="JL14" s="71">
        <v>856</v>
      </c>
      <c r="JM14" s="71">
        <v>788</v>
      </c>
      <c r="JN14" s="71">
        <v>854</v>
      </c>
      <c r="JO14" s="71">
        <v>586</v>
      </c>
      <c r="JP14" s="72">
        <v>4274</v>
      </c>
      <c r="JQ14" s="73">
        <v>5691</v>
      </c>
      <c r="JR14" s="70">
        <v>82</v>
      </c>
      <c r="JS14" s="71">
        <v>68</v>
      </c>
      <c r="JT14" s="72">
        <v>150</v>
      </c>
      <c r="JU14" s="244"/>
      <c r="JV14" s="71">
        <v>137</v>
      </c>
      <c r="JW14" s="71">
        <v>67</v>
      </c>
      <c r="JX14" s="71">
        <v>49</v>
      </c>
      <c r="JY14" s="71">
        <v>47</v>
      </c>
      <c r="JZ14" s="71">
        <v>64</v>
      </c>
      <c r="KA14" s="72">
        <v>364</v>
      </c>
      <c r="KB14" s="73">
        <v>514</v>
      </c>
      <c r="KC14" s="70">
        <v>4502</v>
      </c>
      <c r="KD14" s="71">
        <v>3240</v>
      </c>
      <c r="KE14" s="72">
        <v>7742</v>
      </c>
      <c r="KF14" s="244"/>
      <c r="KG14" s="71">
        <v>5012</v>
      </c>
      <c r="KH14" s="71">
        <v>2809</v>
      </c>
      <c r="KI14" s="71">
        <v>2245</v>
      </c>
      <c r="KJ14" s="71">
        <v>2122</v>
      </c>
      <c r="KK14" s="71">
        <v>1727</v>
      </c>
      <c r="KL14" s="72">
        <v>13915</v>
      </c>
      <c r="KM14" s="73">
        <v>21657</v>
      </c>
    </row>
    <row r="15" spans="2:299" ht="21" customHeight="1" x14ac:dyDescent="0.2">
      <c r="B15" s="126" t="s">
        <v>11</v>
      </c>
      <c r="C15" s="315">
        <v>447</v>
      </c>
      <c r="D15" s="82">
        <v>353</v>
      </c>
      <c r="E15" s="83">
        <v>800</v>
      </c>
      <c r="F15" s="241"/>
      <c r="G15" s="82">
        <v>829</v>
      </c>
      <c r="H15" s="82">
        <v>546</v>
      </c>
      <c r="I15" s="82">
        <v>458</v>
      </c>
      <c r="J15" s="82">
        <v>393</v>
      </c>
      <c r="K15" s="82">
        <v>210</v>
      </c>
      <c r="L15" s="84">
        <v>2436</v>
      </c>
      <c r="M15" s="85">
        <v>3236</v>
      </c>
      <c r="N15" s="70">
        <v>14</v>
      </c>
      <c r="O15" s="71">
        <v>20</v>
      </c>
      <c r="P15" s="72">
        <v>34</v>
      </c>
      <c r="Q15" s="244"/>
      <c r="R15" s="71">
        <v>42</v>
      </c>
      <c r="S15" s="71">
        <v>21</v>
      </c>
      <c r="T15" s="71">
        <v>23</v>
      </c>
      <c r="U15" s="71">
        <v>18</v>
      </c>
      <c r="V15" s="71">
        <v>14</v>
      </c>
      <c r="W15" s="72">
        <v>118</v>
      </c>
      <c r="X15" s="73">
        <v>152</v>
      </c>
      <c r="Y15" s="70">
        <v>55</v>
      </c>
      <c r="Z15" s="71">
        <v>37</v>
      </c>
      <c r="AA15" s="72">
        <v>92</v>
      </c>
      <c r="AB15" s="244"/>
      <c r="AC15" s="71">
        <v>91</v>
      </c>
      <c r="AD15" s="71">
        <v>64</v>
      </c>
      <c r="AE15" s="71">
        <v>62</v>
      </c>
      <c r="AF15" s="71">
        <v>38</v>
      </c>
      <c r="AG15" s="71">
        <v>29</v>
      </c>
      <c r="AH15" s="72">
        <v>284</v>
      </c>
      <c r="AI15" s="73">
        <v>376</v>
      </c>
      <c r="AJ15" s="70">
        <v>61</v>
      </c>
      <c r="AK15" s="71">
        <v>65</v>
      </c>
      <c r="AL15" s="72">
        <v>126</v>
      </c>
      <c r="AM15" s="244"/>
      <c r="AN15" s="71">
        <v>151</v>
      </c>
      <c r="AO15" s="71">
        <v>105</v>
      </c>
      <c r="AP15" s="71">
        <v>68</v>
      </c>
      <c r="AQ15" s="71">
        <v>65</v>
      </c>
      <c r="AR15" s="71">
        <v>34</v>
      </c>
      <c r="AS15" s="72">
        <v>423</v>
      </c>
      <c r="AT15" s="73">
        <v>549</v>
      </c>
      <c r="AU15" s="70">
        <v>125</v>
      </c>
      <c r="AV15" s="71">
        <v>81</v>
      </c>
      <c r="AW15" s="72">
        <v>206</v>
      </c>
      <c r="AX15" s="244"/>
      <c r="AY15" s="71">
        <v>197</v>
      </c>
      <c r="AZ15" s="71">
        <v>126</v>
      </c>
      <c r="BA15" s="71">
        <v>108</v>
      </c>
      <c r="BB15" s="71">
        <v>95</v>
      </c>
      <c r="BC15" s="71">
        <v>52</v>
      </c>
      <c r="BD15" s="72">
        <v>578</v>
      </c>
      <c r="BE15" s="73">
        <v>784</v>
      </c>
      <c r="BF15" s="70">
        <v>116</v>
      </c>
      <c r="BG15" s="71">
        <v>100</v>
      </c>
      <c r="BH15" s="72">
        <v>216</v>
      </c>
      <c r="BI15" s="244"/>
      <c r="BJ15" s="71">
        <v>193</v>
      </c>
      <c r="BK15" s="71">
        <v>123</v>
      </c>
      <c r="BL15" s="71">
        <v>107</v>
      </c>
      <c r="BM15" s="71">
        <v>106</v>
      </c>
      <c r="BN15" s="71">
        <v>44</v>
      </c>
      <c r="BO15" s="72">
        <v>573</v>
      </c>
      <c r="BP15" s="73">
        <v>789</v>
      </c>
      <c r="BQ15" s="70">
        <v>76</v>
      </c>
      <c r="BR15" s="71">
        <v>50</v>
      </c>
      <c r="BS15" s="72">
        <v>126</v>
      </c>
      <c r="BT15" s="244"/>
      <c r="BU15" s="71">
        <v>155</v>
      </c>
      <c r="BV15" s="71">
        <v>107</v>
      </c>
      <c r="BW15" s="71">
        <v>90</v>
      </c>
      <c r="BX15" s="71">
        <v>71</v>
      </c>
      <c r="BY15" s="71">
        <v>37</v>
      </c>
      <c r="BZ15" s="72">
        <v>460</v>
      </c>
      <c r="CA15" s="73">
        <v>586</v>
      </c>
      <c r="CB15" s="70">
        <v>11</v>
      </c>
      <c r="CC15" s="71">
        <v>10</v>
      </c>
      <c r="CD15" s="72">
        <v>21</v>
      </c>
      <c r="CE15" s="244"/>
      <c r="CF15" s="71">
        <v>34</v>
      </c>
      <c r="CG15" s="71">
        <v>20</v>
      </c>
      <c r="CH15" s="71">
        <v>13</v>
      </c>
      <c r="CI15" s="71">
        <v>15</v>
      </c>
      <c r="CJ15" s="71">
        <v>13</v>
      </c>
      <c r="CK15" s="72">
        <v>95</v>
      </c>
      <c r="CL15" s="73">
        <v>116</v>
      </c>
      <c r="CM15" s="70">
        <v>458</v>
      </c>
      <c r="CN15" s="71">
        <v>363</v>
      </c>
      <c r="CO15" s="72">
        <v>821</v>
      </c>
      <c r="CP15" s="244"/>
      <c r="CQ15" s="71">
        <v>863</v>
      </c>
      <c r="CR15" s="71">
        <v>566</v>
      </c>
      <c r="CS15" s="71">
        <v>471</v>
      </c>
      <c r="CT15" s="71">
        <v>408</v>
      </c>
      <c r="CU15" s="71">
        <v>223</v>
      </c>
      <c r="CV15" s="72">
        <v>2531</v>
      </c>
      <c r="CW15" s="73">
        <v>3352</v>
      </c>
      <c r="CX15" s="123">
        <v>938</v>
      </c>
      <c r="CY15" s="82">
        <v>760</v>
      </c>
      <c r="CZ15" s="83">
        <v>1698</v>
      </c>
      <c r="DA15" s="241"/>
      <c r="DB15" s="82">
        <v>1765</v>
      </c>
      <c r="DC15" s="82">
        <v>1024</v>
      </c>
      <c r="DD15" s="82">
        <v>911</v>
      </c>
      <c r="DE15" s="82">
        <v>958</v>
      </c>
      <c r="DF15" s="82">
        <v>507</v>
      </c>
      <c r="DG15" s="84">
        <v>5165</v>
      </c>
      <c r="DH15" s="85">
        <v>6863</v>
      </c>
      <c r="DI15" s="70">
        <v>23</v>
      </c>
      <c r="DJ15" s="71">
        <v>13</v>
      </c>
      <c r="DK15" s="72">
        <v>36</v>
      </c>
      <c r="DL15" s="244"/>
      <c r="DM15" s="71">
        <v>46</v>
      </c>
      <c r="DN15" s="71">
        <v>18</v>
      </c>
      <c r="DO15" s="71">
        <v>14</v>
      </c>
      <c r="DP15" s="71">
        <v>19</v>
      </c>
      <c r="DQ15" s="71">
        <v>12</v>
      </c>
      <c r="DR15" s="72">
        <v>109</v>
      </c>
      <c r="DS15" s="73">
        <v>145</v>
      </c>
      <c r="DT15" s="70">
        <v>63</v>
      </c>
      <c r="DU15" s="71">
        <v>58</v>
      </c>
      <c r="DV15" s="72">
        <v>121</v>
      </c>
      <c r="DW15" s="244"/>
      <c r="DX15" s="71">
        <v>102</v>
      </c>
      <c r="DY15" s="71">
        <v>41</v>
      </c>
      <c r="DZ15" s="71">
        <v>48</v>
      </c>
      <c r="EA15" s="71">
        <v>40</v>
      </c>
      <c r="EB15" s="71">
        <v>27</v>
      </c>
      <c r="EC15" s="72">
        <v>258</v>
      </c>
      <c r="ED15" s="73">
        <v>379</v>
      </c>
      <c r="EE15" s="70">
        <v>118</v>
      </c>
      <c r="EF15" s="71">
        <v>103</v>
      </c>
      <c r="EG15" s="72">
        <v>221</v>
      </c>
      <c r="EH15" s="244"/>
      <c r="EI15" s="71">
        <v>162</v>
      </c>
      <c r="EJ15" s="71">
        <v>114</v>
      </c>
      <c r="EK15" s="71">
        <v>102</v>
      </c>
      <c r="EL15" s="71">
        <v>82</v>
      </c>
      <c r="EM15" s="71">
        <v>47</v>
      </c>
      <c r="EN15" s="72">
        <v>507</v>
      </c>
      <c r="EO15" s="73">
        <v>728</v>
      </c>
      <c r="EP15" s="70">
        <v>282</v>
      </c>
      <c r="EQ15" s="71">
        <v>215</v>
      </c>
      <c r="ER15" s="72">
        <v>497</v>
      </c>
      <c r="ES15" s="244"/>
      <c r="ET15" s="71">
        <v>402</v>
      </c>
      <c r="EU15" s="71">
        <v>193</v>
      </c>
      <c r="EV15" s="71">
        <v>144</v>
      </c>
      <c r="EW15" s="71">
        <v>149</v>
      </c>
      <c r="EX15" s="71">
        <v>76</v>
      </c>
      <c r="EY15" s="72">
        <v>964</v>
      </c>
      <c r="EZ15" s="73">
        <v>1461</v>
      </c>
      <c r="FA15" s="70">
        <v>284</v>
      </c>
      <c r="FB15" s="71">
        <v>209</v>
      </c>
      <c r="FC15" s="72">
        <v>493</v>
      </c>
      <c r="FD15" s="244"/>
      <c r="FE15" s="71">
        <v>564</v>
      </c>
      <c r="FF15" s="71">
        <v>290</v>
      </c>
      <c r="FG15" s="71">
        <v>246</v>
      </c>
      <c r="FH15" s="71">
        <v>239</v>
      </c>
      <c r="FI15" s="71">
        <v>138</v>
      </c>
      <c r="FJ15" s="72">
        <v>1477</v>
      </c>
      <c r="FK15" s="73">
        <v>1970</v>
      </c>
      <c r="FL15" s="70">
        <v>168</v>
      </c>
      <c r="FM15" s="71">
        <v>162</v>
      </c>
      <c r="FN15" s="72">
        <v>330</v>
      </c>
      <c r="FO15" s="244"/>
      <c r="FP15" s="71">
        <v>489</v>
      </c>
      <c r="FQ15" s="71">
        <v>368</v>
      </c>
      <c r="FR15" s="71">
        <v>357</v>
      </c>
      <c r="FS15" s="71">
        <v>429</v>
      </c>
      <c r="FT15" s="71">
        <v>207</v>
      </c>
      <c r="FU15" s="72">
        <v>1850</v>
      </c>
      <c r="FV15" s="73">
        <v>2180</v>
      </c>
      <c r="FW15" s="70">
        <v>10</v>
      </c>
      <c r="FX15" s="71">
        <v>9</v>
      </c>
      <c r="FY15" s="72">
        <v>19</v>
      </c>
      <c r="FZ15" s="244"/>
      <c r="GA15" s="71">
        <v>24</v>
      </c>
      <c r="GB15" s="71">
        <v>18</v>
      </c>
      <c r="GC15" s="71">
        <v>18</v>
      </c>
      <c r="GD15" s="71">
        <v>10</v>
      </c>
      <c r="GE15" s="71">
        <v>10</v>
      </c>
      <c r="GF15" s="72">
        <v>80</v>
      </c>
      <c r="GG15" s="73">
        <v>99</v>
      </c>
      <c r="GH15" s="70">
        <v>948</v>
      </c>
      <c r="GI15" s="71">
        <v>769</v>
      </c>
      <c r="GJ15" s="72">
        <v>1717</v>
      </c>
      <c r="GK15" s="244"/>
      <c r="GL15" s="71">
        <v>1789</v>
      </c>
      <c r="GM15" s="71">
        <v>1042</v>
      </c>
      <c r="GN15" s="71">
        <v>929</v>
      </c>
      <c r="GO15" s="71">
        <v>968</v>
      </c>
      <c r="GP15" s="71">
        <v>517</v>
      </c>
      <c r="GQ15" s="72">
        <v>5245</v>
      </c>
      <c r="GR15" s="73">
        <v>6962</v>
      </c>
      <c r="GS15" s="123">
        <v>1385</v>
      </c>
      <c r="GT15" s="82">
        <v>1113</v>
      </c>
      <c r="GU15" s="83">
        <v>2498</v>
      </c>
      <c r="GV15" s="241"/>
      <c r="GW15" s="82">
        <v>2594</v>
      </c>
      <c r="GX15" s="82">
        <v>1570</v>
      </c>
      <c r="GY15" s="82">
        <v>1369</v>
      </c>
      <c r="GZ15" s="82">
        <v>1351</v>
      </c>
      <c r="HA15" s="82">
        <v>717</v>
      </c>
      <c r="HB15" s="84">
        <v>7601</v>
      </c>
      <c r="HC15" s="85">
        <v>10099</v>
      </c>
      <c r="HD15" s="70">
        <v>37</v>
      </c>
      <c r="HE15" s="71">
        <v>33</v>
      </c>
      <c r="HF15" s="72">
        <v>70</v>
      </c>
      <c r="HG15" s="244"/>
      <c r="HH15" s="71">
        <v>88</v>
      </c>
      <c r="HI15" s="71">
        <v>39</v>
      </c>
      <c r="HJ15" s="71">
        <v>37</v>
      </c>
      <c r="HK15" s="71">
        <v>37</v>
      </c>
      <c r="HL15" s="71">
        <v>26</v>
      </c>
      <c r="HM15" s="72">
        <v>227</v>
      </c>
      <c r="HN15" s="73">
        <v>297</v>
      </c>
      <c r="HO15" s="70">
        <v>118</v>
      </c>
      <c r="HP15" s="71">
        <v>95</v>
      </c>
      <c r="HQ15" s="72">
        <v>213</v>
      </c>
      <c r="HR15" s="244"/>
      <c r="HS15" s="71">
        <v>193</v>
      </c>
      <c r="HT15" s="71">
        <v>105</v>
      </c>
      <c r="HU15" s="71">
        <v>110</v>
      </c>
      <c r="HV15" s="71">
        <v>78</v>
      </c>
      <c r="HW15" s="71">
        <v>56</v>
      </c>
      <c r="HX15" s="72">
        <v>542</v>
      </c>
      <c r="HY15" s="73">
        <v>755</v>
      </c>
      <c r="HZ15" s="70">
        <v>179</v>
      </c>
      <c r="IA15" s="71">
        <v>168</v>
      </c>
      <c r="IB15" s="72">
        <v>347</v>
      </c>
      <c r="IC15" s="244"/>
      <c r="ID15" s="71">
        <v>313</v>
      </c>
      <c r="IE15" s="71">
        <v>219</v>
      </c>
      <c r="IF15" s="71">
        <v>170</v>
      </c>
      <c r="IG15" s="71">
        <v>147</v>
      </c>
      <c r="IH15" s="71">
        <v>81</v>
      </c>
      <c r="II15" s="72">
        <v>930</v>
      </c>
      <c r="IJ15" s="73">
        <v>1277</v>
      </c>
      <c r="IK15" s="70">
        <v>407</v>
      </c>
      <c r="IL15" s="71">
        <v>296</v>
      </c>
      <c r="IM15" s="72">
        <v>703</v>
      </c>
      <c r="IN15" s="244"/>
      <c r="IO15" s="71">
        <v>599</v>
      </c>
      <c r="IP15" s="71">
        <v>319</v>
      </c>
      <c r="IQ15" s="71">
        <v>252</v>
      </c>
      <c r="IR15" s="71">
        <v>244</v>
      </c>
      <c r="IS15" s="71">
        <v>128</v>
      </c>
      <c r="IT15" s="72">
        <v>1542</v>
      </c>
      <c r="IU15" s="73">
        <v>2245</v>
      </c>
      <c r="IV15" s="70">
        <v>400</v>
      </c>
      <c r="IW15" s="71">
        <v>309</v>
      </c>
      <c r="IX15" s="72">
        <v>709</v>
      </c>
      <c r="IY15" s="244"/>
      <c r="IZ15" s="71">
        <v>757</v>
      </c>
      <c r="JA15" s="71">
        <v>413</v>
      </c>
      <c r="JB15" s="71">
        <v>353</v>
      </c>
      <c r="JC15" s="71">
        <v>345</v>
      </c>
      <c r="JD15" s="71">
        <v>182</v>
      </c>
      <c r="JE15" s="72">
        <v>2050</v>
      </c>
      <c r="JF15" s="73">
        <v>2759</v>
      </c>
      <c r="JG15" s="70">
        <v>244</v>
      </c>
      <c r="JH15" s="71">
        <v>212</v>
      </c>
      <c r="JI15" s="72">
        <v>456</v>
      </c>
      <c r="JJ15" s="244"/>
      <c r="JK15" s="71">
        <v>644</v>
      </c>
      <c r="JL15" s="71">
        <v>475</v>
      </c>
      <c r="JM15" s="71">
        <v>447</v>
      </c>
      <c r="JN15" s="71">
        <v>500</v>
      </c>
      <c r="JO15" s="71">
        <v>244</v>
      </c>
      <c r="JP15" s="72">
        <v>2310</v>
      </c>
      <c r="JQ15" s="73">
        <v>2766</v>
      </c>
      <c r="JR15" s="70">
        <v>21</v>
      </c>
      <c r="JS15" s="71">
        <v>19</v>
      </c>
      <c r="JT15" s="72">
        <v>40</v>
      </c>
      <c r="JU15" s="244"/>
      <c r="JV15" s="71">
        <v>58</v>
      </c>
      <c r="JW15" s="71">
        <v>38</v>
      </c>
      <c r="JX15" s="71">
        <v>31</v>
      </c>
      <c r="JY15" s="71">
        <v>25</v>
      </c>
      <c r="JZ15" s="71">
        <v>23</v>
      </c>
      <c r="KA15" s="72">
        <v>175</v>
      </c>
      <c r="KB15" s="73">
        <v>215</v>
      </c>
      <c r="KC15" s="70">
        <v>1406</v>
      </c>
      <c r="KD15" s="71">
        <v>1132</v>
      </c>
      <c r="KE15" s="72">
        <v>2538</v>
      </c>
      <c r="KF15" s="244"/>
      <c r="KG15" s="71">
        <v>2652</v>
      </c>
      <c r="KH15" s="71">
        <v>1608</v>
      </c>
      <c r="KI15" s="71">
        <v>1400</v>
      </c>
      <c r="KJ15" s="71">
        <v>1376</v>
      </c>
      <c r="KK15" s="71">
        <v>740</v>
      </c>
      <c r="KL15" s="72">
        <v>7776</v>
      </c>
      <c r="KM15" s="73">
        <v>10314</v>
      </c>
    </row>
    <row r="16" spans="2:299" ht="21" customHeight="1" x14ac:dyDescent="0.2">
      <c r="B16" s="126" t="s">
        <v>12</v>
      </c>
      <c r="C16" s="315">
        <v>680</v>
      </c>
      <c r="D16" s="82">
        <v>600</v>
      </c>
      <c r="E16" s="83">
        <v>1280</v>
      </c>
      <c r="F16" s="241"/>
      <c r="G16" s="82">
        <v>691</v>
      </c>
      <c r="H16" s="82">
        <v>636</v>
      </c>
      <c r="I16" s="82">
        <v>460</v>
      </c>
      <c r="J16" s="82">
        <v>442</v>
      </c>
      <c r="K16" s="82">
        <v>215</v>
      </c>
      <c r="L16" s="84">
        <v>2444</v>
      </c>
      <c r="M16" s="85">
        <v>3724</v>
      </c>
      <c r="N16" s="86">
        <v>23</v>
      </c>
      <c r="O16" s="71">
        <v>30</v>
      </c>
      <c r="P16" s="72">
        <v>53</v>
      </c>
      <c r="Q16" s="244"/>
      <c r="R16" s="71">
        <v>17</v>
      </c>
      <c r="S16" s="71">
        <v>33</v>
      </c>
      <c r="T16" s="71">
        <v>19</v>
      </c>
      <c r="U16" s="71">
        <v>25</v>
      </c>
      <c r="V16" s="71">
        <v>11</v>
      </c>
      <c r="W16" s="72">
        <v>105</v>
      </c>
      <c r="X16" s="73">
        <v>158</v>
      </c>
      <c r="Y16" s="70">
        <v>57</v>
      </c>
      <c r="Z16" s="71">
        <v>72</v>
      </c>
      <c r="AA16" s="72">
        <v>129</v>
      </c>
      <c r="AB16" s="244"/>
      <c r="AC16" s="71">
        <v>52</v>
      </c>
      <c r="AD16" s="71">
        <v>45</v>
      </c>
      <c r="AE16" s="71">
        <v>37</v>
      </c>
      <c r="AF16" s="71">
        <v>36</v>
      </c>
      <c r="AG16" s="71">
        <v>23</v>
      </c>
      <c r="AH16" s="72">
        <v>193</v>
      </c>
      <c r="AI16" s="73">
        <v>322</v>
      </c>
      <c r="AJ16" s="86">
        <v>88</v>
      </c>
      <c r="AK16" s="71">
        <v>98</v>
      </c>
      <c r="AL16" s="72">
        <v>186</v>
      </c>
      <c r="AM16" s="244"/>
      <c r="AN16" s="71">
        <v>93</v>
      </c>
      <c r="AO16" s="71">
        <v>99</v>
      </c>
      <c r="AP16" s="71">
        <v>75</v>
      </c>
      <c r="AQ16" s="71">
        <v>57</v>
      </c>
      <c r="AR16" s="71">
        <v>48</v>
      </c>
      <c r="AS16" s="72">
        <v>372</v>
      </c>
      <c r="AT16" s="73">
        <v>558</v>
      </c>
      <c r="AU16" s="70">
        <v>176</v>
      </c>
      <c r="AV16" s="71">
        <v>144</v>
      </c>
      <c r="AW16" s="72">
        <v>320</v>
      </c>
      <c r="AX16" s="244"/>
      <c r="AY16" s="71">
        <v>162</v>
      </c>
      <c r="AZ16" s="71">
        <v>164</v>
      </c>
      <c r="BA16" s="71">
        <v>100</v>
      </c>
      <c r="BB16" s="71">
        <v>91</v>
      </c>
      <c r="BC16" s="71">
        <v>48</v>
      </c>
      <c r="BD16" s="72">
        <v>565</v>
      </c>
      <c r="BE16" s="73">
        <v>885</v>
      </c>
      <c r="BF16" s="86">
        <v>202</v>
      </c>
      <c r="BG16" s="71">
        <v>140</v>
      </c>
      <c r="BH16" s="72">
        <v>342</v>
      </c>
      <c r="BI16" s="244"/>
      <c r="BJ16" s="71">
        <v>211</v>
      </c>
      <c r="BK16" s="71">
        <v>158</v>
      </c>
      <c r="BL16" s="71">
        <v>137</v>
      </c>
      <c r="BM16" s="71">
        <v>131</v>
      </c>
      <c r="BN16" s="71">
        <v>53</v>
      </c>
      <c r="BO16" s="72">
        <v>690</v>
      </c>
      <c r="BP16" s="73">
        <v>1032</v>
      </c>
      <c r="BQ16" s="70">
        <v>134</v>
      </c>
      <c r="BR16" s="71">
        <v>116</v>
      </c>
      <c r="BS16" s="72">
        <v>250</v>
      </c>
      <c r="BT16" s="244"/>
      <c r="BU16" s="71">
        <v>156</v>
      </c>
      <c r="BV16" s="71">
        <v>137</v>
      </c>
      <c r="BW16" s="71">
        <v>92</v>
      </c>
      <c r="BX16" s="71">
        <v>102</v>
      </c>
      <c r="BY16" s="71">
        <v>32</v>
      </c>
      <c r="BZ16" s="72">
        <v>519</v>
      </c>
      <c r="CA16" s="73">
        <v>769</v>
      </c>
      <c r="CB16" s="70">
        <v>18</v>
      </c>
      <c r="CC16" s="71">
        <v>27</v>
      </c>
      <c r="CD16" s="72">
        <v>45</v>
      </c>
      <c r="CE16" s="244"/>
      <c r="CF16" s="71">
        <v>15</v>
      </c>
      <c r="CG16" s="71">
        <v>18</v>
      </c>
      <c r="CH16" s="71">
        <v>17</v>
      </c>
      <c r="CI16" s="71">
        <v>11</v>
      </c>
      <c r="CJ16" s="71">
        <v>15</v>
      </c>
      <c r="CK16" s="72">
        <v>76</v>
      </c>
      <c r="CL16" s="73">
        <v>121</v>
      </c>
      <c r="CM16" s="70">
        <v>698</v>
      </c>
      <c r="CN16" s="71">
        <v>627</v>
      </c>
      <c r="CO16" s="72">
        <v>1325</v>
      </c>
      <c r="CP16" s="244"/>
      <c r="CQ16" s="71">
        <v>706</v>
      </c>
      <c r="CR16" s="71">
        <v>654</v>
      </c>
      <c r="CS16" s="71">
        <v>477</v>
      </c>
      <c r="CT16" s="71">
        <v>453</v>
      </c>
      <c r="CU16" s="71">
        <v>230</v>
      </c>
      <c r="CV16" s="72">
        <v>2520</v>
      </c>
      <c r="CW16" s="73">
        <v>3845</v>
      </c>
      <c r="CX16" s="123">
        <v>1334</v>
      </c>
      <c r="CY16" s="82">
        <v>1292</v>
      </c>
      <c r="CZ16" s="83">
        <v>2626</v>
      </c>
      <c r="DA16" s="241"/>
      <c r="DB16" s="82">
        <v>1398</v>
      </c>
      <c r="DC16" s="82">
        <v>1111</v>
      </c>
      <c r="DD16" s="82">
        <v>945</v>
      </c>
      <c r="DE16" s="82">
        <v>1028</v>
      </c>
      <c r="DF16" s="82">
        <v>695</v>
      </c>
      <c r="DG16" s="84">
        <v>5177</v>
      </c>
      <c r="DH16" s="85">
        <v>7803</v>
      </c>
      <c r="DI16" s="86">
        <v>35</v>
      </c>
      <c r="DJ16" s="71">
        <v>36</v>
      </c>
      <c r="DK16" s="72">
        <v>71</v>
      </c>
      <c r="DL16" s="244"/>
      <c r="DM16" s="71">
        <v>23</v>
      </c>
      <c r="DN16" s="71">
        <v>16</v>
      </c>
      <c r="DO16" s="71">
        <v>13</v>
      </c>
      <c r="DP16" s="71">
        <v>12</v>
      </c>
      <c r="DQ16" s="71">
        <v>11</v>
      </c>
      <c r="DR16" s="72">
        <v>75</v>
      </c>
      <c r="DS16" s="73">
        <v>146</v>
      </c>
      <c r="DT16" s="70">
        <v>80</v>
      </c>
      <c r="DU16" s="71">
        <v>77</v>
      </c>
      <c r="DV16" s="72">
        <v>157</v>
      </c>
      <c r="DW16" s="244"/>
      <c r="DX16" s="71">
        <v>53</v>
      </c>
      <c r="DY16" s="71">
        <v>53</v>
      </c>
      <c r="DZ16" s="71">
        <v>38</v>
      </c>
      <c r="EA16" s="71">
        <v>45</v>
      </c>
      <c r="EB16" s="71">
        <v>38</v>
      </c>
      <c r="EC16" s="72">
        <v>227</v>
      </c>
      <c r="ED16" s="73">
        <v>384</v>
      </c>
      <c r="EE16" s="86">
        <v>198</v>
      </c>
      <c r="EF16" s="71">
        <v>212</v>
      </c>
      <c r="EG16" s="72">
        <v>410</v>
      </c>
      <c r="EH16" s="244"/>
      <c r="EI16" s="71">
        <v>133</v>
      </c>
      <c r="EJ16" s="71">
        <v>112</v>
      </c>
      <c r="EK16" s="71">
        <v>97</v>
      </c>
      <c r="EL16" s="71">
        <v>83</v>
      </c>
      <c r="EM16" s="71">
        <v>62</v>
      </c>
      <c r="EN16" s="72">
        <v>487</v>
      </c>
      <c r="EO16" s="73">
        <v>897</v>
      </c>
      <c r="EP16" s="70">
        <v>373</v>
      </c>
      <c r="EQ16" s="71">
        <v>324</v>
      </c>
      <c r="ER16" s="72">
        <v>697</v>
      </c>
      <c r="ES16" s="244"/>
      <c r="ET16" s="71">
        <v>325</v>
      </c>
      <c r="EU16" s="71">
        <v>217</v>
      </c>
      <c r="EV16" s="71">
        <v>161</v>
      </c>
      <c r="EW16" s="71">
        <v>149</v>
      </c>
      <c r="EX16" s="71">
        <v>128</v>
      </c>
      <c r="EY16" s="72">
        <v>980</v>
      </c>
      <c r="EZ16" s="73">
        <v>1677</v>
      </c>
      <c r="FA16" s="86">
        <v>405</v>
      </c>
      <c r="FB16" s="71">
        <v>353</v>
      </c>
      <c r="FC16" s="72">
        <v>758</v>
      </c>
      <c r="FD16" s="244"/>
      <c r="FE16" s="71">
        <v>420</v>
      </c>
      <c r="FF16" s="71">
        <v>340</v>
      </c>
      <c r="FG16" s="71">
        <v>276</v>
      </c>
      <c r="FH16" s="71">
        <v>290</v>
      </c>
      <c r="FI16" s="71">
        <v>160</v>
      </c>
      <c r="FJ16" s="72">
        <v>1486</v>
      </c>
      <c r="FK16" s="73">
        <v>2244</v>
      </c>
      <c r="FL16" s="70">
        <v>243</v>
      </c>
      <c r="FM16" s="71">
        <v>290</v>
      </c>
      <c r="FN16" s="72">
        <v>533</v>
      </c>
      <c r="FO16" s="244"/>
      <c r="FP16" s="71">
        <v>444</v>
      </c>
      <c r="FQ16" s="71">
        <v>373</v>
      </c>
      <c r="FR16" s="71">
        <v>360</v>
      </c>
      <c r="FS16" s="71">
        <v>449</v>
      </c>
      <c r="FT16" s="71">
        <v>296</v>
      </c>
      <c r="FU16" s="72">
        <v>1922</v>
      </c>
      <c r="FV16" s="73">
        <v>2455</v>
      </c>
      <c r="FW16" s="70">
        <v>19</v>
      </c>
      <c r="FX16" s="71">
        <v>21</v>
      </c>
      <c r="FY16" s="72">
        <v>40</v>
      </c>
      <c r="FZ16" s="244"/>
      <c r="GA16" s="71">
        <v>19</v>
      </c>
      <c r="GB16" s="71">
        <v>17</v>
      </c>
      <c r="GC16" s="71">
        <v>13</v>
      </c>
      <c r="GD16" s="71">
        <v>18</v>
      </c>
      <c r="GE16" s="71">
        <v>8</v>
      </c>
      <c r="GF16" s="72">
        <v>75</v>
      </c>
      <c r="GG16" s="73">
        <v>115</v>
      </c>
      <c r="GH16" s="70">
        <v>1353</v>
      </c>
      <c r="GI16" s="71">
        <v>1313</v>
      </c>
      <c r="GJ16" s="72">
        <v>2666</v>
      </c>
      <c r="GK16" s="244"/>
      <c r="GL16" s="71">
        <v>1417</v>
      </c>
      <c r="GM16" s="71">
        <v>1128</v>
      </c>
      <c r="GN16" s="71">
        <v>958</v>
      </c>
      <c r="GO16" s="71">
        <v>1046</v>
      </c>
      <c r="GP16" s="71">
        <v>703</v>
      </c>
      <c r="GQ16" s="72">
        <v>5252</v>
      </c>
      <c r="GR16" s="73">
        <v>7918</v>
      </c>
      <c r="GS16" s="123">
        <v>2014</v>
      </c>
      <c r="GT16" s="82">
        <v>1892</v>
      </c>
      <c r="GU16" s="83">
        <v>3906</v>
      </c>
      <c r="GV16" s="241"/>
      <c r="GW16" s="82">
        <v>2089</v>
      </c>
      <c r="GX16" s="82">
        <v>1747</v>
      </c>
      <c r="GY16" s="82">
        <v>1405</v>
      </c>
      <c r="GZ16" s="82">
        <v>1470</v>
      </c>
      <c r="HA16" s="82">
        <v>910</v>
      </c>
      <c r="HB16" s="84">
        <v>7621</v>
      </c>
      <c r="HC16" s="85">
        <v>11527</v>
      </c>
      <c r="HD16" s="86">
        <v>58</v>
      </c>
      <c r="HE16" s="71">
        <v>66</v>
      </c>
      <c r="HF16" s="72">
        <v>124</v>
      </c>
      <c r="HG16" s="244"/>
      <c r="HH16" s="71">
        <v>40</v>
      </c>
      <c r="HI16" s="71">
        <v>49</v>
      </c>
      <c r="HJ16" s="71">
        <v>32</v>
      </c>
      <c r="HK16" s="71">
        <v>37</v>
      </c>
      <c r="HL16" s="71">
        <v>22</v>
      </c>
      <c r="HM16" s="72">
        <v>180</v>
      </c>
      <c r="HN16" s="73">
        <v>304</v>
      </c>
      <c r="HO16" s="70">
        <v>137</v>
      </c>
      <c r="HP16" s="71">
        <v>149</v>
      </c>
      <c r="HQ16" s="72">
        <v>286</v>
      </c>
      <c r="HR16" s="244"/>
      <c r="HS16" s="71">
        <v>105</v>
      </c>
      <c r="HT16" s="71">
        <v>98</v>
      </c>
      <c r="HU16" s="71">
        <v>75</v>
      </c>
      <c r="HV16" s="71">
        <v>81</v>
      </c>
      <c r="HW16" s="71">
        <v>61</v>
      </c>
      <c r="HX16" s="72">
        <v>420</v>
      </c>
      <c r="HY16" s="73">
        <v>706</v>
      </c>
      <c r="HZ16" s="86">
        <v>286</v>
      </c>
      <c r="IA16" s="71">
        <v>310</v>
      </c>
      <c r="IB16" s="72">
        <v>596</v>
      </c>
      <c r="IC16" s="244"/>
      <c r="ID16" s="71">
        <v>226</v>
      </c>
      <c r="IE16" s="71">
        <v>211</v>
      </c>
      <c r="IF16" s="71">
        <v>172</v>
      </c>
      <c r="IG16" s="71">
        <v>140</v>
      </c>
      <c r="IH16" s="71">
        <v>110</v>
      </c>
      <c r="II16" s="72">
        <v>859</v>
      </c>
      <c r="IJ16" s="73">
        <v>1455</v>
      </c>
      <c r="IK16" s="70">
        <v>549</v>
      </c>
      <c r="IL16" s="71">
        <v>468</v>
      </c>
      <c r="IM16" s="72">
        <v>1017</v>
      </c>
      <c r="IN16" s="244"/>
      <c r="IO16" s="71">
        <v>487</v>
      </c>
      <c r="IP16" s="71">
        <v>381</v>
      </c>
      <c r="IQ16" s="71">
        <v>261</v>
      </c>
      <c r="IR16" s="71">
        <v>240</v>
      </c>
      <c r="IS16" s="71">
        <v>176</v>
      </c>
      <c r="IT16" s="72">
        <v>1545</v>
      </c>
      <c r="IU16" s="73">
        <v>2562</v>
      </c>
      <c r="IV16" s="86">
        <v>607</v>
      </c>
      <c r="IW16" s="71">
        <v>493</v>
      </c>
      <c r="IX16" s="72">
        <v>1100</v>
      </c>
      <c r="IY16" s="244"/>
      <c r="IZ16" s="71">
        <v>631</v>
      </c>
      <c r="JA16" s="71">
        <v>498</v>
      </c>
      <c r="JB16" s="71">
        <v>413</v>
      </c>
      <c r="JC16" s="71">
        <v>421</v>
      </c>
      <c r="JD16" s="71">
        <v>213</v>
      </c>
      <c r="JE16" s="72">
        <v>2176</v>
      </c>
      <c r="JF16" s="73">
        <v>3276</v>
      </c>
      <c r="JG16" s="70">
        <v>377</v>
      </c>
      <c r="JH16" s="71">
        <v>406</v>
      </c>
      <c r="JI16" s="72">
        <v>783</v>
      </c>
      <c r="JJ16" s="244"/>
      <c r="JK16" s="71">
        <v>600</v>
      </c>
      <c r="JL16" s="71">
        <v>510</v>
      </c>
      <c r="JM16" s="71">
        <v>452</v>
      </c>
      <c r="JN16" s="71">
        <v>551</v>
      </c>
      <c r="JO16" s="71">
        <v>328</v>
      </c>
      <c r="JP16" s="72">
        <v>2441</v>
      </c>
      <c r="JQ16" s="73">
        <v>3224</v>
      </c>
      <c r="JR16" s="70">
        <v>37</v>
      </c>
      <c r="JS16" s="71">
        <v>48</v>
      </c>
      <c r="JT16" s="72">
        <v>85</v>
      </c>
      <c r="JU16" s="244"/>
      <c r="JV16" s="71">
        <v>34</v>
      </c>
      <c r="JW16" s="71">
        <v>35</v>
      </c>
      <c r="JX16" s="71">
        <v>30</v>
      </c>
      <c r="JY16" s="71">
        <v>29</v>
      </c>
      <c r="JZ16" s="71">
        <v>23</v>
      </c>
      <c r="KA16" s="72">
        <v>151</v>
      </c>
      <c r="KB16" s="73">
        <v>236</v>
      </c>
      <c r="KC16" s="70">
        <v>2051</v>
      </c>
      <c r="KD16" s="71">
        <v>1940</v>
      </c>
      <c r="KE16" s="72">
        <v>3991</v>
      </c>
      <c r="KF16" s="244"/>
      <c r="KG16" s="71">
        <v>2123</v>
      </c>
      <c r="KH16" s="71">
        <v>1782</v>
      </c>
      <c r="KI16" s="71">
        <v>1435</v>
      </c>
      <c r="KJ16" s="71">
        <v>1499</v>
      </c>
      <c r="KK16" s="71">
        <v>933</v>
      </c>
      <c r="KL16" s="72">
        <v>7772</v>
      </c>
      <c r="KM16" s="73">
        <v>11763</v>
      </c>
    </row>
    <row r="17" spans="2:299" ht="21" customHeight="1" x14ac:dyDescent="0.2">
      <c r="B17" s="126" t="s">
        <v>13</v>
      </c>
      <c r="C17" s="315">
        <v>155</v>
      </c>
      <c r="D17" s="82">
        <v>182</v>
      </c>
      <c r="E17" s="83">
        <v>337</v>
      </c>
      <c r="F17" s="241"/>
      <c r="G17" s="82">
        <v>310</v>
      </c>
      <c r="H17" s="82">
        <v>251</v>
      </c>
      <c r="I17" s="82">
        <v>174</v>
      </c>
      <c r="J17" s="82">
        <v>155</v>
      </c>
      <c r="K17" s="82">
        <v>103</v>
      </c>
      <c r="L17" s="84">
        <v>993</v>
      </c>
      <c r="M17" s="85">
        <v>1330</v>
      </c>
      <c r="N17" s="70">
        <v>3</v>
      </c>
      <c r="O17" s="71">
        <v>2</v>
      </c>
      <c r="P17" s="72">
        <v>5</v>
      </c>
      <c r="Q17" s="244"/>
      <c r="R17" s="71">
        <v>16</v>
      </c>
      <c r="S17" s="71">
        <v>6</v>
      </c>
      <c r="T17" s="71">
        <v>7</v>
      </c>
      <c r="U17" s="71">
        <v>10</v>
      </c>
      <c r="V17" s="71">
        <v>3</v>
      </c>
      <c r="W17" s="72">
        <v>42</v>
      </c>
      <c r="X17" s="73">
        <v>47</v>
      </c>
      <c r="Y17" s="70">
        <v>12</v>
      </c>
      <c r="Z17" s="71">
        <v>11</v>
      </c>
      <c r="AA17" s="72">
        <v>23</v>
      </c>
      <c r="AB17" s="244"/>
      <c r="AC17" s="71">
        <v>24</v>
      </c>
      <c r="AD17" s="71">
        <v>17</v>
      </c>
      <c r="AE17" s="71">
        <v>11</v>
      </c>
      <c r="AF17" s="71">
        <v>13</v>
      </c>
      <c r="AG17" s="71">
        <v>15</v>
      </c>
      <c r="AH17" s="72">
        <v>80</v>
      </c>
      <c r="AI17" s="73">
        <v>103</v>
      </c>
      <c r="AJ17" s="70">
        <v>17</v>
      </c>
      <c r="AK17" s="71">
        <v>18</v>
      </c>
      <c r="AL17" s="72">
        <v>35</v>
      </c>
      <c r="AM17" s="244"/>
      <c r="AN17" s="71">
        <v>37</v>
      </c>
      <c r="AO17" s="71">
        <v>34</v>
      </c>
      <c r="AP17" s="71">
        <v>23</v>
      </c>
      <c r="AQ17" s="71">
        <v>14</v>
      </c>
      <c r="AR17" s="71">
        <v>9</v>
      </c>
      <c r="AS17" s="72">
        <v>117</v>
      </c>
      <c r="AT17" s="73">
        <v>152</v>
      </c>
      <c r="AU17" s="70">
        <v>37</v>
      </c>
      <c r="AV17" s="71">
        <v>58</v>
      </c>
      <c r="AW17" s="72">
        <v>95</v>
      </c>
      <c r="AX17" s="244"/>
      <c r="AY17" s="71">
        <v>72</v>
      </c>
      <c r="AZ17" s="71">
        <v>44</v>
      </c>
      <c r="BA17" s="71">
        <v>39</v>
      </c>
      <c r="BB17" s="71">
        <v>31</v>
      </c>
      <c r="BC17" s="71">
        <v>27</v>
      </c>
      <c r="BD17" s="72">
        <v>213</v>
      </c>
      <c r="BE17" s="73">
        <v>308</v>
      </c>
      <c r="BF17" s="70">
        <v>49</v>
      </c>
      <c r="BG17" s="71">
        <v>58</v>
      </c>
      <c r="BH17" s="72">
        <v>107</v>
      </c>
      <c r="BI17" s="244"/>
      <c r="BJ17" s="71">
        <v>89</v>
      </c>
      <c r="BK17" s="71">
        <v>76</v>
      </c>
      <c r="BL17" s="71">
        <v>50</v>
      </c>
      <c r="BM17" s="71">
        <v>50</v>
      </c>
      <c r="BN17" s="71">
        <v>23</v>
      </c>
      <c r="BO17" s="72">
        <v>288</v>
      </c>
      <c r="BP17" s="73">
        <v>395</v>
      </c>
      <c r="BQ17" s="70">
        <v>37</v>
      </c>
      <c r="BR17" s="71">
        <v>35</v>
      </c>
      <c r="BS17" s="72">
        <v>72</v>
      </c>
      <c r="BT17" s="244"/>
      <c r="BU17" s="71">
        <v>72</v>
      </c>
      <c r="BV17" s="71">
        <v>74</v>
      </c>
      <c r="BW17" s="71">
        <v>44</v>
      </c>
      <c r="BX17" s="71">
        <v>37</v>
      </c>
      <c r="BY17" s="71">
        <v>26</v>
      </c>
      <c r="BZ17" s="72">
        <v>253</v>
      </c>
      <c r="CA17" s="73">
        <v>325</v>
      </c>
      <c r="CB17" s="70">
        <v>3</v>
      </c>
      <c r="CC17" s="71">
        <v>5</v>
      </c>
      <c r="CD17" s="72">
        <v>8</v>
      </c>
      <c r="CE17" s="244"/>
      <c r="CF17" s="71">
        <v>8</v>
      </c>
      <c r="CG17" s="71">
        <v>5</v>
      </c>
      <c r="CH17" s="71">
        <v>8</v>
      </c>
      <c r="CI17" s="71">
        <v>4</v>
      </c>
      <c r="CJ17" s="71">
        <v>7</v>
      </c>
      <c r="CK17" s="72">
        <v>32</v>
      </c>
      <c r="CL17" s="73">
        <v>40</v>
      </c>
      <c r="CM17" s="70">
        <v>158</v>
      </c>
      <c r="CN17" s="71">
        <v>187</v>
      </c>
      <c r="CO17" s="72">
        <v>345</v>
      </c>
      <c r="CP17" s="244"/>
      <c r="CQ17" s="71">
        <v>318</v>
      </c>
      <c r="CR17" s="71">
        <v>256</v>
      </c>
      <c r="CS17" s="71">
        <v>182</v>
      </c>
      <c r="CT17" s="71">
        <v>159</v>
      </c>
      <c r="CU17" s="71">
        <v>110</v>
      </c>
      <c r="CV17" s="72">
        <v>1025</v>
      </c>
      <c r="CW17" s="73">
        <v>1370</v>
      </c>
      <c r="CX17" s="123">
        <v>372</v>
      </c>
      <c r="CY17" s="82">
        <v>418</v>
      </c>
      <c r="CZ17" s="83">
        <v>790</v>
      </c>
      <c r="DA17" s="241"/>
      <c r="DB17" s="82">
        <v>585</v>
      </c>
      <c r="DC17" s="82">
        <v>463</v>
      </c>
      <c r="DD17" s="82">
        <v>359</v>
      </c>
      <c r="DE17" s="82">
        <v>393</v>
      </c>
      <c r="DF17" s="82">
        <v>284</v>
      </c>
      <c r="DG17" s="84">
        <v>2084</v>
      </c>
      <c r="DH17" s="85">
        <v>2874</v>
      </c>
      <c r="DI17" s="70">
        <v>5</v>
      </c>
      <c r="DJ17" s="71">
        <v>7</v>
      </c>
      <c r="DK17" s="72">
        <v>12</v>
      </c>
      <c r="DL17" s="244"/>
      <c r="DM17" s="71">
        <v>7</v>
      </c>
      <c r="DN17" s="71">
        <v>7</v>
      </c>
      <c r="DO17" s="71">
        <v>4</v>
      </c>
      <c r="DP17" s="71">
        <v>6</v>
      </c>
      <c r="DQ17" s="71">
        <v>2</v>
      </c>
      <c r="DR17" s="72">
        <v>26</v>
      </c>
      <c r="DS17" s="73">
        <v>38</v>
      </c>
      <c r="DT17" s="70">
        <v>16</v>
      </c>
      <c r="DU17" s="71">
        <v>26</v>
      </c>
      <c r="DV17" s="72">
        <v>42</v>
      </c>
      <c r="DW17" s="244"/>
      <c r="DX17" s="71">
        <v>25</v>
      </c>
      <c r="DY17" s="71">
        <v>21</v>
      </c>
      <c r="DZ17" s="71">
        <v>14</v>
      </c>
      <c r="EA17" s="71">
        <v>10</v>
      </c>
      <c r="EB17" s="71">
        <v>11</v>
      </c>
      <c r="EC17" s="72">
        <v>81</v>
      </c>
      <c r="ED17" s="73">
        <v>123</v>
      </c>
      <c r="EE17" s="70">
        <v>35</v>
      </c>
      <c r="EF17" s="71">
        <v>37</v>
      </c>
      <c r="EG17" s="72">
        <v>72</v>
      </c>
      <c r="EH17" s="244"/>
      <c r="EI17" s="71">
        <v>74</v>
      </c>
      <c r="EJ17" s="71">
        <v>37</v>
      </c>
      <c r="EK17" s="71">
        <v>28</v>
      </c>
      <c r="EL17" s="71">
        <v>25</v>
      </c>
      <c r="EM17" s="71">
        <v>28</v>
      </c>
      <c r="EN17" s="72">
        <v>192</v>
      </c>
      <c r="EO17" s="73">
        <v>264</v>
      </c>
      <c r="EP17" s="70">
        <v>108</v>
      </c>
      <c r="EQ17" s="71">
        <v>114</v>
      </c>
      <c r="ER17" s="72">
        <v>222</v>
      </c>
      <c r="ES17" s="244"/>
      <c r="ET17" s="71">
        <v>132</v>
      </c>
      <c r="EU17" s="71">
        <v>79</v>
      </c>
      <c r="EV17" s="71">
        <v>54</v>
      </c>
      <c r="EW17" s="71">
        <v>55</v>
      </c>
      <c r="EX17" s="71">
        <v>48</v>
      </c>
      <c r="EY17" s="72">
        <v>368</v>
      </c>
      <c r="EZ17" s="73">
        <v>590</v>
      </c>
      <c r="FA17" s="70">
        <v>125</v>
      </c>
      <c r="FB17" s="71">
        <v>128</v>
      </c>
      <c r="FC17" s="72">
        <v>253</v>
      </c>
      <c r="FD17" s="244"/>
      <c r="FE17" s="71">
        <v>188</v>
      </c>
      <c r="FF17" s="71">
        <v>140</v>
      </c>
      <c r="FG17" s="71">
        <v>91</v>
      </c>
      <c r="FH17" s="71">
        <v>106</v>
      </c>
      <c r="FI17" s="71">
        <v>70</v>
      </c>
      <c r="FJ17" s="72">
        <v>595</v>
      </c>
      <c r="FK17" s="73">
        <v>848</v>
      </c>
      <c r="FL17" s="70">
        <v>83</v>
      </c>
      <c r="FM17" s="71">
        <v>106</v>
      </c>
      <c r="FN17" s="72">
        <v>189</v>
      </c>
      <c r="FO17" s="244"/>
      <c r="FP17" s="71">
        <v>159</v>
      </c>
      <c r="FQ17" s="71">
        <v>179</v>
      </c>
      <c r="FR17" s="71">
        <v>168</v>
      </c>
      <c r="FS17" s="71">
        <v>191</v>
      </c>
      <c r="FT17" s="71">
        <v>125</v>
      </c>
      <c r="FU17" s="72">
        <v>822</v>
      </c>
      <c r="FV17" s="73">
        <v>1011</v>
      </c>
      <c r="FW17" s="70">
        <v>1</v>
      </c>
      <c r="FX17" s="71">
        <v>2</v>
      </c>
      <c r="FY17" s="72">
        <v>3</v>
      </c>
      <c r="FZ17" s="244"/>
      <c r="GA17" s="71">
        <v>5</v>
      </c>
      <c r="GB17" s="71">
        <v>6</v>
      </c>
      <c r="GC17" s="71">
        <v>6</v>
      </c>
      <c r="GD17" s="71">
        <v>3</v>
      </c>
      <c r="GE17" s="71">
        <v>5</v>
      </c>
      <c r="GF17" s="72">
        <v>25</v>
      </c>
      <c r="GG17" s="73">
        <v>28</v>
      </c>
      <c r="GH17" s="70">
        <v>373</v>
      </c>
      <c r="GI17" s="71">
        <v>420</v>
      </c>
      <c r="GJ17" s="72">
        <v>793</v>
      </c>
      <c r="GK17" s="244"/>
      <c r="GL17" s="71">
        <v>590</v>
      </c>
      <c r="GM17" s="71">
        <v>469</v>
      </c>
      <c r="GN17" s="71">
        <v>365</v>
      </c>
      <c r="GO17" s="71">
        <v>396</v>
      </c>
      <c r="GP17" s="71">
        <v>289</v>
      </c>
      <c r="GQ17" s="72">
        <v>2109</v>
      </c>
      <c r="GR17" s="73">
        <v>2902</v>
      </c>
      <c r="GS17" s="123">
        <v>527</v>
      </c>
      <c r="GT17" s="82">
        <v>600</v>
      </c>
      <c r="GU17" s="83">
        <v>1127</v>
      </c>
      <c r="GV17" s="241"/>
      <c r="GW17" s="82">
        <v>895</v>
      </c>
      <c r="GX17" s="82">
        <v>714</v>
      </c>
      <c r="GY17" s="82">
        <v>533</v>
      </c>
      <c r="GZ17" s="82">
        <v>548</v>
      </c>
      <c r="HA17" s="82">
        <v>387</v>
      </c>
      <c r="HB17" s="84">
        <v>3077</v>
      </c>
      <c r="HC17" s="85">
        <v>4204</v>
      </c>
      <c r="HD17" s="70">
        <v>8</v>
      </c>
      <c r="HE17" s="71">
        <v>9</v>
      </c>
      <c r="HF17" s="72">
        <v>17</v>
      </c>
      <c r="HG17" s="244"/>
      <c r="HH17" s="71">
        <v>23</v>
      </c>
      <c r="HI17" s="71">
        <v>13</v>
      </c>
      <c r="HJ17" s="71">
        <v>11</v>
      </c>
      <c r="HK17" s="71">
        <v>16</v>
      </c>
      <c r="HL17" s="71">
        <v>5</v>
      </c>
      <c r="HM17" s="72">
        <v>68</v>
      </c>
      <c r="HN17" s="73">
        <v>85</v>
      </c>
      <c r="HO17" s="70">
        <v>28</v>
      </c>
      <c r="HP17" s="71">
        <v>37</v>
      </c>
      <c r="HQ17" s="72">
        <v>65</v>
      </c>
      <c r="HR17" s="244"/>
      <c r="HS17" s="71">
        <v>49</v>
      </c>
      <c r="HT17" s="71">
        <v>38</v>
      </c>
      <c r="HU17" s="71">
        <v>25</v>
      </c>
      <c r="HV17" s="71">
        <v>23</v>
      </c>
      <c r="HW17" s="71">
        <v>26</v>
      </c>
      <c r="HX17" s="72">
        <v>161</v>
      </c>
      <c r="HY17" s="73">
        <v>226</v>
      </c>
      <c r="HZ17" s="70">
        <v>52</v>
      </c>
      <c r="IA17" s="71">
        <v>55</v>
      </c>
      <c r="IB17" s="72">
        <v>107</v>
      </c>
      <c r="IC17" s="244"/>
      <c r="ID17" s="71">
        <v>111</v>
      </c>
      <c r="IE17" s="71">
        <v>71</v>
      </c>
      <c r="IF17" s="71">
        <v>51</v>
      </c>
      <c r="IG17" s="71">
        <v>39</v>
      </c>
      <c r="IH17" s="71">
        <v>37</v>
      </c>
      <c r="II17" s="72">
        <v>309</v>
      </c>
      <c r="IJ17" s="73">
        <v>416</v>
      </c>
      <c r="IK17" s="70">
        <v>145</v>
      </c>
      <c r="IL17" s="71">
        <v>172</v>
      </c>
      <c r="IM17" s="72">
        <v>317</v>
      </c>
      <c r="IN17" s="244"/>
      <c r="IO17" s="71">
        <v>204</v>
      </c>
      <c r="IP17" s="71">
        <v>123</v>
      </c>
      <c r="IQ17" s="71">
        <v>93</v>
      </c>
      <c r="IR17" s="71">
        <v>86</v>
      </c>
      <c r="IS17" s="71">
        <v>75</v>
      </c>
      <c r="IT17" s="72">
        <v>581</v>
      </c>
      <c r="IU17" s="73">
        <v>898</v>
      </c>
      <c r="IV17" s="70">
        <v>174</v>
      </c>
      <c r="IW17" s="71">
        <v>186</v>
      </c>
      <c r="IX17" s="72">
        <v>360</v>
      </c>
      <c r="IY17" s="244"/>
      <c r="IZ17" s="71">
        <v>277</v>
      </c>
      <c r="JA17" s="71">
        <v>216</v>
      </c>
      <c r="JB17" s="71">
        <v>141</v>
      </c>
      <c r="JC17" s="71">
        <v>156</v>
      </c>
      <c r="JD17" s="71">
        <v>93</v>
      </c>
      <c r="JE17" s="72">
        <v>883</v>
      </c>
      <c r="JF17" s="73">
        <v>1243</v>
      </c>
      <c r="JG17" s="70">
        <v>120</v>
      </c>
      <c r="JH17" s="71">
        <v>141</v>
      </c>
      <c r="JI17" s="72">
        <v>261</v>
      </c>
      <c r="JJ17" s="244"/>
      <c r="JK17" s="71">
        <v>231</v>
      </c>
      <c r="JL17" s="71">
        <v>253</v>
      </c>
      <c r="JM17" s="71">
        <v>212</v>
      </c>
      <c r="JN17" s="71">
        <v>228</v>
      </c>
      <c r="JO17" s="71">
        <v>151</v>
      </c>
      <c r="JP17" s="72">
        <v>1075</v>
      </c>
      <c r="JQ17" s="73">
        <v>1336</v>
      </c>
      <c r="JR17" s="70">
        <v>4</v>
      </c>
      <c r="JS17" s="71">
        <v>7</v>
      </c>
      <c r="JT17" s="72">
        <v>11</v>
      </c>
      <c r="JU17" s="244"/>
      <c r="JV17" s="71">
        <v>13</v>
      </c>
      <c r="JW17" s="71">
        <v>11</v>
      </c>
      <c r="JX17" s="71">
        <v>14</v>
      </c>
      <c r="JY17" s="71">
        <v>7</v>
      </c>
      <c r="JZ17" s="71">
        <v>12</v>
      </c>
      <c r="KA17" s="72">
        <v>57</v>
      </c>
      <c r="KB17" s="73">
        <v>68</v>
      </c>
      <c r="KC17" s="70">
        <v>531</v>
      </c>
      <c r="KD17" s="71">
        <v>607</v>
      </c>
      <c r="KE17" s="72">
        <v>1138</v>
      </c>
      <c r="KF17" s="244"/>
      <c r="KG17" s="71">
        <v>908</v>
      </c>
      <c r="KH17" s="71">
        <v>725</v>
      </c>
      <c r="KI17" s="71">
        <v>547</v>
      </c>
      <c r="KJ17" s="71">
        <v>555</v>
      </c>
      <c r="KK17" s="71">
        <v>399</v>
      </c>
      <c r="KL17" s="72">
        <v>3134</v>
      </c>
      <c r="KM17" s="73">
        <v>4272</v>
      </c>
    </row>
    <row r="18" spans="2:299" ht="21" customHeight="1" x14ac:dyDescent="0.2">
      <c r="B18" s="126" t="s">
        <v>15</v>
      </c>
      <c r="C18" s="315">
        <v>112</v>
      </c>
      <c r="D18" s="82">
        <v>142</v>
      </c>
      <c r="E18" s="83">
        <v>254</v>
      </c>
      <c r="F18" s="241"/>
      <c r="G18" s="82">
        <v>256</v>
      </c>
      <c r="H18" s="82">
        <v>231</v>
      </c>
      <c r="I18" s="82">
        <v>155</v>
      </c>
      <c r="J18" s="82">
        <v>131</v>
      </c>
      <c r="K18" s="82">
        <v>77</v>
      </c>
      <c r="L18" s="84">
        <v>850</v>
      </c>
      <c r="M18" s="85">
        <v>1104</v>
      </c>
      <c r="N18" s="70">
        <v>3</v>
      </c>
      <c r="O18" s="71">
        <v>3</v>
      </c>
      <c r="P18" s="72">
        <v>6</v>
      </c>
      <c r="Q18" s="244"/>
      <c r="R18" s="71">
        <v>15</v>
      </c>
      <c r="S18" s="71">
        <v>14</v>
      </c>
      <c r="T18" s="71">
        <v>9</v>
      </c>
      <c r="U18" s="71">
        <v>7</v>
      </c>
      <c r="V18" s="71">
        <v>7</v>
      </c>
      <c r="W18" s="72">
        <v>52</v>
      </c>
      <c r="X18" s="73">
        <v>58</v>
      </c>
      <c r="Y18" s="70">
        <v>7</v>
      </c>
      <c r="Z18" s="71">
        <v>9</v>
      </c>
      <c r="AA18" s="72">
        <v>16</v>
      </c>
      <c r="AB18" s="244"/>
      <c r="AC18" s="71">
        <v>30</v>
      </c>
      <c r="AD18" s="71">
        <v>25</v>
      </c>
      <c r="AE18" s="71">
        <v>20</v>
      </c>
      <c r="AF18" s="71">
        <v>15</v>
      </c>
      <c r="AG18" s="71">
        <v>7</v>
      </c>
      <c r="AH18" s="72">
        <v>97</v>
      </c>
      <c r="AI18" s="73">
        <v>113</v>
      </c>
      <c r="AJ18" s="70">
        <v>19</v>
      </c>
      <c r="AK18" s="71">
        <v>28</v>
      </c>
      <c r="AL18" s="72">
        <v>47</v>
      </c>
      <c r="AM18" s="244"/>
      <c r="AN18" s="71">
        <v>43</v>
      </c>
      <c r="AO18" s="71">
        <v>48</v>
      </c>
      <c r="AP18" s="71">
        <v>21</v>
      </c>
      <c r="AQ18" s="71">
        <v>24</v>
      </c>
      <c r="AR18" s="71">
        <v>18</v>
      </c>
      <c r="AS18" s="72">
        <v>154</v>
      </c>
      <c r="AT18" s="73">
        <v>201</v>
      </c>
      <c r="AU18" s="70">
        <v>30</v>
      </c>
      <c r="AV18" s="71">
        <v>34</v>
      </c>
      <c r="AW18" s="72">
        <v>64</v>
      </c>
      <c r="AX18" s="244"/>
      <c r="AY18" s="71">
        <v>67</v>
      </c>
      <c r="AZ18" s="71">
        <v>49</v>
      </c>
      <c r="BA18" s="71">
        <v>35</v>
      </c>
      <c r="BB18" s="71">
        <v>24</v>
      </c>
      <c r="BC18" s="71">
        <v>22</v>
      </c>
      <c r="BD18" s="72">
        <v>197</v>
      </c>
      <c r="BE18" s="73">
        <v>261</v>
      </c>
      <c r="BF18" s="70">
        <v>35</v>
      </c>
      <c r="BG18" s="71">
        <v>43</v>
      </c>
      <c r="BH18" s="72">
        <v>78</v>
      </c>
      <c r="BI18" s="244"/>
      <c r="BJ18" s="71">
        <v>57</v>
      </c>
      <c r="BK18" s="71">
        <v>49</v>
      </c>
      <c r="BL18" s="71">
        <v>36</v>
      </c>
      <c r="BM18" s="71">
        <v>34</v>
      </c>
      <c r="BN18" s="71">
        <v>16</v>
      </c>
      <c r="BO18" s="72">
        <v>192</v>
      </c>
      <c r="BP18" s="73">
        <v>270</v>
      </c>
      <c r="BQ18" s="70">
        <v>18</v>
      </c>
      <c r="BR18" s="71">
        <v>25</v>
      </c>
      <c r="BS18" s="72">
        <v>43</v>
      </c>
      <c r="BT18" s="244"/>
      <c r="BU18" s="71">
        <v>44</v>
      </c>
      <c r="BV18" s="71">
        <v>46</v>
      </c>
      <c r="BW18" s="71">
        <v>34</v>
      </c>
      <c r="BX18" s="71">
        <v>27</v>
      </c>
      <c r="BY18" s="71">
        <v>7</v>
      </c>
      <c r="BZ18" s="72">
        <v>158</v>
      </c>
      <c r="CA18" s="73">
        <v>201</v>
      </c>
      <c r="CB18" s="70">
        <v>1</v>
      </c>
      <c r="CC18" s="71">
        <v>4</v>
      </c>
      <c r="CD18" s="72">
        <v>5</v>
      </c>
      <c r="CE18" s="244"/>
      <c r="CF18" s="71">
        <v>9</v>
      </c>
      <c r="CG18" s="71">
        <v>7</v>
      </c>
      <c r="CH18" s="71">
        <v>2</v>
      </c>
      <c r="CI18" s="71">
        <v>4</v>
      </c>
      <c r="CJ18" s="71">
        <v>5</v>
      </c>
      <c r="CK18" s="72">
        <v>27</v>
      </c>
      <c r="CL18" s="73">
        <v>32</v>
      </c>
      <c r="CM18" s="70">
        <v>113</v>
      </c>
      <c r="CN18" s="71">
        <v>146</v>
      </c>
      <c r="CO18" s="72">
        <v>259</v>
      </c>
      <c r="CP18" s="244"/>
      <c r="CQ18" s="71">
        <v>265</v>
      </c>
      <c r="CR18" s="71">
        <v>238</v>
      </c>
      <c r="CS18" s="71">
        <v>157</v>
      </c>
      <c r="CT18" s="71">
        <v>135</v>
      </c>
      <c r="CU18" s="71">
        <v>82</v>
      </c>
      <c r="CV18" s="72">
        <v>877</v>
      </c>
      <c r="CW18" s="73">
        <v>1136</v>
      </c>
      <c r="CX18" s="123">
        <v>238</v>
      </c>
      <c r="CY18" s="82">
        <v>357</v>
      </c>
      <c r="CZ18" s="83">
        <v>595</v>
      </c>
      <c r="DA18" s="241"/>
      <c r="DB18" s="82">
        <v>444</v>
      </c>
      <c r="DC18" s="82">
        <v>444</v>
      </c>
      <c r="DD18" s="82">
        <v>331</v>
      </c>
      <c r="DE18" s="82">
        <v>305</v>
      </c>
      <c r="DF18" s="82">
        <v>185</v>
      </c>
      <c r="DG18" s="84">
        <v>1709</v>
      </c>
      <c r="DH18" s="85">
        <v>2304</v>
      </c>
      <c r="DI18" s="70">
        <v>5</v>
      </c>
      <c r="DJ18" s="71">
        <v>3</v>
      </c>
      <c r="DK18" s="72">
        <v>8</v>
      </c>
      <c r="DL18" s="244"/>
      <c r="DM18" s="71">
        <v>11</v>
      </c>
      <c r="DN18" s="71">
        <v>10</v>
      </c>
      <c r="DO18" s="71">
        <v>2</v>
      </c>
      <c r="DP18" s="71">
        <v>3</v>
      </c>
      <c r="DQ18" s="71">
        <v>4</v>
      </c>
      <c r="DR18" s="72">
        <v>30</v>
      </c>
      <c r="DS18" s="73">
        <v>38</v>
      </c>
      <c r="DT18" s="70">
        <v>12</v>
      </c>
      <c r="DU18" s="71">
        <v>17</v>
      </c>
      <c r="DV18" s="72">
        <v>29</v>
      </c>
      <c r="DW18" s="244"/>
      <c r="DX18" s="71">
        <v>36</v>
      </c>
      <c r="DY18" s="71">
        <v>35</v>
      </c>
      <c r="DZ18" s="71">
        <v>20</v>
      </c>
      <c r="EA18" s="71">
        <v>8</v>
      </c>
      <c r="EB18" s="71">
        <v>7</v>
      </c>
      <c r="EC18" s="72">
        <v>106</v>
      </c>
      <c r="ED18" s="73">
        <v>135</v>
      </c>
      <c r="EE18" s="70">
        <v>49</v>
      </c>
      <c r="EF18" s="71">
        <v>54</v>
      </c>
      <c r="EG18" s="72">
        <v>103</v>
      </c>
      <c r="EH18" s="244"/>
      <c r="EI18" s="71">
        <v>62</v>
      </c>
      <c r="EJ18" s="71">
        <v>50</v>
      </c>
      <c r="EK18" s="71">
        <v>27</v>
      </c>
      <c r="EL18" s="71">
        <v>17</v>
      </c>
      <c r="EM18" s="71">
        <v>21</v>
      </c>
      <c r="EN18" s="72">
        <v>177</v>
      </c>
      <c r="EO18" s="73">
        <v>280</v>
      </c>
      <c r="EP18" s="70">
        <v>74</v>
      </c>
      <c r="EQ18" s="71">
        <v>109</v>
      </c>
      <c r="ER18" s="72">
        <v>183</v>
      </c>
      <c r="ES18" s="244"/>
      <c r="ET18" s="71">
        <v>105</v>
      </c>
      <c r="EU18" s="71">
        <v>88</v>
      </c>
      <c r="EV18" s="71">
        <v>57</v>
      </c>
      <c r="EW18" s="71">
        <v>42</v>
      </c>
      <c r="EX18" s="71">
        <v>35</v>
      </c>
      <c r="EY18" s="72">
        <v>327</v>
      </c>
      <c r="EZ18" s="73">
        <v>510</v>
      </c>
      <c r="FA18" s="70">
        <v>64</v>
      </c>
      <c r="FB18" s="71">
        <v>103</v>
      </c>
      <c r="FC18" s="72">
        <v>167</v>
      </c>
      <c r="FD18" s="244"/>
      <c r="FE18" s="71">
        <v>125</v>
      </c>
      <c r="FF18" s="71">
        <v>117</v>
      </c>
      <c r="FG18" s="71">
        <v>84</v>
      </c>
      <c r="FH18" s="71">
        <v>94</v>
      </c>
      <c r="FI18" s="71">
        <v>42</v>
      </c>
      <c r="FJ18" s="72">
        <v>462</v>
      </c>
      <c r="FK18" s="73">
        <v>629</v>
      </c>
      <c r="FL18" s="70">
        <v>34</v>
      </c>
      <c r="FM18" s="71">
        <v>71</v>
      </c>
      <c r="FN18" s="72">
        <v>105</v>
      </c>
      <c r="FO18" s="244"/>
      <c r="FP18" s="71">
        <v>105</v>
      </c>
      <c r="FQ18" s="71">
        <v>144</v>
      </c>
      <c r="FR18" s="71">
        <v>141</v>
      </c>
      <c r="FS18" s="71">
        <v>141</v>
      </c>
      <c r="FT18" s="71">
        <v>76</v>
      </c>
      <c r="FU18" s="72">
        <v>607</v>
      </c>
      <c r="FV18" s="73">
        <v>712</v>
      </c>
      <c r="FW18" s="70">
        <v>1</v>
      </c>
      <c r="FX18" s="71">
        <v>5</v>
      </c>
      <c r="FY18" s="72">
        <v>6</v>
      </c>
      <c r="FZ18" s="244"/>
      <c r="GA18" s="71">
        <v>4</v>
      </c>
      <c r="GB18" s="71">
        <v>7</v>
      </c>
      <c r="GC18" s="71">
        <v>1</v>
      </c>
      <c r="GD18" s="71">
        <v>1</v>
      </c>
      <c r="GE18" s="71">
        <v>7</v>
      </c>
      <c r="GF18" s="72">
        <v>20</v>
      </c>
      <c r="GG18" s="73">
        <v>26</v>
      </c>
      <c r="GH18" s="70">
        <v>239</v>
      </c>
      <c r="GI18" s="71">
        <v>362</v>
      </c>
      <c r="GJ18" s="72">
        <v>601</v>
      </c>
      <c r="GK18" s="244"/>
      <c r="GL18" s="71">
        <v>448</v>
      </c>
      <c r="GM18" s="71">
        <v>451</v>
      </c>
      <c r="GN18" s="71">
        <v>332</v>
      </c>
      <c r="GO18" s="71">
        <v>306</v>
      </c>
      <c r="GP18" s="71">
        <v>192</v>
      </c>
      <c r="GQ18" s="72">
        <v>1729</v>
      </c>
      <c r="GR18" s="73">
        <v>2330</v>
      </c>
      <c r="GS18" s="123">
        <v>350</v>
      </c>
      <c r="GT18" s="82">
        <v>499</v>
      </c>
      <c r="GU18" s="83">
        <v>849</v>
      </c>
      <c r="GV18" s="241"/>
      <c r="GW18" s="82">
        <v>700</v>
      </c>
      <c r="GX18" s="82">
        <v>675</v>
      </c>
      <c r="GY18" s="82">
        <v>486</v>
      </c>
      <c r="GZ18" s="82">
        <v>436</v>
      </c>
      <c r="HA18" s="82">
        <v>262</v>
      </c>
      <c r="HB18" s="84">
        <v>2559</v>
      </c>
      <c r="HC18" s="85">
        <v>3408</v>
      </c>
      <c r="HD18" s="70">
        <v>8</v>
      </c>
      <c r="HE18" s="71">
        <v>6</v>
      </c>
      <c r="HF18" s="72">
        <v>14</v>
      </c>
      <c r="HG18" s="244"/>
      <c r="HH18" s="71">
        <v>26</v>
      </c>
      <c r="HI18" s="71">
        <v>24</v>
      </c>
      <c r="HJ18" s="71">
        <v>11</v>
      </c>
      <c r="HK18" s="71">
        <v>10</v>
      </c>
      <c r="HL18" s="71">
        <v>11</v>
      </c>
      <c r="HM18" s="72">
        <v>82</v>
      </c>
      <c r="HN18" s="73">
        <v>96</v>
      </c>
      <c r="HO18" s="70">
        <v>19</v>
      </c>
      <c r="HP18" s="71">
        <v>26</v>
      </c>
      <c r="HQ18" s="72">
        <v>45</v>
      </c>
      <c r="HR18" s="244"/>
      <c r="HS18" s="71">
        <v>66</v>
      </c>
      <c r="HT18" s="71">
        <v>60</v>
      </c>
      <c r="HU18" s="71">
        <v>40</v>
      </c>
      <c r="HV18" s="71">
        <v>23</v>
      </c>
      <c r="HW18" s="71">
        <v>14</v>
      </c>
      <c r="HX18" s="72">
        <v>203</v>
      </c>
      <c r="HY18" s="73">
        <v>248</v>
      </c>
      <c r="HZ18" s="70">
        <v>68</v>
      </c>
      <c r="IA18" s="71">
        <v>82</v>
      </c>
      <c r="IB18" s="72">
        <v>150</v>
      </c>
      <c r="IC18" s="244"/>
      <c r="ID18" s="71">
        <v>105</v>
      </c>
      <c r="IE18" s="71">
        <v>98</v>
      </c>
      <c r="IF18" s="71">
        <v>48</v>
      </c>
      <c r="IG18" s="71">
        <v>41</v>
      </c>
      <c r="IH18" s="71">
        <v>39</v>
      </c>
      <c r="II18" s="72">
        <v>331</v>
      </c>
      <c r="IJ18" s="73">
        <v>481</v>
      </c>
      <c r="IK18" s="70">
        <v>104</v>
      </c>
      <c r="IL18" s="71">
        <v>143</v>
      </c>
      <c r="IM18" s="72">
        <v>247</v>
      </c>
      <c r="IN18" s="244"/>
      <c r="IO18" s="71">
        <v>172</v>
      </c>
      <c r="IP18" s="71">
        <v>137</v>
      </c>
      <c r="IQ18" s="71">
        <v>92</v>
      </c>
      <c r="IR18" s="71">
        <v>66</v>
      </c>
      <c r="IS18" s="71">
        <v>57</v>
      </c>
      <c r="IT18" s="72">
        <v>524</v>
      </c>
      <c r="IU18" s="73">
        <v>771</v>
      </c>
      <c r="IV18" s="70">
        <v>99</v>
      </c>
      <c r="IW18" s="71">
        <v>146</v>
      </c>
      <c r="IX18" s="72">
        <v>245</v>
      </c>
      <c r="IY18" s="244"/>
      <c r="IZ18" s="71">
        <v>182</v>
      </c>
      <c r="JA18" s="71">
        <v>166</v>
      </c>
      <c r="JB18" s="71">
        <v>120</v>
      </c>
      <c r="JC18" s="71">
        <v>128</v>
      </c>
      <c r="JD18" s="71">
        <v>58</v>
      </c>
      <c r="JE18" s="72">
        <v>654</v>
      </c>
      <c r="JF18" s="73">
        <v>899</v>
      </c>
      <c r="JG18" s="70">
        <v>52</v>
      </c>
      <c r="JH18" s="71">
        <v>96</v>
      </c>
      <c r="JI18" s="72">
        <v>148</v>
      </c>
      <c r="JJ18" s="244"/>
      <c r="JK18" s="71">
        <v>149</v>
      </c>
      <c r="JL18" s="71">
        <v>190</v>
      </c>
      <c r="JM18" s="71">
        <v>175</v>
      </c>
      <c r="JN18" s="71">
        <v>168</v>
      </c>
      <c r="JO18" s="71">
        <v>83</v>
      </c>
      <c r="JP18" s="72">
        <v>765</v>
      </c>
      <c r="JQ18" s="73">
        <v>913</v>
      </c>
      <c r="JR18" s="70">
        <v>2</v>
      </c>
      <c r="JS18" s="71">
        <v>9</v>
      </c>
      <c r="JT18" s="72">
        <v>11</v>
      </c>
      <c r="JU18" s="244"/>
      <c r="JV18" s="71">
        <v>13</v>
      </c>
      <c r="JW18" s="71">
        <v>14</v>
      </c>
      <c r="JX18" s="71">
        <v>3</v>
      </c>
      <c r="JY18" s="71">
        <v>5</v>
      </c>
      <c r="JZ18" s="71">
        <v>12</v>
      </c>
      <c r="KA18" s="72">
        <v>47</v>
      </c>
      <c r="KB18" s="73">
        <v>58</v>
      </c>
      <c r="KC18" s="70">
        <v>352</v>
      </c>
      <c r="KD18" s="71">
        <v>508</v>
      </c>
      <c r="KE18" s="72">
        <v>860</v>
      </c>
      <c r="KF18" s="244"/>
      <c r="KG18" s="71">
        <v>713</v>
      </c>
      <c r="KH18" s="71">
        <v>689</v>
      </c>
      <c r="KI18" s="71">
        <v>489</v>
      </c>
      <c r="KJ18" s="71">
        <v>441</v>
      </c>
      <c r="KK18" s="71">
        <v>274</v>
      </c>
      <c r="KL18" s="72">
        <v>2606</v>
      </c>
      <c r="KM18" s="73">
        <v>3466</v>
      </c>
    </row>
    <row r="19" spans="2:299" ht="21" customHeight="1" x14ac:dyDescent="0.2">
      <c r="B19" s="126" t="s">
        <v>16</v>
      </c>
      <c r="C19" s="315">
        <v>226</v>
      </c>
      <c r="D19" s="82">
        <v>257</v>
      </c>
      <c r="E19" s="83">
        <v>483</v>
      </c>
      <c r="F19" s="241"/>
      <c r="G19" s="82">
        <v>506</v>
      </c>
      <c r="H19" s="82">
        <v>614</v>
      </c>
      <c r="I19" s="82">
        <v>392</v>
      </c>
      <c r="J19" s="82">
        <v>307</v>
      </c>
      <c r="K19" s="82">
        <v>207</v>
      </c>
      <c r="L19" s="84">
        <v>2026</v>
      </c>
      <c r="M19" s="85">
        <v>2509</v>
      </c>
      <c r="N19" s="70">
        <v>11</v>
      </c>
      <c r="O19" s="71">
        <v>12</v>
      </c>
      <c r="P19" s="72">
        <v>23</v>
      </c>
      <c r="Q19" s="244"/>
      <c r="R19" s="71">
        <v>25</v>
      </c>
      <c r="S19" s="71">
        <v>31</v>
      </c>
      <c r="T19" s="71">
        <v>23</v>
      </c>
      <c r="U19" s="71">
        <v>22</v>
      </c>
      <c r="V19" s="71">
        <v>23</v>
      </c>
      <c r="W19" s="72">
        <v>124</v>
      </c>
      <c r="X19" s="73">
        <v>147</v>
      </c>
      <c r="Y19" s="70">
        <v>36</v>
      </c>
      <c r="Z19" s="71">
        <v>47</v>
      </c>
      <c r="AA19" s="72">
        <v>83</v>
      </c>
      <c r="AB19" s="244"/>
      <c r="AC19" s="71">
        <v>66</v>
      </c>
      <c r="AD19" s="71">
        <v>74</v>
      </c>
      <c r="AE19" s="71">
        <v>48</v>
      </c>
      <c r="AF19" s="71">
        <v>37</v>
      </c>
      <c r="AG19" s="71">
        <v>30</v>
      </c>
      <c r="AH19" s="72">
        <v>255</v>
      </c>
      <c r="AI19" s="73">
        <v>338</v>
      </c>
      <c r="AJ19" s="70">
        <v>51</v>
      </c>
      <c r="AK19" s="71">
        <v>48</v>
      </c>
      <c r="AL19" s="72">
        <v>99</v>
      </c>
      <c r="AM19" s="244"/>
      <c r="AN19" s="71">
        <v>80</v>
      </c>
      <c r="AO19" s="71">
        <v>109</v>
      </c>
      <c r="AP19" s="71">
        <v>65</v>
      </c>
      <c r="AQ19" s="71">
        <v>57</v>
      </c>
      <c r="AR19" s="71">
        <v>39</v>
      </c>
      <c r="AS19" s="72">
        <v>350</v>
      </c>
      <c r="AT19" s="73">
        <v>449</v>
      </c>
      <c r="AU19" s="70">
        <v>47</v>
      </c>
      <c r="AV19" s="71">
        <v>58</v>
      </c>
      <c r="AW19" s="72">
        <v>105</v>
      </c>
      <c r="AX19" s="244"/>
      <c r="AY19" s="71">
        <v>143</v>
      </c>
      <c r="AZ19" s="71">
        <v>158</v>
      </c>
      <c r="BA19" s="71">
        <v>81</v>
      </c>
      <c r="BB19" s="71">
        <v>66</v>
      </c>
      <c r="BC19" s="71">
        <v>53</v>
      </c>
      <c r="BD19" s="72">
        <v>501</v>
      </c>
      <c r="BE19" s="73">
        <v>606</v>
      </c>
      <c r="BF19" s="70">
        <v>57</v>
      </c>
      <c r="BG19" s="71">
        <v>54</v>
      </c>
      <c r="BH19" s="72">
        <v>111</v>
      </c>
      <c r="BI19" s="244"/>
      <c r="BJ19" s="71">
        <v>121</v>
      </c>
      <c r="BK19" s="71">
        <v>140</v>
      </c>
      <c r="BL19" s="71">
        <v>87</v>
      </c>
      <c r="BM19" s="71">
        <v>57</v>
      </c>
      <c r="BN19" s="71">
        <v>31</v>
      </c>
      <c r="BO19" s="72">
        <v>436</v>
      </c>
      <c r="BP19" s="73">
        <v>547</v>
      </c>
      <c r="BQ19" s="70">
        <v>24</v>
      </c>
      <c r="BR19" s="71">
        <v>38</v>
      </c>
      <c r="BS19" s="72">
        <v>62</v>
      </c>
      <c r="BT19" s="244"/>
      <c r="BU19" s="71">
        <v>71</v>
      </c>
      <c r="BV19" s="71">
        <v>102</v>
      </c>
      <c r="BW19" s="71">
        <v>88</v>
      </c>
      <c r="BX19" s="71">
        <v>68</v>
      </c>
      <c r="BY19" s="71">
        <v>31</v>
      </c>
      <c r="BZ19" s="72">
        <v>360</v>
      </c>
      <c r="CA19" s="73">
        <v>422</v>
      </c>
      <c r="CB19" s="70">
        <v>12</v>
      </c>
      <c r="CC19" s="71">
        <v>11</v>
      </c>
      <c r="CD19" s="72">
        <v>23</v>
      </c>
      <c r="CE19" s="244"/>
      <c r="CF19" s="71">
        <v>13</v>
      </c>
      <c r="CG19" s="71">
        <v>26</v>
      </c>
      <c r="CH19" s="71">
        <v>20</v>
      </c>
      <c r="CI19" s="71">
        <v>11</v>
      </c>
      <c r="CJ19" s="71">
        <v>15</v>
      </c>
      <c r="CK19" s="72">
        <v>85</v>
      </c>
      <c r="CL19" s="73">
        <v>108</v>
      </c>
      <c r="CM19" s="70">
        <v>238</v>
      </c>
      <c r="CN19" s="71">
        <v>268</v>
      </c>
      <c r="CO19" s="72">
        <v>506</v>
      </c>
      <c r="CP19" s="244"/>
      <c r="CQ19" s="71">
        <v>519</v>
      </c>
      <c r="CR19" s="71">
        <v>640</v>
      </c>
      <c r="CS19" s="71">
        <v>412</v>
      </c>
      <c r="CT19" s="71">
        <v>318</v>
      </c>
      <c r="CU19" s="71">
        <v>222</v>
      </c>
      <c r="CV19" s="72">
        <v>2111</v>
      </c>
      <c r="CW19" s="73">
        <v>2617</v>
      </c>
      <c r="CX19" s="123">
        <v>415</v>
      </c>
      <c r="CY19" s="82">
        <v>547</v>
      </c>
      <c r="CZ19" s="83">
        <v>962</v>
      </c>
      <c r="DA19" s="241"/>
      <c r="DB19" s="82">
        <v>866</v>
      </c>
      <c r="DC19" s="82">
        <v>1017</v>
      </c>
      <c r="DD19" s="82">
        <v>765</v>
      </c>
      <c r="DE19" s="82">
        <v>779</v>
      </c>
      <c r="DF19" s="82">
        <v>515</v>
      </c>
      <c r="DG19" s="84">
        <v>3942</v>
      </c>
      <c r="DH19" s="85">
        <v>4904</v>
      </c>
      <c r="DI19" s="70">
        <v>13</v>
      </c>
      <c r="DJ19" s="71">
        <v>22</v>
      </c>
      <c r="DK19" s="72">
        <v>35</v>
      </c>
      <c r="DL19" s="244"/>
      <c r="DM19" s="71">
        <v>15</v>
      </c>
      <c r="DN19" s="71">
        <v>35</v>
      </c>
      <c r="DO19" s="71">
        <v>19</v>
      </c>
      <c r="DP19" s="71">
        <v>16</v>
      </c>
      <c r="DQ19" s="71">
        <v>10</v>
      </c>
      <c r="DR19" s="72">
        <v>95</v>
      </c>
      <c r="DS19" s="73">
        <v>130</v>
      </c>
      <c r="DT19" s="70">
        <v>33</v>
      </c>
      <c r="DU19" s="71">
        <v>52</v>
      </c>
      <c r="DV19" s="72">
        <v>85</v>
      </c>
      <c r="DW19" s="244"/>
      <c r="DX19" s="71">
        <v>51</v>
      </c>
      <c r="DY19" s="71">
        <v>73</v>
      </c>
      <c r="DZ19" s="71">
        <v>49</v>
      </c>
      <c r="EA19" s="71">
        <v>42</v>
      </c>
      <c r="EB19" s="71">
        <v>35</v>
      </c>
      <c r="EC19" s="72">
        <v>250</v>
      </c>
      <c r="ED19" s="73">
        <v>335</v>
      </c>
      <c r="EE19" s="70">
        <v>87</v>
      </c>
      <c r="EF19" s="71">
        <v>93</v>
      </c>
      <c r="EG19" s="72">
        <v>180</v>
      </c>
      <c r="EH19" s="244"/>
      <c r="EI19" s="71">
        <v>111</v>
      </c>
      <c r="EJ19" s="71">
        <v>132</v>
      </c>
      <c r="EK19" s="71">
        <v>78</v>
      </c>
      <c r="EL19" s="71">
        <v>80</v>
      </c>
      <c r="EM19" s="71">
        <v>50</v>
      </c>
      <c r="EN19" s="72">
        <v>451</v>
      </c>
      <c r="EO19" s="73">
        <v>631</v>
      </c>
      <c r="EP19" s="70">
        <v>118</v>
      </c>
      <c r="EQ19" s="71">
        <v>153</v>
      </c>
      <c r="ER19" s="72">
        <v>271</v>
      </c>
      <c r="ES19" s="244"/>
      <c r="ET19" s="71">
        <v>199</v>
      </c>
      <c r="EU19" s="71">
        <v>213</v>
      </c>
      <c r="EV19" s="71">
        <v>138</v>
      </c>
      <c r="EW19" s="71">
        <v>116</v>
      </c>
      <c r="EX19" s="71">
        <v>100</v>
      </c>
      <c r="EY19" s="72">
        <v>766</v>
      </c>
      <c r="EZ19" s="73">
        <v>1037</v>
      </c>
      <c r="FA19" s="70">
        <v>100</v>
      </c>
      <c r="FB19" s="71">
        <v>118</v>
      </c>
      <c r="FC19" s="72">
        <v>218</v>
      </c>
      <c r="FD19" s="244"/>
      <c r="FE19" s="71">
        <v>275</v>
      </c>
      <c r="FF19" s="71">
        <v>268</v>
      </c>
      <c r="FG19" s="71">
        <v>202</v>
      </c>
      <c r="FH19" s="71">
        <v>180</v>
      </c>
      <c r="FI19" s="71">
        <v>119</v>
      </c>
      <c r="FJ19" s="72">
        <v>1044</v>
      </c>
      <c r="FK19" s="73">
        <v>1262</v>
      </c>
      <c r="FL19" s="70">
        <v>64</v>
      </c>
      <c r="FM19" s="71">
        <v>109</v>
      </c>
      <c r="FN19" s="72">
        <v>173</v>
      </c>
      <c r="FO19" s="244"/>
      <c r="FP19" s="71">
        <v>215</v>
      </c>
      <c r="FQ19" s="71">
        <v>296</v>
      </c>
      <c r="FR19" s="71">
        <v>279</v>
      </c>
      <c r="FS19" s="71">
        <v>345</v>
      </c>
      <c r="FT19" s="71">
        <v>201</v>
      </c>
      <c r="FU19" s="72">
        <v>1336</v>
      </c>
      <c r="FV19" s="73">
        <v>1509</v>
      </c>
      <c r="FW19" s="70">
        <v>14</v>
      </c>
      <c r="FX19" s="71">
        <v>13</v>
      </c>
      <c r="FY19" s="72">
        <v>27</v>
      </c>
      <c r="FZ19" s="244"/>
      <c r="GA19" s="71">
        <v>5</v>
      </c>
      <c r="GB19" s="71">
        <v>20</v>
      </c>
      <c r="GC19" s="71">
        <v>10</v>
      </c>
      <c r="GD19" s="71">
        <v>12</v>
      </c>
      <c r="GE19" s="71">
        <v>13</v>
      </c>
      <c r="GF19" s="72">
        <v>60</v>
      </c>
      <c r="GG19" s="73">
        <v>87</v>
      </c>
      <c r="GH19" s="70">
        <v>429</v>
      </c>
      <c r="GI19" s="71">
        <v>560</v>
      </c>
      <c r="GJ19" s="72">
        <v>989</v>
      </c>
      <c r="GK19" s="244"/>
      <c r="GL19" s="71">
        <v>871</v>
      </c>
      <c r="GM19" s="71">
        <v>1037</v>
      </c>
      <c r="GN19" s="71">
        <v>775</v>
      </c>
      <c r="GO19" s="71">
        <v>791</v>
      </c>
      <c r="GP19" s="71">
        <v>528</v>
      </c>
      <c r="GQ19" s="72">
        <v>4002</v>
      </c>
      <c r="GR19" s="73">
        <v>4991</v>
      </c>
      <c r="GS19" s="123">
        <v>641</v>
      </c>
      <c r="GT19" s="82">
        <v>804</v>
      </c>
      <c r="GU19" s="83">
        <v>1445</v>
      </c>
      <c r="GV19" s="241"/>
      <c r="GW19" s="82">
        <v>1372</v>
      </c>
      <c r="GX19" s="82">
        <v>1631</v>
      </c>
      <c r="GY19" s="82">
        <v>1157</v>
      </c>
      <c r="GZ19" s="82">
        <v>1086</v>
      </c>
      <c r="HA19" s="82">
        <v>722</v>
      </c>
      <c r="HB19" s="84">
        <v>5968</v>
      </c>
      <c r="HC19" s="85">
        <v>7413</v>
      </c>
      <c r="HD19" s="70">
        <v>24</v>
      </c>
      <c r="HE19" s="71">
        <v>34</v>
      </c>
      <c r="HF19" s="72">
        <v>58</v>
      </c>
      <c r="HG19" s="244"/>
      <c r="HH19" s="71">
        <v>40</v>
      </c>
      <c r="HI19" s="71">
        <v>66</v>
      </c>
      <c r="HJ19" s="71">
        <v>42</v>
      </c>
      <c r="HK19" s="71">
        <v>38</v>
      </c>
      <c r="HL19" s="71">
        <v>33</v>
      </c>
      <c r="HM19" s="72">
        <v>219</v>
      </c>
      <c r="HN19" s="73">
        <v>277</v>
      </c>
      <c r="HO19" s="70">
        <v>69</v>
      </c>
      <c r="HP19" s="71">
        <v>99</v>
      </c>
      <c r="HQ19" s="72">
        <v>168</v>
      </c>
      <c r="HR19" s="244"/>
      <c r="HS19" s="71">
        <v>117</v>
      </c>
      <c r="HT19" s="71">
        <v>147</v>
      </c>
      <c r="HU19" s="71">
        <v>97</v>
      </c>
      <c r="HV19" s="71">
        <v>79</v>
      </c>
      <c r="HW19" s="71">
        <v>65</v>
      </c>
      <c r="HX19" s="72">
        <v>505</v>
      </c>
      <c r="HY19" s="73">
        <v>673</v>
      </c>
      <c r="HZ19" s="70">
        <v>138</v>
      </c>
      <c r="IA19" s="71">
        <v>141</v>
      </c>
      <c r="IB19" s="72">
        <v>279</v>
      </c>
      <c r="IC19" s="244"/>
      <c r="ID19" s="71">
        <v>191</v>
      </c>
      <c r="IE19" s="71">
        <v>241</v>
      </c>
      <c r="IF19" s="71">
        <v>143</v>
      </c>
      <c r="IG19" s="71">
        <v>137</v>
      </c>
      <c r="IH19" s="71">
        <v>89</v>
      </c>
      <c r="II19" s="72">
        <v>801</v>
      </c>
      <c r="IJ19" s="73">
        <v>1080</v>
      </c>
      <c r="IK19" s="70">
        <v>165</v>
      </c>
      <c r="IL19" s="71">
        <v>211</v>
      </c>
      <c r="IM19" s="72">
        <v>376</v>
      </c>
      <c r="IN19" s="244"/>
      <c r="IO19" s="71">
        <v>342</v>
      </c>
      <c r="IP19" s="71">
        <v>371</v>
      </c>
      <c r="IQ19" s="71">
        <v>219</v>
      </c>
      <c r="IR19" s="71">
        <v>182</v>
      </c>
      <c r="IS19" s="71">
        <v>153</v>
      </c>
      <c r="IT19" s="72">
        <v>1267</v>
      </c>
      <c r="IU19" s="73">
        <v>1643</v>
      </c>
      <c r="IV19" s="70">
        <v>157</v>
      </c>
      <c r="IW19" s="71">
        <v>172</v>
      </c>
      <c r="IX19" s="72">
        <v>329</v>
      </c>
      <c r="IY19" s="244"/>
      <c r="IZ19" s="71">
        <v>396</v>
      </c>
      <c r="JA19" s="71">
        <v>408</v>
      </c>
      <c r="JB19" s="71">
        <v>289</v>
      </c>
      <c r="JC19" s="71">
        <v>237</v>
      </c>
      <c r="JD19" s="71">
        <v>150</v>
      </c>
      <c r="JE19" s="72">
        <v>1480</v>
      </c>
      <c r="JF19" s="73">
        <v>1809</v>
      </c>
      <c r="JG19" s="70">
        <v>88</v>
      </c>
      <c r="JH19" s="71">
        <v>147</v>
      </c>
      <c r="JI19" s="72">
        <v>235</v>
      </c>
      <c r="JJ19" s="244"/>
      <c r="JK19" s="71">
        <v>286</v>
      </c>
      <c r="JL19" s="71">
        <v>398</v>
      </c>
      <c r="JM19" s="71">
        <v>367</v>
      </c>
      <c r="JN19" s="71">
        <v>413</v>
      </c>
      <c r="JO19" s="71">
        <v>232</v>
      </c>
      <c r="JP19" s="72">
        <v>1696</v>
      </c>
      <c r="JQ19" s="73">
        <v>1931</v>
      </c>
      <c r="JR19" s="70">
        <v>26</v>
      </c>
      <c r="JS19" s="71">
        <v>24</v>
      </c>
      <c r="JT19" s="72">
        <v>50</v>
      </c>
      <c r="JU19" s="244"/>
      <c r="JV19" s="71">
        <v>18</v>
      </c>
      <c r="JW19" s="71">
        <v>46</v>
      </c>
      <c r="JX19" s="71">
        <v>30</v>
      </c>
      <c r="JY19" s="71">
        <v>23</v>
      </c>
      <c r="JZ19" s="71">
        <v>28</v>
      </c>
      <c r="KA19" s="72">
        <v>145</v>
      </c>
      <c r="KB19" s="73">
        <v>195</v>
      </c>
      <c r="KC19" s="70">
        <v>667</v>
      </c>
      <c r="KD19" s="71">
        <v>828</v>
      </c>
      <c r="KE19" s="72">
        <v>1495</v>
      </c>
      <c r="KF19" s="244"/>
      <c r="KG19" s="71">
        <v>1390</v>
      </c>
      <c r="KH19" s="71">
        <v>1677</v>
      </c>
      <c r="KI19" s="71">
        <v>1187</v>
      </c>
      <c r="KJ19" s="71">
        <v>1109</v>
      </c>
      <c r="KK19" s="71">
        <v>750</v>
      </c>
      <c r="KL19" s="72">
        <v>6113</v>
      </c>
      <c r="KM19" s="73">
        <v>7608</v>
      </c>
    </row>
    <row r="20" spans="2:299" ht="21" customHeight="1" x14ac:dyDescent="0.2">
      <c r="B20" s="126" t="s">
        <v>17</v>
      </c>
      <c r="C20" s="315">
        <v>274</v>
      </c>
      <c r="D20" s="82">
        <v>371</v>
      </c>
      <c r="E20" s="83">
        <v>645</v>
      </c>
      <c r="F20" s="241"/>
      <c r="G20" s="82">
        <v>544</v>
      </c>
      <c r="H20" s="82">
        <v>751</v>
      </c>
      <c r="I20" s="82">
        <v>531</v>
      </c>
      <c r="J20" s="82">
        <v>420</v>
      </c>
      <c r="K20" s="82">
        <v>268</v>
      </c>
      <c r="L20" s="84">
        <v>2514</v>
      </c>
      <c r="M20" s="85">
        <v>3159</v>
      </c>
      <c r="N20" s="70">
        <v>10</v>
      </c>
      <c r="O20" s="71">
        <v>18</v>
      </c>
      <c r="P20" s="72">
        <v>28</v>
      </c>
      <c r="Q20" s="244"/>
      <c r="R20" s="71">
        <v>23</v>
      </c>
      <c r="S20" s="71">
        <v>45</v>
      </c>
      <c r="T20" s="71">
        <v>32</v>
      </c>
      <c r="U20" s="71">
        <v>21</v>
      </c>
      <c r="V20" s="71">
        <v>23</v>
      </c>
      <c r="W20" s="72">
        <v>144</v>
      </c>
      <c r="X20" s="73">
        <v>172</v>
      </c>
      <c r="Y20" s="70">
        <v>19</v>
      </c>
      <c r="Z20" s="71">
        <v>61</v>
      </c>
      <c r="AA20" s="72">
        <v>80</v>
      </c>
      <c r="AB20" s="244"/>
      <c r="AC20" s="71">
        <v>52</v>
      </c>
      <c r="AD20" s="71">
        <v>100</v>
      </c>
      <c r="AE20" s="71">
        <v>63</v>
      </c>
      <c r="AF20" s="71">
        <v>59</v>
      </c>
      <c r="AG20" s="71">
        <v>26</v>
      </c>
      <c r="AH20" s="72">
        <v>300</v>
      </c>
      <c r="AI20" s="73">
        <v>380</v>
      </c>
      <c r="AJ20" s="70">
        <v>66</v>
      </c>
      <c r="AK20" s="71">
        <v>63</v>
      </c>
      <c r="AL20" s="72">
        <v>129</v>
      </c>
      <c r="AM20" s="244"/>
      <c r="AN20" s="71">
        <v>96</v>
      </c>
      <c r="AO20" s="71">
        <v>139</v>
      </c>
      <c r="AP20" s="71">
        <v>120</v>
      </c>
      <c r="AQ20" s="71">
        <v>75</v>
      </c>
      <c r="AR20" s="71">
        <v>60</v>
      </c>
      <c r="AS20" s="72">
        <v>490</v>
      </c>
      <c r="AT20" s="73">
        <v>619</v>
      </c>
      <c r="AU20" s="70">
        <v>68</v>
      </c>
      <c r="AV20" s="71">
        <v>106</v>
      </c>
      <c r="AW20" s="72">
        <v>174</v>
      </c>
      <c r="AX20" s="244"/>
      <c r="AY20" s="71">
        <v>159</v>
      </c>
      <c r="AZ20" s="71">
        <v>185</v>
      </c>
      <c r="BA20" s="71">
        <v>134</v>
      </c>
      <c r="BB20" s="71">
        <v>93</v>
      </c>
      <c r="BC20" s="71">
        <v>61</v>
      </c>
      <c r="BD20" s="72">
        <v>632</v>
      </c>
      <c r="BE20" s="73">
        <v>806</v>
      </c>
      <c r="BF20" s="70">
        <v>68</v>
      </c>
      <c r="BG20" s="71">
        <v>74</v>
      </c>
      <c r="BH20" s="72">
        <v>142</v>
      </c>
      <c r="BI20" s="244"/>
      <c r="BJ20" s="71">
        <v>136</v>
      </c>
      <c r="BK20" s="71">
        <v>177</v>
      </c>
      <c r="BL20" s="71">
        <v>109</v>
      </c>
      <c r="BM20" s="71">
        <v>99</v>
      </c>
      <c r="BN20" s="71">
        <v>59</v>
      </c>
      <c r="BO20" s="72">
        <v>580</v>
      </c>
      <c r="BP20" s="73">
        <v>722</v>
      </c>
      <c r="BQ20" s="70">
        <v>43</v>
      </c>
      <c r="BR20" s="71">
        <v>49</v>
      </c>
      <c r="BS20" s="72">
        <v>92</v>
      </c>
      <c r="BT20" s="244"/>
      <c r="BU20" s="71">
        <v>78</v>
      </c>
      <c r="BV20" s="71">
        <v>105</v>
      </c>
      <c r="BW20" s="71">
        <v>73</v>
      </c>
      <c r="BX20" s="71">
        <v>73</v>
      </c>
      <c r="BY20" s="71">
        <v>39</v>
      </c>
      <c r="BZ20" s="72">
        <v>368</v>
      </c>
      <c r="CA20" s="73">
        <v>460</v>
      </c>
      <c r="CB20" s="70">
        <v>11</v>
      </c>
      <c r="CC20" s="71">
        <v>26</v>
      </c>
      <c r="CD20" s="72">
        <v>37</v>
      </c>
      <c r="CE20" s="244"/>
      <c r="CF20" s="71">
        <v>21</v>
      </c>
      <c r="CG20" s="71">
        <v>50</v>
      </c>
      <c r="CH20" s="71">
        <v>28</v>
      </c>
      <c r="CI20" s="71">
        <v>15</v>
      </c>
      <c r="CJ20" s="71">
        <v>12</v>
      </c>
      <c r="CK20" s="72">
        <v>126</v>
      </c>
      <c r="CL20" s="73">
        <v>163</v>
      </c>
      <c r="CM20" s="70">
        <v>285</v>
      </c>
      <c r="CN20" s="71">
        <v>397</v>
      </c>
      <c r="CO20" s="72">
        <v>682</v>
      </c>
      <c r="CP20" s="244"/>
      <c r="CQ20" s="71">
        <v>565</v>
      </c>
      <c r="CR20" s="71">
        <v>801</v>
      </c>
      <c r="CS20" s="71">
        <v>559</v>
      </c>
      <c r="CT20" s="71">
        <v>435</v>
      </c>
      <c r="CU20" s="71">
        <v>280</v>
      </c>
      <c r="CV20" s="72">
        <v>2640</v>
      </c>
      <c r="CW20" s="73">
        <v>3322</v>
      </c>
      <c r="CX20" s="123">
        <v>625</v>
      </c>
      <c r="CY20" s="82">
        <v>790</v>
      </c>
      <c r="CZ20" s="83">
        <v>1415</v>
      </c>
      <c r="DA20" s="241"/>
      <c r="DB20" s="82">
        <v>932</v>
      </c>
      <c r="DC20" s="82">
        <v>1221</v>
      </c>
      <c r="DD20" s="82">
        <v>903</v>
      </c>
      <c r="DE20" s="82">
        <v>821</v>
      </c>
      <c r="DF20" s="82">
        <v>617</v>
      </c>
      <c r="DG20" s="84">
        <v>4494</v>
      </c>
      <c r="DH20" s="85">
        <v>5909</v>
      </c>
      <c r="DI20" s="70">
        <v>13</v>
      </c>
      <c r="DJ20" s="71">
        <v>28</v>
      </c>
      <c r="DK20" s="72">
        <v>41</v>
      </c>
      <c r="DL20" s="244"/>
      <c r="DM20" s="71">
        <v>19</v>
      </c>
      <c r="DN20" s="71">
        <v>35</v>
      </c>
      <c r="DO20" s="71">
        <v>24</v>
      </c>
      <c r="DP20" s="71">
        <v>20</v>
      </c>
      <c r="DQ20" s="71">
        <v>26</v>
      </c>
      <c r="DR20" s="72">
        <v>124</v>
      </c>
      <c r="DS20" s="73">
        <v>165</v>
      </c>
      <c r="DT20" s="70">
        <v>52</v>
      </c>
      <c r="DU20" s="71">
        <v>63</v>
      </c>
      <c r="DV20" s="72">
        <v>115</v>
      </c>
      <c r="DW20" s="244"/>
      <c r="DX20" s="71">
        <v>74</v>
      </c>
      <c r="DY20" s="71">
        <v>79</v>
      </c>
      <c r="DZ20" s="71">
        <v>61</v>
      </c>
      <c r="EA20" s="71">
        <v>49</v>
      </c>
      <c r="EB20" s="71">
        <v>33</v>
      </c>
      <c r="EC20" s="72">
        <v>296</v>
      </c>
      <c r="ED20" s="73">
        <v>411</v>
      </c>
      <c r="EE20" s="70">
        <v>124</v>
      </c>
      <c r="EF20" s="71">
        <v>127</v>
      </c>
      <c r="EG20" s="72">
        <v>251</v>
      </c>
      <c r="EH20" s="244"/>
      <c r="EI20" s="71">
        <v>114</v>
      </c>
      <c r="EJ20" s="71">
        <v>179</v>
      </c>
      <c r="EK20" s="71">
        <v>99</v>
      </c>
      <c r="EL20" s="71">
        <v>91</v>
      </c>
      <c r="EM20" s="71">
        <v>74</v>
      </c>
      <c r="EN20" s="72">
        <v>557</v>
      </c>
      <c r="EO20" s="73">
        <v>808</v>
      </c>
      <c r="EP20" s="70">
        <v>203</v>
      </c>
      <c r="EQ20" s="71">
        <v>228</v>
      </c>
      <c r="ER20" s="72">
        <v>431</v>
      </c>
      <c r="ES20" s="244"/>
      <c r="ET20" s="71">
        <v>244</v>
      </c>
      <c r="EU20" s="71">
        <v>276</v>
      </c>
      <c r="EV20" s="71">
        <v>183</v>
      </c>
      <c r="EW20" s="71">
        <v>191</v>
      </c>
      <c r="EX20" s="71">
        <v>116</v>
      </c>
      <c r="EY20" s="72">
        <v>1010</v>
      </c>
      <c r="EZ20" s="73">
        <v>1441</v>
      </c>
      <c r="FA20" s="70">
        <v>159</v>
      </c>
      <c r="FB20" s="71">
        <v>213</v>
      </c>
      <c r="FC20" s="72">
        <v>372</v>
      </c>
      <c r="FD20" s="244"/>
      <c r="FE20" s="71">
        <v>259</v>
      </c>
      <c r="FF20" s="71">
        <v>325</v>
      </c>
      <c r="FG20" s="71">
        <v>256</v>
      </c>
      <c r="FH20" s="71">
        <v>182</v>
      </c>
      <c r="FI20" s="71">
        <v>161</v>
      </c>
      <c r="FJ20" s="72">
        <v>1183</v>
      </c>
      <c r="FK20" s="73">
        <v>1555</v>
      </c>
      <c r="FL20" s="70">
        <v>74</v>
      </c>
      <c r="FM20" s="71">
        <v>131</v>
      </c>
      <c r="FN20" s="72">
        <v>205</v>
      </c>
      <c r="FO20" s="244"/>
      <c r="FP20" s="71">
        <v>222</v>
      </c>
      <c r="FQ20" s="71">
        <v>327</v>
      </c>
      <c r="FR20" s="71">
        <v>280</v>
      </c>
      <c r="FS20" s="71">
        <v>288</v>
      </c>
      <c r="FT20" s="71">
        <v>207</v>
      </c>
      <c r="FU20" s="72">
        <v>1324</v>
      </c>
      <c r="FV20" s="73">
        <v>1529</v>
      </c>
      <c r="FW20" s="70">
        <v>4</v>
      </c>
      <c r="FX20" s="71">
        <v>20</v>
      </c>
      <c r="FY20" s="72">
        <v>24</v>
      </c>
      <c r="FZ20" s="244"/>
      <c r="GA20" s="71">
        <v>10</v>
      </c>
      <c r="GB20" s="71">
        <v>26</v>
      </c>
      <c r="GC20" s="71">
        <v>15</v>
      </c>
      <c r="GD20" s="71">
        <v>20</v>
      </c>
      <c r="GE20" s="71">
        <v>20</v>
      </c>
      <c r="GF20" s="72">
        <v>91</v>
      </c>
      <c r="GG20" s="73">
        <v>115</v>
      </c>
      <c r="GH20" s="70">
        <v>629</v>
      </c>
      <c r="GI20" s="71">
        <v>810</v>
      </c>
      <c r="GJ20" s="72">
        <v>1439</v>
      </c>
      <c r="GK20" s="244"/>
      <c r="GL20" s="71">
        <v>942</v>
      </c>
      <c r="GM20" s="71">
        <v>1247</v>
      </c>
      <c r="GN20" s="71">
        <v>918</v>
      </c>
      <c r="GO20" s="71">
        <v>841</v>
      </c>
      <c r="GP20" s="71">
        <v>637</v>
      </c>
      <c r="GQ20" s="72">
        <v>4585</v>
      </c>
      <c r="GR20" s="73">
        <v>6024</v>
      </c>
      <c r="GS20" s="123">
        <v>899</v>
      </c>
      <c r="GT20" s="82">
        <v>1161</v>
      </c>
      <c r="GU20" s="83">
        <v>2060</v>
      </c>
      <c r="GV20" s="241"/>
      <c r="GW20" s="82">
        <v>1476</v>
      </c>
      <c r="GX20" s="82">
        <v>1972</v>
      </c>
      <c r="GY20" s="82">
        <v>1434</v>
      </c>
      <c r="GZ20" s="82">
        <v>1241</v>
      </c>
      <c r="HA20" s="82">
        <v>885</v>
      </c>
      <c r="HB20" s="84">
        <v>7008</v>
      </c>
      <c r="HC20" s="85">
        <v>9068</v>
      </c>
      <c r="HD20" s="70">
        <v>23</v>
      </c>
      <c r="HE20" s="71">
        <v>46</v>
      </c>
      <c r="HF20" s="72">
        <v>69</v>
      </c>
      <c r="HG20" s="244"/>
      <c r="HH20" s="71">
        <v>42</v>
      </c>
      <c r="HI20" s="71">
        <v>80</v>
      </c>
      <c r="HJ20" s="71">
        <v>56</v>
      </c>
      <c r="HK20" s="71">
        <v>41</v>
      </c>
      <c r="HL20" s="71">
        <v>49</v>
      </c>
      <c r="HM20" s="72">
        <v>268</v>
      </c>
      <c r="HN20" s="73">
        <v>337</v>
      </c>
      <c r="HO20" s="70">
        <v>71</v>
      </c>
      <c r="HP20" s="71">
        <v>124</v>
      </c>
      <c r="HQ20" s="72">
        <v>195</v>
      </c>
      <c r="HR20" s="244"/>
      <c r="HS20" s="71">
        <v>126</v>
      </c>
      <c r="HT20" s="71">
        <v>179</v>
      </c>
      <c r="HU20" s="71">
        <v>124</v>
      </c>
      <c r="HV20" s="71">
        <v>108</v>
      </c>
      <c r="HW20" s="71">
        <v>59</v>
      </c>
      <c r="HX20" s="72">
        <v>596</v>
      </c>
      <c r="HY20" s="73">
        <v>791</v>
      </c>
      <c r="HZ20" s="70">
        <v>190</v>
      </c>
      <c r="IA20" s="71">
        <v>190</v>
      </c>
      <c r="IB20" s="72">
        <v>380</v>
      </c>
      <c r="IC20" s="244"/>
      <c r="ID20" s="71">
        <v>210</v>
      </c>
      <c r="IE20" s="71">
        <v>318</v>
      </c>
      <c r="IF20" s="71">
        <v>219</v>
      </c>
      <c r="IG20" s="71">
        <v>166</v>
      </c>
      <c r="IH20" s="71">
        <v>134</v>
      </c>
      <c r="II20" s="72">
        <v>1047</v>
      </c>
      <c r="IJ20" s="73">
        <v>1427</v>
      </c>
      <c r="IK20" s="70">
        <v>271</v>
      </c>
      <c r="IL20" s="71">
        <v>334</v>
      </c>
      <c r="IM20" s="72">
        <v>605</v>
      </c>
      <c r="IN20" s="244"/>
      <c r="IO20" s="71">
        <v>403</v>
      </c>
      <c r="IP20" s="71">
        <v>461</v>
      </c>
      <c r="IQ20" s="71">
        <v>317</v>
      </c>
      <c r="IR20" s="71">
        <v>284</v>
      </c>
      <c r="IS20" s="71">
        <v>177</v>
      </c>
      <c r="IT20" s="72">
        <v>1642</v>
      </c>
      <c r="IU20" s="73">
        <v>2247</v>
      </c>
      <c r="IV20" s="70">
        <v>227</v>
      </c>
      <c r="IW20" s="71">
        <v>287</v>
      </c>
      <c r="IX20" s="72">
        <v>514</v>
      </c>
      <c r="IY20" s="244"/>
      <c r="IZ20" s="71">
        <v>395</v>
      </c>
      <c r="JA20" s="71">
        <v>502</v>
      </c>
      <c r="JB20" s="71">
        <v>365</v>
      </c>
      <c r="JC20" s="71">
        <v>281</v>
      </c>
      <c r="JD20" s="71">
        <v>220</v>
      </c>
      <c r="JE20" s="72">
        <v>1763</v>
      </c>
      <c r="JF20" s="73">
        <v>2277</v>
      </c>
      <c r="JG20" s="70">
        <v>117</v>
      </c>
      <c r="JH20" s="71">
        <v>180</v>
      </c>
      <c r="JI20" s="72">
        <v>297</v>
      </c>
      <c r="JJ20" s="244"/>
      <c r="JK20" s="71">
        <v>300</v>
      </c>
      <c r="JL20" s="71">
        <v>432</v>
      </c>
      <c r="JM20" s="71">
        <v>353</v>
      </c>
      <c r="JN20" s="71">
        <v>361</v>
      </c>
      <c r="JO20" s="71">
        <v>246</v>
      </c>
      <c r="JP20" s="72">
        <v>1692</v>
      </c>
      <c r="JQ20" s="73">
        <v>1989</v>
      </c>
      <c r="JR20" s="70">
        <v>15</v>
      </c>
      <c r="JS20" s="71">
        <v>46</v>
      </c>
      <c r="JT20" s="72">
        <v>61</v>
      </c>
      <c r="JU20" s="244"/>
      <c r="JV20" s="71">
        <v>31</v>
      </c>
      <c r="JW20" s="71">
        <v>76</v>
      </c>
      <c r="JX20" s="71">
        <v>43</v>
      </c>
      <c r="JY20" s="71">
        <v>35</v>
      </c>
      <c r="JZ20" s="71">
        <v>32</v>
      </c>
      <c r="KA20" s="72">
        <v>217</v>
      </c>
      <c r="KB20" s="73">
        <v>278</v>
      </c>
      <c r="KC20" s="70">
        <v>914</v>
      </c>
      <c r="KD20" s="71">
        <v>1207</v>
      </c>
      <c r="KE20" s="72">
        <v>2121</v>
      </c>
      <c r="KF20" s="244"/>
      <c r="KG20" s="71">
        <v>1507</v>
      </c>
      <c r="KH20" s="71">
        <v>2048</v>
      </c>
      <c r="KI20" s="71">
        <v>1477</v>
      </c>
      <c r="KJ20" s="71">
        <v>1276</v>
      </c>
      <c r="KK20" s="71">
        <v>917</v>
      </c>
      <c r="KL20" s="72">
        <v>7225</v>
      </c>
      <c r="KM20" s="73">
        <v>9346</v>
      </c>
    </row>
    <row r="21" spans="2:299" ht="21" customHeight="1" x14ac:dyDescent="0.2">
      <c r="B21" s="126" t="s">
        <v>18</v>
      </c>
      <c r="C21" s="315">
        <v>411</v>
      </c>
      <c r="D21" s="82">
        <v>450</v>
      </c>
      <c r="E21" s="83">
        <v>861</v>
      </c>
      <c r="F21" s="241"/>
      <c r="G21" s="82">
        <v>919</v>
      </c>
      <c r="H21" s="82">
        <v>729</v>
      </c>
      <c r="I21" s="82">
        <v>540</v>
      </c>
      <c r="J21" s="82">
        <v>440</v>
      </c>
      <c r="K21" s="82">
        <v>277</v>
      </c>
      <c r="L21" s="84">
        <v>2905</v>
      </c>
      <c r="M21" s="85">
        <v>3766</v>
      </c>
      <c r="N21" s="70">
        <v>23</v>
      </c>
      <c r="O21" s="71">
        <v>28</v>
      </c>
      <c r="P21" s="72">
        <v>51</v>
      </c>
      <c r="Q21" s="244"/>
      <c r="R21" s="71">
        <v>51</v>
      </c>
      <c r="S21" s="71">
        <v>48</v>
      </c>
      <c r="T21" s="71">
        <v>31</v>
      </c>
      <c r="U21" s="71">
        <v>41</v>
      </c>
      <c r="V21" s="71">
        <v>20</v>
      </c>
      <c r="W21" s="72">
        <v>191</v>
      </c>
      <c r="X21" s="73">
        <v>242</v>
      </c>
      <c r="Y21" s="70">
        <v>49</v>
      </c>
      <c r="Z21" s="71">
        <v>58</v>
      </c>
      <c r="AA21" s="72">
        <v>107</v>
      </c>
      <c r="AB21" s="244"/>
      <c r="AC21" s="71">
        <v>100</v>
      </c>
      <c r="AD21" s="71">
        <v>80</v>
      </c>
      <c r="AE21" s="71">
        <v>69</v>
      </c>
      <c r="AF21" s="71">
        <v>59</v>
      </c>
      <c r="AG21" s="71">
        <v>33</v>
      </c>
      <c r="AH21" s="72">
        <v>341</v>
      </c>
      <c r="AI21" s="73">
        <v>448</v>
      </c>
      <c r="AJ21" s="70">
        <v>61</v>
      </c>
      <c r="AK21" s="71">
        <v>72</v>
      </c>
      <c r="AL21" s="72">
        <v>133</v>
      </c>
      <c r="AM21" s="244"/>
      <c r="AN21" s="71">
        <v>158</v>
      </c>
      <c r="AO21" s="71">
        <v>117</v>
      </c>
      <c r="AP21" s="71">
        <v>96</v>
      </c>
      <c r="AQ21" s="71">
        <v>64</v>
      </c>
      <c r="AR21" s="71">
        <v>59</v>
      </c>
      <c r="AS21" s="72">
        <v>494</v>
      </c>
      <c r="AT21" s="73">
        <v>627</v>
      </c>
      <c r="AU21" s="70">
        <v>110</v>
      </c>
      <c r="AV21" s="71">
        <v>115</v>
      </c>
      <c r="AW21" s="72">
        <v>225</v>
      </c>
      <c r="AX21" s="244"/>
      <c r="AY21" s="71">
        <v>249</v>
      </c>
      <c r="AZ21" s="71">
        <v>187</v>
      </c>
      <c r="BA21" s="71">
        <v>120</v>
      </c>
      <c r="BB21" s="71">
        <v>117</v>
      </c>
      <c r="BC21" s="71">
        <v>71</v>
      </c>
      <c r="BD21" s="72">
        <v>744</v>
      </c>
      <c r="BE21" s="73">
        <v>969</v>
      </c>
      <c r="BF21" s="70">
        <v>107</v>
      </c>
      <c r="BG21" s="71">
        <v>111</v>
      </c>
      <c r="BH21" s="72">
        <v>218</v>
      </c>
      <c r="BI21" s="244"/>
      <c r="BJ21" s="71">
        <v>230</v>
      </c>
      <c r="BK21" s="71">
        <v>184</v>
      </c>
      <c r="BL21" s="71">
        <v>140</v>
      </c>
      <c r="BM21" s="71">
        <v>92</v>
      </c>
      <c r="BN21" s="71">
        <v>65</v>
      </c>
      <c r="BO21" s="72">
        <v>711</v>
      </c>
      <c r="BP21" s="73">
        <v>929</v>
      </c>
      <c r="BQ21" s="70">
        <v>61</v>
      </c>
      <c r="BR21" s="71">
        <v>66</v>
      </c>
      <c r="BS21" s="72">
        <v>127</v>
      </c>
      <c r="BT21" s="244"/>
      <c r="BU21" s="71">
        <v>131</v>
      </c>
      <c r="BV21" s="71">
        <v>113</v>
      </c>
      <c r="BW21" s="71">
        <v>84</v>
      </c>
      <c r="BX21" s="71">
        <v>67</v>
      </c>
      <c r="BY21" s="71">
        <v>29</v>
      </c>
      <c r="BZ21" s="72">
        <v>424</v>
      </c>
      <c r="CA21" s="73">
        <v>551</v>
      </c>
      <c r="CB21" s="70">
        <v>18</v>
      </c>
      <c r="CC21" s="71">
        <v>19</v>
      </c>
      <c r="CD21" s="72">
        <v>37</v>
      </c>
      <c r="CE21" s="244"/>
      <c r="CF21" s="71">
        <v>38</v>
      </c>
      <c r="CG21" s="71">
        <v>34</v>
      </c>
      <c r="CH21" s="71">
        <v>25</v>
      </c>
      <c r="CI21" s="71">
        <v>25</v>
      </c>
      <c r="CJ21" s="71">
        <v>27</v>
      </c>
      <c r="CK21" s="72">
        <v>149</v>
      </c>
      <c r="CL21" s="73">
        <v>186</v>
      </c>
      <c r="CM21" s="70">
        <v>429</v>
      </c>
      <c r="CN21" s="71">
        <v>469</v>
      </c>
      <c r="CO21" s="72">
        <v>898</v>
      </c>
      <c r="CP21" s="244"/>
      <c r="CQ21" s="71">
        <v>957</v>
      </c>
      <c r="CR21" s="71">
        <v>763</v>
      </c>
      <c r="CS21" s="71">
        <v>565</v>
      </c>
      <c r="CT21" s="71">
        <v>465</v>
      </c>
      <c r="CU21" s="71">
        <v>304</v>
      </c>
      <c r="CV21" s="72">
        <v>3054</v>
      </c>
      <c r="CW21" s="73">
        <v>3952</v>
      </c>
      <c r="CX21" s="123">
        <v>790</v>
      </c>
      <c r="CY21" s="82">
        <v>1011</v>
      </c>
      <c r="CZ21" s="83">
        <v>1801</v>
      </c>
      <c r="DA21" s="241"/>
      <c r="DB21" s="82">
        <v>1436</v>
      </c>
      <c r="DC21" s="82">
        <v>1264</v>
      </c>
      <c r="DD21" s="82">
        <v>938</v>
      </c>
      <c r="DE21" s="82">
        <v>943</v>
      </c>
      <c r="DF21" s="82">
        <v>660</v>
      </c>
      <c r="DG21" s="84">
        <v>5241</v>
      </c>
      <c r="DH21" s="85">
        <v>7042</v>
      </c>
      <c r="DI21" s="70">
        <v>22</v>
      </c>
      <c r="DJ21" s="71">
        <v>24</v>
      </c>
      <c r="DK21" s="72">
        <v>46</v>
      </c>
      <c r="DL21" s="244"/>
      <c r="DM21" s="71">
        <v>38</v>
      </c>
      <c r="DN21" s="71">
        <v>24</v>
      </c>
      <c r="DO21" s="71">
        <v>20</v>
      </c>
      <c r="DP21" s="71">
        <v>21</v>
      </c>
      <c r="DQ21" s="71">
        <v>15</v>
      </c>
      <c r="DR21" s="72">
        <v>118</v>
      </c>
      <c r="DS21" s="73">
        <v>164</v>
      </c>
      <c r="DT21" s="70">
        <v>60</v>
      </c>
      <c r="DU21" s="71">
        <v>81</v>
      </c>
      <c r="DV21" s="72">
        <v>141</v>
      </c>
      <c r="DW21" s="244"/>
      <c r="DX21" s="71">
        <v>101</v>
      </c>
      <c r="DY21" s="71">
        <v>67</v>
      </c>
      <c r="DZ21" s="71">
        <v>56</v>
      </c>
      <c r="EA21" s="71">
        <v>40</v>
      </c>
      <c r="EB21" s="71">
        <v>35</v>
      </c>
      <c r="EC21" s="72">
        <v>299</v>
      </c>
      <c r="ED21" s="73">
        <v>440</v>
      </c>
      <c r="EE21" s="70">
        <v>147</v>
      </c>
      <c r="EF21" s="71">
        <v>160</v>
      </c>
      <c r="EG21" s="72">
        <v>307</v>
      </c>
      <c r="EH21" s="244"/>
      <c r="EI21" s="71">
        <v>197</v>
      </c>
      <c r="EJ21" s="71">
        <v>176</v>
      </c>
      <c r="EK21" s="71">
        <v>116</v>
      </c>
      <c r="EL21" s="71">
        <v>89</v>
      </c>
      <c r="EM21" s="71">
        <v>72</v>
      </c>
      <c r="EN21" s="72">
        <v>650</v>
      </c>
      <c r="EO21" s="73">
        <v>957</v>
      </c>
      <c r="EP21" s="70">
        <v>258</v>
      </c>
      <c r="EQ21" s="71">
        <v>315</v>
      </c>
      <c r="ER21" s="72">
        <v>573</v>
      </c>
      <c r="ES21" s="244"/>
      <c r="ET21" s="71">
        <v>373</v>
      </c>
      <c r="EU21" s="71">
        <v>287</v>
      </c>
      <c r="EV21" s="71">
        <v>182</v>
      </c>
      <c r="EW21" s="71">
        <v>186</v>
      </c>
      <c r="EX21" s="71">
        <v>135</v>
      </c>
      <c r="EY21" s="72">
        <v>1163</v>
      </c>
      <c r="EZ21" s="73">
        <v>1736</v>
      </c>
      <c r="FA21" s="70">
        <v>203</v>
      </c>
      <c r="FB21" s="71">
        <v>268</v>
      </c>
      <c r="FC21" s="72">
        <v>471</v>
      </c>
      <c r="FD21" s="244"/>
      <c r="FE21" s="71">
        <v>442</v>
      </c>
      <c r="FF21" s="71">
        <v>358</v>
      </c>
      <c r="FG21" s="71">
        <v>255</v>
      </c>
      <c r="FH21" s="71">
        <v>253</v>
      </c>
      <c r="FI21" s="71">
        <v>188</v>
      </c>
      <c r="FJ21" s="72">
        <v>1496</v>
      </c>
      <c r="FK21" s="73">
        <v>1967</v>
      </c>
      <c r="FL21" s="70">
        <v>100</v>
      </c>
      <c r="FM21" s="71">
        <v>163</v>
      </c>
      <c r="FN21" s="72">
        <v>263</v>
      </c>
      <c r="FO21" s="244"/>
      <c r="FP21" s="71">
        <v>285</v>
      </c>
      <c r="FQ21" s="71">
        <v>352</v>
      </c>
      <c r="FR21" s="71">
        <v>309</v>
      </c>
      <c r="FS21" s="71">
        <v>354</v>
      </c>
      <c r="FT21" s="71">
        <v>215</v>
      </c>
      <c r="FU21" s="72">
        <v>1515</v>
      </c>
      <c r="FV21" s="73">
        <v>1778</v>
      </c>
      <c r="FW21" s="70">
        <v>13</v>
      </c>
      <c r="FX21" s="71">
        <v>13</v>
      </c>
      <c r="FY21" s="72">
        <v>26</v>
      </c>
      <c r="FZ21" s="244"/>
      <c r="GA21" s="71">
        <v>25</v>
      </c>
      <c r="GB21" s="71">
        <v>33</v>
      </c>
      <c r="GC21" s="71">
        <v>16</v>
      </c>
      <c r="GD21" s="71">
        <v>16</v>
      </c>
      <c r="GE21" s="71">
        <v>17</v>
      </c>
      <c r="GF21" s="72">
        <v>107</v>
      </c>
      <c r="GG21" s="73">
        <v>133</v>
      </c>
      <c r="GH21" s="70">
        <v>803</v>
      </c>
      <c r="GI21" s="71">
        <v>1024</v>
      </c>
      <c r="GJ21" s="72">
        <v>1827</v>
      </c>
      <c r="GK21" s="244"/>
      <c r="GL21" s="71">
        <v>1461</v>
      </c>
      <c r="GM21" s="71">
        <v>1297</v>
      </c>
      <c r="GN21" s="71">
        <v>954</v>
      </c>
      <c r="GO21" s="71">
        <v>959</v>
      </c>
      <c r="GP21" s="71">
        <v>677</v>
      </c>
      <c r="GQ21" s="72">
        <v>5348</v>
      </c>
      <c r="GR21" s="73">
        <v>7175</v>
      </c>
      <c r="GS21" s="123">
        <v>1201</v>
      </c>
      <c r="GT21" s="82">
        <v>1461</v>
      </c>
      <c r="GU21" s="83">
        <v>2662</v>
      </c>
      <c r="GV21" s="241"/>
      <c r="GW21" s="82">
        <v>2355</v>
      </c>
      <c r="GX21" s="82">
        <v>1993</v>
      </c>
      <c r="GY21" s="82">
        <v>1478</v>
      </c>
      <c r="GZ21" s="82">
        <v>1383</v>
      </c>
      <c r="HA21" s="82">
        <v>937</v>
      </c>
      <c r="HB21" s="84">
        <v>8146</v>
      </c>
      <c r="HC21" s="85">
        <v>10808</v>
      </c>
      <c r="HD21" s="70">
        <v>45</v>
      </c>
      <c r="HE21" s="71">
        <v>52</v>
      </c>
      <c r="HF21" s="72">
        <v>97</v>
      </c>
      <c r="HG21" s="244"/>
      <c r="HH21" s="71">
        <v>89</v>
      </c>
      <c r="HI21" s="71">
        <v>72</v>
      </c>
      <c r="HJ21" s="71">
        <v>51</v>
      </c>
      <c r="HK21" s="71">
        <v>62</v>
      </c>
      <c r="HL21" s="71">
        <v>35</v>
      </c>
      <c r="HM21" s="72">
        <v>309</v>
      </c>
      <c r="HN21" s="73">
        <v>406</v>
      </c>
      <c r="HO21" s="70">
        <v>109</v>
      </c>
      <c r="HP21" s="71">
        <v>139</v>
      </c>
      <c r="HQ21" s="72">
        <v>248</v>
      </c>
      <c r="HR21" s="244"/>
      <c r="HS21" s="71">
        <v>201</v>
      </c>
      <c r="HT21" s="71">
        <v>147</v>
      </c>
      <c r="HU21" s="71">
        <v>125</v>
      </c>
      <c r="HV21" s="71">
        <v>99</v>
      </c>
      <c r="HW21" s="71">
        <v>68</v>
      </c>
      <c r="HX21" s="72">
        <v>640</v>
      </c>
      <c r="HY21" s="73">
        <v>888</v>
      </c>
      <c r="HZ21" s="70">
        <v>208</v>
      </c>
      <c r="IA21" s="71">
        <v>232</v>
      </c>
      <c r="IB21" s="72">
        <v>440</v>
      </c>
      <c r="IC21" s="244"/>
      <c r="ID21" s="71">
        <v>355</v>
      </c>
      <c r="IE21" s="71">
        <v>293</v>
      </c>
      <c r="IF21" s="71">
        <v>212</v>
      </c>
      <c r="IG21" s="71">
        <v>153</v>
      </c>
      <c r="IH21" s="71">
        <v>131</v>
      </c>
      <c r="II21" s="72">
        <v>1144</v>
      </c>
      <c r="IJ21" s="73">
        <v>1584</v>
      </c>
      <c r="IK21" s="70">
        <v>368</v>
      </c>
      <c r="IL21" s="71">
        <v>430</v>
      </c>
      <c r="IM21" s="72">
        <v>798</v>
      </c>
      <c r="IN21" s="244"/>
      <c r="IO21" s="71">
        <v>622</v>
      </c>
      <c r="IP21" s="71">
        <v>474</v>
      </c>
      <c r="IQ21" s="71">
        <v>302</v>
      </c>
      <c r="IR21" s="71">
        <v>303</v>
      </c>
      <c r="IS21" s="71">
        <v>206</v>
      </c>
      <c r="IT21" s="72">
        <v>1907</v>
      </c>
      <c r="IU21" s="73">
        <v>2705</v>
      </c>
      <c r="IV21" s="70">
        <v>310</v>
      </c>
      <c r="IW21" s="71">
        <v>379</v>
      </c>
      <c r="IX21" s="72">
        <v>689</v>
      </c>
      <c r="IY21" s="244"/>
      <c r="IZ21" s="71">
        <v>672</v>
      </c>
      <c r="JA21" s="71">
        <v>542</v>
      </c>
      <c r="JB21" s="71">
        <v>395</v>
      </c>
      <c r="JC21" s="71">
        <v>345</v>
      </c>
      <c r="JD21" s="71">
        <v>253</v>
      </c>
      <c r="JE21" s="72">
        <v>2207</v>
      </c>
      <c r="JF21" s="73">
        <v>2896</v>
      </c>
      <c r="JG21" s="70">
        <v>161</v>
      </c>
      <c r="JH21" s="71">
        <v>229</v>
      </c>
      <c r="JI21" s="72">
        <v>390</v>
      </c>
      <c r="JJ21" s="244"/>
      <c r="JK21" s="71">
        <v>416</v>
      </c>
      <c r="JL21" s="71">
        <v>465</v>
      </c>
      <c r="JM21" s="71">
        <v>393</v>
      </c>
      <c r="JN21" s="71">
        <v>421</v>
      </c>
      <c r="JO21" s="71">
        <v>244</v>
      </c>
      <c r="JP21" s="72">
        <v>1939</v>
      </c>
      <c r="JQ21" s="73">
        <v>2329</v>
      </c>
      <c r="JR21" s="70">
        <v>31</v>
      </c>
      <c r="JS21" s="71">
        <v>32</v>
      </c>
      <c r="JT21" s="72">
        <v>63</v>
      </c>
      <c r="JU21" s="244"/>
      <c r="JV21" s="71">
        <v>63</v>
      </c>
      <c r="JW21" s="71">
        <v>67</v>
      </c>
      <c r="JX21" s="71">
        <v>41</v>
      </c>
      <c r="JY21" s="71">
        <v>41</v>
      </c>
      <c r="JZ21" s="71">
        <v>44</v>
      </c>
      <c r="KA21" s="72">
        <v>256</v>
      </c>
      <c r="KB21" s="73">
        <v>319</v>
      </c>
      <c r="KC21" s="70">
        <v>1232</v>
      </c>
      <c r="KD21" s="71">
        <v>1493</v>
      </c>
      <c r="KE21" s="72">
        <v>2725</v>
      </c>
      <c r="KF21" s="244"/>
      <c r="KG21" s="71">
        <v>2418</v>
      </c>
      <c r="KH21" s="71">
        <v>2060</v>
      </c>
      <c r="KI21" s="71">
        <v>1519</v>
      </c>
      <c r="KJ21" s="71">
        <v>1424</v>
      </c>
      <c r="KK21" s="71">
        <v>981</v>
      </c>
      <c r="KL21" s="72">
        <v>8402</v>
      </c>
      <c r="KM21" s="73">
        <v>11127</v>
      </c>
    </row>
    <row r="22" spans="2:299" ht="21" customHeight="1" x14ac:dyDescent="0.2">
      <c r="B22" s="126" t="s">
        <v>19</v>
      </c>
      <c r="C22" s="315">
        <v>196</v>
      </c>
      <c r="D22" s="82">
        <v>174</v>
      </c>
      <c r="E22" s="83">
        <v>370</v>
      </c>
      <c r="F22" s="241"/>
      <c r="G22" s="82">
        <v>374</v>
      </c>
      <c r="H22" s="82">
        <v>314</v>
      </c>
      <c r="I22" s="82">
        <v>201</v>
      </c>
      <c r="J22" s="82">
        <v>146</v>
      </c>
      <c r="K22" s="82">
        <v>93</v>
      </c>
      <c r="L22" s="84">
        <v>1128</v>
      </c>
      <c r="M22" s="85">
        <v>1498</v>
      </c>
      <c r="N22" s="86">
        <v>8</v>
      </c>
      <c r="O22" s="71">
        <v>9</v>
      </c>
      <c r="P22" s="72">
        <v>17</v>
      </c>
      <c r="Q22" s="244"/>
      <c r="R22" s="71">
        <v>14</v>
      </c>
      <c r="S22" s="71">
        <v>17</v>
      </c>
      <c r="T22" s="71">
        <v>7</v>
      </c>
      <c r="U22" s="71">
        <v>7</v>
      </c>
      <c r="V22" s="71">
        <v>6</v>
      </c>
      <c r="W22" s="72">
        <v>51</v>
      </c>
      <c r="X22" s="73">
        <v>68</v>
      </c>
      <c r="Y22" s="70">
        <v>17</v>
      </c>
      <c r="Z22" s="71">
        <v>21</v>
      </c>
      <c r="AA22" s="72">
        <v>38</v>
      </c>
      <c r="AB22" s="244"/>
      <c r="AC22" s="71">
        <v>44</v>
      </c>
      <c r="AD22" s="71">
        <v>44</v>
      </c>
      <c r="AE22" s="71">
        <v>25</v>
      </c>
      <c r="AF22" s="71">
        <v>19</v>
      </c>
      <c r="AG22" s="71">
        <v>12</v>
      </c>
      <c r="AH22" s="72">
        <v>144</v>
      </c>
      <c r="AI22" s="73">
        <v>182</v>
      </c>
      <c r="AJ22" s="86">
        <v>38</v>
      </c>
      <c r="AK22" s="71">
        <v>24</v>
      </c>
      <c r="AL22" s="72">
        <v>62</v>
      </c>
      <c r="AM22" s="244"/>
      <c r="AN22" s="71">
        <v>62</v>
      </c>
      <c r="AO22" s="71">
        <v>53</v>
      </c>
      <c r="AP22" s="71">
        <v>35</v>
      </c>
      <c r="AQ22" s="71">
        <v>27</v>
      </c>
      <c r="AR22" s="71">
        <v>12</v>
      </c>
      <c r="AS22" s="72">
        <v>189</v>
      </c>
      <c r="AT22" s="73">
        <v>251</v>
      </c>
      <c r="AU22" s="70">
        <v>49</v>
      </c>
      <c r="AV22" s="71">
        <v>38</v>
      </c>
      <c r="AW22" s="72">
        <v>87</v>
      </c>
      <c r="AX22" s="244"/>
      <c r="AY22" s="71">
        <v>86</v>
      </c>
      <c r="AZ22" s="71">
        <v>71</v>
      </c>
      <c r="BA22" s="71">
        <v>55</v>
      </c>
      <c r="BB22" s="71">
        <v>32</v>
      </c>
      <c r="BC22" s="71">
        <v>29</v>
      </c>
      <c r="BD22" s="72">
        <v>273</v>
      </c>
      <c r="BE22" s="73">
        <v>360</v>
      </c>
      <c r="BF22" s="86">
        <v>57</v>
      </c>
      <c r="BG22" s="71">
        <v>47</v>
      </c>
      <c r="BH22" s="72">
        <v>104</v>
      </c>
      <c r="BI22" s="244"/>
      <c r="BJ22" s="71">
        <v>101</v>
      </c>
      <c r="BK22" s="71">
        <v>77</v>
      </c>
      <c r="BL22" s="71">
        <v>38</v>
      </c>
      <c r="BM22" s="71">
        <v>37</v>
      </c>
      <c r="BN22" s="71">
        <v>25</v>
      </c>
      <c r="BO22" s="72">
        <v>278</v>
      </c>
      <c r="BP22" s="73">
        <v>382</v>
      </c>
      <c r="BQ22" s="70">
        <v>27</v>
      </c>
      <c r="BR22" s="71">
        <v>35</v>
      </c>
      <c r="BS22" s="72">
        <v>62</v>
      </c>
      <c r="BT22" s="244"/>
      <c r="BU22" s="71">
        <v>67</v>
      </c>
      <c r="BV22" s="71">
        <v>52</v>
      </c>
      <c r="BW22" s="71">
        <v>41</v>
      </c>
      <c r="BX22" s="71">
        <v>24</v>
      </c>
      <c r="BY22" s="71">
        <v>9</v>
      </c>
      <c r="BZ22" s="72">
        <v>193</v>
      </c>
      <c r="CA22" s="73">
        <v>255</v>
      </c>
      <c r="CB22" s="70">
        <v>6</v>
      </c>
      <c r="CC22" s="71">
        <v>9</v>
      </c>
      <c r="CD22" s="72">
        <v>15</v>
      </c>
      <c r="CE22" s="244"/>
      <c r="CF22" s="71">
        <v>15</v>
      </c>
      <c r="CG22" s="71">
        <v>10</v>
      </c>
      <c r="CH22" s="71">
        <v>10</v>
      </c>
      <c r="CI22" s="71">
        <v>10</v>
      </c>
      <c r="CJ22" s="71">
        <v>6</v>
      </c>
      <c r="CK22" s="72">
        <v>51</v>
      </c>
      <c r="CL22" s="73">
        <v>66</v>
      </c>
      <c r="CM22" s="70">
        <v>202</v>
      </c>
      <c r="CN22" s="71">
        <v>183</v>
      </c>
      <c r="CO22" s="72">
        <v>385</v>
      </c>
      <c r="CP22" s="244"/>
      <c r="CQ22" s="71">
        <v>389</v>
      </c>
      <c r="CR22" s="71">
        <v>324</v>
      </c>
      <c r="CS22" s="71">
        <v>211</v>
      </c>
      <c r="CT22" s="71">
        <v>156</v>
      </c>
      <c r="CU22" s="71">
        <v>99</v>
      </c>
      <c r="CV22" s="72">
        <v>1179</v>
      </c>
      <c r="CW22" s="73">
        <v>1564</v>
      </c>
      <c r="CX22" s="123">
        <v>342</v>
      </c>
      <c r="CY22" s="82">
        <v>391</v>
      </c>
      <c r="CZ22" s="83">
        <v>733</v>
      </c>
      <c r="DA22" s="241"/>
      <c r="DB22" s="82">
        <v>626</v>
      </c>
      <c r="DC22" s="82">
        <v>503</v>
      </c>
      <c r="DD22" s="82">
        <v>449</v>
      </c>
      <c r="DE22" s="82">
        <v>341</v>
      </c>
      <c r="DF22" s="82">
        <v>248</v>
      </c>
      <c r="DG22" s="84">
        <v>2167</v>
      </c>
      <c r="DH22" s="85">
        <v>2900</v>
      </c>
      <c r="DI22" s="86">
        <v>8</v>
      </c>
      <c r="DJ22" s="71">
        <v>10</v>
      </c>
      <c r="DK22" s="72">
        <v>18</v>
      </c>
      <c r="DL22" s="244"/>
      <c r="DM22" s="71">
        <v>12</v>
      </c>
      <c r="DN22" s="71">
        <v>13</v>
      </c>
      <c r="DO22" s="71">
        <v>8</v>
      </c>
      <c r="DP22" s="71">
        <v>2</v>
      </c>
      <c r="DQ22" s="71">
        <v>4</v>
      </c>
      <c r="DR22" s="72">
        <v>39</v>
      </c>
      <c r="DS22" s="73">
        <v>57</v>
      </c>
      <c r="DT22" s="70">
        <v>27</v>
      </c>
      <c r="DU22" s="71">
        <v>34</v>
      </c>
      <c r="DV22" s="72">
        <v>61</v>
      </c>
      <c r="DW22" s="244"/>
      <c r="DX22" s="71">
        <v>51</v>
      </c>
      <c r="DY22" s="71">
        <v>23</v>
      </c>
      <c r="DZ22" s="71">
        <v>23</v>
      </c>
      <c r="EA22" s="71">
        <v>14</v>
      </c>
      <c r="EB22" s="71">
        <v>16</v>
      </c>
      <c r="EC22" s="72">
        <v>127</v>
      </c>
      <c r="ED22" s="73">
        <v>188</v>
      </c>
      <c r="EE22" s="86">
        <v>62</v>
      </c>
      <c r="EF22" s="71">
        <v>61</v>
      </c>
      <c r="EG22" s="72">
        <v>123</v>
      </c>
      <c r="EH22" s="244"/>
      <c r="EI22" s="71">
        <v>78</v>
      </c>
      <c r="EJ22" s="71">
        <v>58</v>
      </c>
      <c r="EK22" s="71">
        <v>30</v>
      </c>
      <c r="EL22" s="71">
        <v>45</v>
      </c>
      <c r="EM22" s="71">
        <v>30</v>
      </c>
      <c r="EN22" s="72">
        <v>241</v>
      </c>
      <c r="EO22" s="73">
        <v>364</v>
      </c>
      <c r="EP22" s="70">
        <v>103</v>
      </c>
      <c r="EQ22" s="71">
        <v>98</v>
      </c>
      <c r="ER22" s="72">
        <v>201</v>
      </c>
      <c r="ES22" s="244"/>
      <c r="ET22" s="71">
        <v>161</v>
      </c>
      <c r="EU22" s="71">
        <v>116</v>
      </c>
      <c r="EV22" s="71">
        <v>98</v>
      </c>
      <c r="EW22" s="71">
        <v>64</v>
      </c>
      <c r="EX22" s="71">
        <v>40</v>
      </c>
      <c r="EY22" s="72">
        <v>479</v>
      </c>
      <c r="EZ22" s="73">
        <v>680</v>
      </c>
      <c r="FA22" s="86">
        <v>92</v>
      </c>
      <c r="FB22" s="71">
        <v>109</v>
      </c>
      <c r="FC22" s="72">
        <v>201</v>
      </c>
      <c r="FD22" s="244"/>
      <c r="FE22" s="71">
        <v>175</v>
      </c>
      <c r="FF22" s="71">
        <v>147</v>
      </c>
      <c r="FG22" s="71">
        <v>118</v>
      </c>
      <c r="FH22" s="71">
        <v>78</v>
      </c>
      <c r="FI22" s="71">
        <v>53</v>
      </c>
      <c r="FJ22" s="72">
        <v>571</v>
      </c>
      <c r="FK22" s="73">
        <v>772</v>
      </c>
      <c r="FL22" s="70">
        <v>50</v>
      </c>
      <c r="FM22" s="71">
        <v>79</v>
      </c>
      <c r="FN22" s="72">
        <v>129</v>
      </c>
      <c r="FO22" s="244"/>
      <c r="FP22" s="71">
        <v>149</v>
      </c>
      <c r="FQ22" s="71">
        <v>146</v>
      </c>
      <c r="FR22" s="71">
        <v>172</v>
      </c>
      <c r="FS22" s="71">
        <v>138</v>
      </c>
      <c r="FT22" s="71">
        <v>105</v>
      </c>
      <c r="FU22" s="72">
        <v>710</v>
      </c>
      <c r="FV22" s="73">
        <v>839</v>
      </c>
      <c r="FW22" s="70">
        <v>5</v>
      </c>
      <c r="FX22" s="71">
        <v>4</v>
      </c>
      <c r="FY22" s="72">
        <v>9</v>
      </c>
      <c r="FZ22" s="244"/>
      <c r="GA22" s="71">
        <v>8</v>
      </c>
      <c r="GB22" s="71">
        <v>11</v>
      </c>
      <c r="GC22" s="71">
        <v>6</v>
      </c>
      <c r="GD22" s="71">
        <v>4</v>
      </c>
      <c r="GE22" s="71">
        <v>5</v>
      </c>
      <c r="GF22" s="72">
        <v>34</v>
      </c>
      <c r="GG22" s="73">
        <v>43</v>
      </c>
      <c r="GH22" s="70">
        <v>347</v>
      </c>
      <c r="GI22" s="71">
        <v>395</v>
      </c>
      <c r="GJ22" s="72">
        <v>742</v>
      </c>
      <c r="GK22" s="244"/>
      <c r="GL22" s="71">
        <v>634</v>
      </c>
      <c r="GM22" s="71">
        <v>514</v>
      </c>
      <c r="GN22" s="71">
        <v>455</v>
      </c>
      <c r="GO22" s="71">
        <v>345</v>
      </c>
      <c r="GP22" s="71">
        <v>253</v>
      </c>
      <c r="GQ22" s="72">
        <v>2201</v>
      </c>
      <c r="GR22" s="73">
        <v>2943</v>
      </c>
      <c r="GS22" s="123">
        <v>538</v>
      </c>
      <c r="GT22" s="82">
        <v>565</v>
      </c>
      <c r="GU22" s="83">
        <v>1103</v>
      </c>
      <c r="GV22" s="241"/>
      <c r="GW22" s="82">
        <v>1000</v>
      </c>
      <c r="GX22" s="82">
        <v>817</v>
      </c>
      <c r="GY22" s="82">
        <v>650</v>
      </c>
      <c r="GZ22" s="82">
        <v>487</v>
      </c>
      <c r="HA22" s="82">
        <v>341</v>
      </c>
      <c r="HB22" s="84">
        <v>3295</v>
      </c>
      <c r="HC22" s="85">
        <v>4398</v>
      </c>
      <c r="HD22" s="86">
        <v>16</v>
      </c>
      <c r="HE22" s="71">
        <v>19</v>
      </c>
      <c r="HF22" s="72">
        <v>35</v>
      </c>
      <c r="HG22" s="244"/>
      <c r="HH22" s="71">
        <v>26</v>
      </c>
      <c r="HI22" s="71">
        <v>30</v>
      </c>
      <c r="HJ22" s="71">
        <v>15</v>
      </c>
      <c r="HK22" s="71">
        <v>9</v>
      </c>
      <c r="HL22" s="71">
        <v>10</v>
      </c>
      <c r="HM22" s="72">
        <v>90</v>
      </c>
      <c r="HN22" s="73">
        <v>125</v>
      </c>
      <c r="HO22" s="70">
        <v>44</v>
      </c>
      <c r="HP22" s="71">
        <v>55</v>
      </c>
      <c r="HQ22" s="72">
        <v>99</v>
      </c>
      <c r="HR22" s="244"/>
      <c r="HS22" s="71">
        <v>95</v>
      </c>
      <c r="HT22" s="71">
        <v>67</v>
      </c>
      <c r="HU22" s="71">
        <v>48</v>
      </c>
      <c r="HV22" s="71">
        <v>33</v>
      </c>
      <c r="HW22" s="71">
        <v>28</v>
      </c>
      <c r="HX22" s="72">
        <v>271</v>
      </c>
      <c r="HY22" s="73">
        <v>370</v>
      </c>
      <c r="HZ22" s="86">
        <v>100</v>
      </c>
      <c r="IA22" s="71">
        <v>85</v>
      </c>
      <c r="IB22" s="72">
        <v>185</v>
      </c>
      <c r="IC22" s="244"/>
      <c r="ID22" s="71">
        <v>140</v>
      </c>
      <c r="IE22" s="71">
        <v>111</v>
      </c>
      <c r="IF22" s="71">
        <v>65</v>
      </c>
      <c r="IG22" s="71">
        <v>72</v>
      </c>
      <c r="IH22" s="71">
        <v>42</v>
      </c>
      <c r="II22" s="72">
        <v>430</v>
      </c>
      <c r="IJ22" s="73">
        <v>615</v>
      </c>
      <c r="IK22" s="70">
        <v>152</v>
      </c>
      <c r="IL22" s="71">
        <v>136</v>
      </c>
      <c r="IM22" s="72">
        <v>288</v>
      </c>
      <c r="IN22" s="244"/>
      <c r="IO22" s="71">
        <v>247</v>
      </c>
      <c r="IP22" s="71">
        <v>187</v>
      </c>
      <c r="IQ22" s="71">
        <v>153</v>
      </c>
      <c r="IR22" s="71">
        <v>96</v>
      </c>
      <c r="IS22" s="71">
        <v>69</v>
      </c>
      <c r="IT22" s="72">
        <v>752</v>
      </c>
      <c r="IU22" s="73">
        <v>1040</v>
      </c>
      <c r="IV22" s="86">
        <v>149</v>
      </c>
      <c r="IW22" s="71">
        <v>156</v>
      </c>
      <c r="IX22" s="72">
        <v>305</v>
      </c>
      <c r="IY22" s="244"/>
      <c r="IZ22" s="71">
        <v>276</v>
      </c>
      <c r="JA22" s="71">
        <v>224</v>
      </c>
      <c r="JB22" s="71">
        <v>156</v>
      </c>
      <c r="JC22" s="71">
        <v>115</v>
      </c>
      <c r="JD22" s="71">
        <v>78</v>
      </c>
      <c r="JE22" s="72">
        <v>849</v>
      </c>
      <c r="JF22" s="73">
        <v>1154</v>
      </c>
      <c r="JG22" s="70">
        <v>77</v>
      </c>
      <c r="JH22" s="71">
        <v>114</v>
      </c>
      <c r="JI22" s="72">
        <v>191</v>
      </c>
      <c r="JJ22" s="244"/>
      <c r="JK22" s="71">
        <v>216</v>
      </c>
      <c r="JL22" s="71">
        <v>198</v>
      </c>
      <c r="JM22" s="71">
        <v>213</v>
      </c>
      <c r="JN22" s="71">
        <v>162</v>
      </c>
      <c r="JO22" s="71">
        <v>114</v>
      </c>
      <c r="JP22" s="72">
        <v>903</v>
      </c>
      <c r="JQ22" s="73">
        <v>1094</v>
      </c>
      <c r="JR22" s="70">
        <v>11</v>
      </c>
      <c r="JS22" s="71">
        <v>13</v>
      </c>
      <c r="JT22" s="72">
        <v>24</v>
      </c>
      <c r="JU22" s="244"/>
      <c r="JV22" s="71">
        <v>23</v>
      </c>
      <c r="JW22" s="71">
        <v>21</v>
      </c>
      <c r="JX22" s="71">
        <v>16</v>
      </c>
      <c r="JY22" s="71">
        <v>14</v>
      </c>
      <c r="JZ22" s="71">
        <v>11</v>
      </c>
      <c r="KA22" s="72">
        <v>85</v>
      </c>
      <c r="KB22" s="73">
        <v>109</v>
      </c>
      <c r="KC22" s="70">
        <v>549</v>
      </c>
      <c r="KD22" s="71">
        <v>578</v>
      </c>
      <c r="KE22" s="72">
        <v>1127</v>
      </c>
      <c r="KF22" s="244"/>
      <c r="KG22" s="71">
        <v>1023</v>
      </c>
      <c r="KH22" s="71">
        <v>838</v>
      </c>
      <c r="KI22" s="71">
        <v>666</v>
      </c>
      <c r="KJ22" s="71">
        <v>501</v>
      </c>
      <c r="KK22" s="71">
        <v>352</v>
      </c>
      <c r="KL22" s="72">
        <v>3380</v>
      </c>
      <c r="KM22" s="73">
        <v>4507</v>
      </c>
    </row>
    <row r="23" spans="2:299" ht="21" customHeight="1" x14ac:dyDescent="0.2">
      <c r="B23" s="126" t="s">
        <v>20</v>
      </c>
      <c r="C23" s="315">
        <v>266</v>
      </c>
      <c r="D23" s="82">
        <v>325</v>
      </c>
      <c r="E23" s="83">
        <v>591</v>
      </c>
      <c r="F23" s="241"/>
      <c r="G23" s="82">
        <v>556</v>
      </c>
      <c r="H23" s="82">
        <v>342</v>
      </c>
      <c r="I23" s="82">
        <v>273</v>
      </c>
      <c r="J23" s="82">
        <v>217</v>
      </c>
      <c r="K23" s="82">
        <v>113</v>
      </c>
      <c r="L23" s="84">
        <v>1501</v>
      </c>
      <c r="M23" s="85">
        <v>2092</v>
      </c>
      <c r="N23" s="70">
        <v>11</v>
      </c>
      <c r="O23" s="71">
        <v>8</v>
      </c>
      <c r="P23" s="72">
        <v>19</v>
      </c>
      <c r="Q23" s="244"/>
      <c r="R23" s="71">
        <v>25</v>
      </c>
      <c r="S23" s="71">
        <v>13</v>
      </c>
      <c r="T23" s="71">
        <v>13</v>
      </c>
      <c r="U23" s="71">
        <v>12</v>
      </c>
      <c r="V23" s="71">
        <v>7</v>
      </c>
      <c r="W23" s="72">
        <v>70</v>
      </c>
      <c r="X23" s="73">
        <v>89</v>
      </c>
      <c r="Y23" s="70">
        <v>24</v>
      </c>
      <c r="Z23" s="71">
        <v>31</v>
      </c>
      <c r="AA23" s="72">
        <v>55</v>
      </c>
      <c r="AB23" s="244"/>
      <c r="AC23" s="71">
        <v>57</v>
      </c>
      <c r="AD23" s="71">
        <v>45</v>
      </c>
      <c r="AE23" s="71">
        <v>40</v>
      </c>
      <c r="AF23" s="71">
        <v>27</v>
      </c>
      <c r="AG23" s="71">
        <v>21</v>
      </c>
      <c r="AH23" s="72">
        <v>190</v>
      </c>
      <c r="AI23" s="73">
        <v>245</v>
      </c>
      <c r="AJ23" s="70">
        <v>53</v>
      </c>
      <c r="AK23" s="71">
        <v>60</v>
      </c>
      <c r="AL23" s="72">
        <v>113</v>
      </c>
      <c r="AM23" s="244"/>
      <c r="AN23" s="71">
        <v>79</v>
      </c>
      <c r="AO23" s="71">
        <v>62</v>
      </c>
      <c r="AP23" s="71">
        <v>42</v>
      </c>
      <c r="AQ23" s="71">
        <v>40</v>
      </c>
      <c r="AR23" s="71">
        <v>28</v>
      </c>
      <c r="AS23" s="72">
        <v>251</v>
      </c>
      <c r="AT23" s="73">
        <v>364</v>
      </c>
      <c r="AU23" s="70">
        <v>75</v>
      </c>
      <c r="AV23" s="71">
        <v>97</v>
      </c>
      <c r="AW23" s="72">
        <v>172</v>
      </c>
      <c r="AX23" s="244"/>
      <c r="AY23" s="71">
        <v>160</v>
      </c>
      <c r="AZ23" s="71">
        <v>86</v>
      </c>
      <c r="BA23" s="71">
        <v>72</v>
      </c>
      <c r="BB23" s="71">
        <v>57</v>
      </c>
      <c r="BC23" s="71">
        <v>26</v>
      </c>
      <c r="BD23" s="72">
        <v>401</v>
      </c>
      <c r="BE23" s="73">
        <v>573</v>
      </c>
      <c r="BF23" s="70">
        <v>68</v>
      </c>
      <c r="BG23" s="71">
        <v>86</v>
      </c>
      <c r="BH23" s="72">
        <v>154</v>
      </c>
      <c r="BI23" s="244"/>
      <c r="BJ23" s="71">
        <v>162</v>
      </c>
      <c r="BK23" s="71">
        <v>81</v>
      </c>
      <c r="BL23" s="71">
        <v>72</v>
      </c>
      <c r="BM23" s="71">
        <v>51</v>
      </c>
      <c r="BN23" s="71">
        <v>20</v>
      </c>
      <c r="BO23" s="72">
        <v>386</v>
      </c>
      <c r="BP23" s="73">
        <v>540</v>
      </c>
      <c r="BQ23" s="70">
        <v>35</v>
      </c>
      <c r="BR23" s="71">
        <v>43</v>
      </c>
      <c r="BS23" s="72">
        <v>78</v>
      </c>
      <c r="BT23" s="244"/>
      <c r="BU23" s="71">
        <v>73</v>
      </c>
      <c r="BV23" s="71">
        <v>55</v>
      </c>
      <c r="BW23" s="71">
        <v>34</v>
      </c>
      <c r="BX23" s="71">
        <v>30</v>
      </c>
      <c r="BY23" s="71">
        <v>11</v>
      </c>
      <c r="BZ23" s="72">
        <v>203</v>
      </c>
      <c r="CA23" s="73">
        <v>281</v>
      </c>
      <c r="CB23" s="70">
        <v>10</v>
      </c>
      <c r="CC23" s="71">
        <v>13</v>
      </c>
      <c r="CD23" s="72">
        <v>23</v>
      </c>
      <c r="CE23" s="244"/>
      <c r="CF23" s="71">
        <v>23</v>
      </c>
      <c r="CG23" s="71">
        <v>12</v>
      </c>
      <c r="CH23" s="71">
        <v>11</v>
      </c>
      <c r="CI23" s="71">
        <v>10</v>
      </c>
      <c r="CJ23" s="71">
        <v>7</v>
      </c>
      <c r="CK23" s="72">
        <v>63</v>
      </c>
      <c r="CL23" s="73">
        <v>86</v>
      </c>
      <c r="CM23" s="70">
        <v>276</v>
      </c>
      <c r="CN23" s="71">
        <v>338</v>
      </c>
      <c r="CO23" s="72">
        <v>614</v>
      </c>
      <c r="CP23" s="244"/>
      <c r="CQ23" s="71">
        <v>579</v>
      </c>
      <c r="CR23" s="71">
        <v>354</v>
      </c>
      <c r="CS23" s="71">
        <v>284</v>
      </c>
      <c r="CT23" s="71">
        <v>227</v>
      </c>
      <c r="CU23" s="71">
        <v>120</v>
      </c>
      <c r="CV23" s="72">
        <v>1564</v>
      </c>
      <c r="CW23" s="73">
        <v>2178</v>
      </c>
      <c r="CX23" s="123">
        <v>468</v>
      </c>
      <c r="CY23" s="82">
        <v>611</v>
      </c>
      <c r="CZ23" s="83">
        <v>1079</v>
      </c>
      <c r="DA23" s="241"/>
      <c r="DB23" s="82">
        <v>859</v>
      </c>
      <c r="DC23" s="82">
        <v>522</v>
      </c>
      <c r="DD23" s="82">
        <v>475</v>
      </c>
      <c r="DE23" s="82">
        <v>412</v>
      </c>
      <c r="DF23" s="82">
        <v>262</v>
      </c>
      <c r="DG23" s="84">
        <v>2530</v>
      </c>
      <c r="DH23" s="85">
        <v>3609</v>
      </c>
      <c r="DI23" s="70">
        <v>7</v>
      </c>
      <c r="DJ23" s="71">
        <v>14</v>
      </c>
      <c r="DK23" s="72">
        <v>21</v>
      </c>
      <c r="DL23" s="244"/>
      <c r="DM23" s="71">
        <v>21</v>
      </c>
      <c r="DN23" s="71">
        <v>11</v>
      </c>
      <c r="DO23" s="71">
        <v>7</v>
      </c>
      <c r="DP23" s="71">
        <v>7</v>
      </c>
      <c r="DQ23" s="71">
        <v>4</v>
      </c>
      <c r="DR23" s="72">
        <v>50</v>
      </c>
      <c r="DS23" s="73">
        <v>71</v>
      </c>
      <c r="DT23" s="70">
        <v>34</v>
      </c>
      <c r="DU23" s="71">
        <v>42</v>
      </c>
      <c r="DV23" s="72">
        <v>76</v>
      </c>
      <c r="DW23" s="244"/>
      <c r="DX23" s="71">
        <v>70</v>
      </c>
      <c r="DY23" s="71">
        <v>27</v>
      </c>
      <c r="DZ23" s="71">
        <v>25</v>
      </c>
      <c r="EA23" s="71">
        <v>26</v>
      </c>
      <c r="EB23" s="71">
        <v>18</v>
      </c>
      <c r="EC23" s="72">
        <v>166</v>
      </c>
      <c r="ED23" s="73">
        <v>242</v>
      </c>
      <c r="EE23" s="70">
        <v>93</v>
      </c>
      <c r="EF23" s="71">
        <v>89</v>
      </c>
      <c r="EG23" s="72">
        <v>182</v>
      </c>
      <c r="EH23" s="244"/>
      <c r="EI23" s="71">
        <v>136</v>
      </c>
      <c r="EJ23" s="71">
        <v>65</v>
      </c>
      <c r="EK23" s="71">
        <v>42</v>
      </c>
      <c r="EL23" s="71">
        <v>33</v>
      </c>
      <c r="EM23" s="71">
        <v>34</v>
      </c>
      <c r="EN23" s="72">
        <v>310</v>
      </c>
      <c r="EO23" s="73">
        <v>492</v>
      </c>
      <c r="EP23" s="70">
        <v>163</v>
      </c>
      <c r="EQ23" s="71">
        <v>170</v>
      </c>
      <c r="ER23" s="72">
        <v>333</v>
      </c>
      <c r="ES23" s="244"/>
      <c r="ET23" s="71">
        <v>196</v>
      </c>
      <c r="EU23" s="71">
        <v>119</v>
      </c>
      <c r="EV23" s="71">
        <v>97</v>
      </c>
      <c r="EW23" s="71">
        <v>70</v>
      </c>
      <c r="EX23" s="71">
        <v>54</v>
      </c>
      <c r="EY23" s="72">
        <v>536</v>
      </c>
      <c r="EZ23" s="73">
        <v>869</v>
      </c>
      <c r="FA23" s="70">
        <v>119</v>
      </c>
      <c r="FB23" s="71">
        <v>181</v>
      </c>
      <c r="FC23" s="72">
        <v>300</v>
      </c>
      <c r="FD23" s="244"/>
      <c r="FE23" s="71">
        <v>233</v>
      </c>
      <c r="FF23" s="71">
        <v>139</v>
      </c>
      <c r="FG23" s="71">
        <v>128</v>
      </c>
      <c r="FH23" s="71">
        <v>109</v>
      </c>
      <c r="FI23" s="71">
        <v>63</v>
      </c>
      <c r="FJ23" s="72">
        <v>672</v>
      </c>
      <c r="FK23" s="73">
        <v>972</v>
      </c>
      <c r="FL23" s="70">
        <v>52</v>
      </c>
      <c r="FM23" s="71">
        <v>115</v>
      </c>
      <c r="FN23" s="72">
        <v>167</v>
      </c>
      <c r="FO23" s="244"/>
      <c r="FP23" s="71">
        <v>203</v>
      </c>
      <c r="FQ23" s="71">
        <v>161</v>
      </c>
      <c r="FR23" s="71">
        <v>176</v>
      </c>
      <c r="FS23" s="71">
        <v>167</v>
      </c>
      <c r="FT23" s="71">
        <v>89</v>
      </c>
      <c r="FU23" s="72">
        <v>796</v>
      </c>
      <c r="FV23" s="73">
        <v>963</v>
      </c>
      <c r="FW23" s="70">
        <v>5</v>
      </c>
      <c r="FX23" s="71">
        <v>13</v>
      </c>
      <c r="FY23" s="72">
        <v>18</v>
      </c>
      <c r="FZ23" s="244"/>
      <c r="GA23" s="71">
        <v>14</v>
      </c>
      <c r="GB23" s="71">
        <v>13</v>
      </c>
      <c r="GC23" s="71">
        <v>4</v>
      </c>
      <c r="GD23" s="71">
        <v>9</v>
      </c>
      <c r="GE23" s="71">
        <v>5</v>
      </c>
      <c r="GF23" s="72">
        <v>45</v>
      </c>
      <c r="GG23" s="73">
        <v>63</v>
      </c>
      <c r="GH23" s="70">
        <v>473</v>
      </c>
      <c r="GI23" s="71">
        <v>624</v>
      </c>
      <c r="GJ23" s="72">
        <v>1097</v>
      </c>
      <c r="GK23" s="244"/>
      <c r="GL23" s="71">
        <v>873</v>
      </c>
      <c r="GM23" s="71">
        <v>535</v>
      </c>
      <c r="GN23" s="71">
        <v>479</v>
      </c>
      <c r="GO23" s="71">
        <v>421</v>
      </c>
      <c r="GP23" s="71">
        <v>267</v>
      </c>
      <c r="GQ23" s="72">
        <v>2575</v>
      </c>
      <c r="GR23" s="73">
        <v>3672</v>
      </c>
      <c r="GS23" s="123">
        <v>734</v>
      </c>
      <c r="GT23" s="82">
        <v>936</v>
      </c>
      <c r="GU23" s="83">
        <v>1670</v>
      </c>
      <c r="GV23" s="241"/>
      <c r="GW23" s="82">
        <v>1415</v>
      </c>
      <c r="GX23" s="82">
        <v>864</v>
      </c>
      <c r="GY23" s="82">
        <v>748</v>
      </c>
      <c r="GZ23" s="82">
        <v>629</v>
      </c>
      <c r="HA23" s="82">
        <v>375</v>
      </c>
      <c r="HB23" s="84">
        <v>4031</v>
      </c>
      <c r="HC23" s="85">
        <v>5701</v>
      </c>
      <c r="HD23" s="70">
        <v>18</v>
      </c>
      <c r="HE23" s="71">
        <v>22</v>
      </c>
      <c r="HF23" s="72">
        <v>40</v>
      </c>
      <c r="HG23" s="244"/>
      <c r="HH23" s="71">
        <v>46</v>
      </c>
      <c r="HI23" s="71">
        <v>24</v>
      </c>
      <c r="HJ23" s="71">
        <v>20</v>
      </c>
      <c r="HK23" s="71">
        <v>19</v>
      </c>
      <c r="HL23" s="71">
        <v>11</v>
      </c>
      <c r="HM23" s="72">
        <v>120</v>
      </c>
      <c r="HN23" s="73">
        <v>160</v>
      </c>
      <c r="HO23" s="70">
        <v>58</v>
      </c>
      <c r="HP23" s="71">
        <v>73</v>
      </c>
      <c r="HQ23" s="72">
        <v>131</v>
      </c>
      <c r="HR23" s="244"/>
      <c r="HS23" s="71">
        <v>127</v>
      </c>
      <c r="HT23" s="71">
        <v>72</v>
      </c>
      <c r="HU23" s="71">
        <v>65</v>
      </c>
      <c r="HV23" s="71">
        <v>53</v>
      </c>
      <c r="HW23" s="71">
        <v>39</v>
      </c>
      <c r="HX23" s="72">
        <v>356</v>
      </c>
      <c r="HY23" s="73">
        <v>487</v>
      </c>
      <c r="HZ23" s="70">
        <v>146</v>
      </c>
      <c r="IA23" s="71">
        <v>149</v>
      </c>
      <c r="IB23" s="72">
        <v>295</v>
      </c>
      <c r="IC23" s="244"/>
      <c r="ID23" s="71">
        <v>215</v>
      </c>
      <c r="IE23" s="71">
        <v>127</v>
      </c>
      <c r="IF23" s="71">
        <v>84</v>
      </c>
      <c r="IG23" s="71">
        <v>73</v>
      </c>
      <c r="IH23" s="71">
        <v>62</v>
      </c>
      <c r="II23" s="72">
        <v>561</v>
      </c>
      <c r="IJ23" s="73">
        <v>856</v>
      </c>
      <c r="IK23" s="70">
        <v>238</v>
      </c>
      <c r="IL23" s="71">
        <v>267</v>
      </c>
      <c r="IM23" s="72">
        <v>505</v>
      </c>
      <c r="IN23" s="244"/>
      <c r="IO23" s="71">
        <v>356</v>
      </c>
      <c r="IP23" s="71">
        <v>205</v>
      </c>
      <c r="IQ23" s="71">
        <v>169</v>
      </c>
      <c r="IR23" s="71">
        <v>127</v>
      </c>
      <c r="IS23" s="71">
        <v>80</v>
      </c>
      <c r="IT23" s="72">
        <v>937</v>
      </c>
      <c r="IU23" s="73">
        <v>1442</v>
      </c>
      <c r="IV23" s="70">
        <v>187</v>
      </c>
      <c r="IW23" s="71">
        <v>267</v>
      </c>
      <c r="IX23" s="72">
        <v>454</v>
      </c>
      <c r="IY23" s="244"/>
      <c r="IZ23" s="71">
        <v>395</v>
      </c>
      <c r="JA23" s="71">
        <v>220</v>
      </c>
      <c r="JB23" s="71">
        <v>200</v>
      </c>
      <c r="JC23" s="71">
        <v>160</v>
      </c>
      <c r="JD23" s="71">
        <v>83</v>
      </c>
      <c r="JE23" s="72">
        <v>1058</v>
      </c>
      <c r="JF23" s="73">
        <v>1512</v>
      </c>
      <c r="JG23" s="70">
        <v>87</v>
      </c>
      <c r="JH23" s="71">
        <v>158</v>
      </c>
      <c r="JI23" s="72">
        <v>245</v>
      </c>
      <c r="JJ23" s="244"/>
      <c r="JK23" s="71">
        <v>276</v>
      </c>
      <c r="JL23" s="71">
        <v>216</v>
      </c>
      <c r="JM23" s="71">
        <v>210</v>
      </c>
      <c r="JN23" s="71">
        <v>197</v>
      </c>
      <c r="JO23" s="71">
        <v>100</v>
      </c>
      <c r="JP23" s="72">
        <v>999</v>
      </c>
      <c r="JQ23" s="73">
        <v>1244</v>
      </c>
      <c r="JR23" s="70">
        <v>15</v>
      </c>
      <c r="JS23" s="71">
        <v>26</v>
      </c>
      <c r="JT23" s="72">
        <v>41</v>
      </c>
      <c r="JU23" s="244"/>
      <c r="JV23" s="71">
        <v>37</v>
      </c>
      <c r="JW23" s="71">
        <v>25</v>
      </c>
      <c r="JX23" s="71">
        <v>15</v>
      </c>
      <c r="JY23" s="71">
        <v>19</v>
      </c>
      <c r="JZ23" s="71">
        <v>12</v>
      </c>
      <c r="KA23" s="72">
        <v>108</v>
      </c>
      <c r="KB23" s="73">
        <v>149</v>
      </c>
      <c r="KC23" s="70">
        <v>749</v>
      </c>
      <c r="KD23" s="71">
        <v>962</v>
      </c>
      <c r="KE23" s="72">
        <v>1711</v>
      </c>
      <c r="KF23" s="244"/>
      <c r="KG23" s="71">
        <v>1452</v>
      </c>
      <c r="KH23" s="71">
        <v>889</v>
      </c>
      <c r="KI23" s="71">
        <v>763</v>
      </c>
      <c r="KJ23" s="71">
        <v>648</v>
      </c>
      <c r="KK23" s="71">
        <v>387</v>
      </c>
      <c r="KL23" s="72">
        <v>4139</v>
      </c>
      <c r="KM23" s="73">
        <v>5850</v>
      </c>
    </row>
    <row r="24" spans="2:299" ht="21" customHeight="1" x14ac:dyDescent="0.2">
      <c r="B24" s="126" t="s">
        <v>21</v>
      </c>
      <c r="C24" s="315">
        <v>278</v>
      </c>
      <c r="D24" s="82">
        <v>233</v>
      </c>
      <c r="E24" s="83">
        <v>511</v>
      </c>
      <c r="F24" s="241"/>
      <c r="G24" s="82">
        <v>455</v>
      </c>
      <c r="H24" s="82">
        <v>407</v>
      </c>
      <c r="I24" s="82">
        <v>286</v>
      </c>
      <c r="J24" s="82">
        <v>233</v>
      </c>
      <c r="K24" s="82">
        <v>133</v>
      </c>
      <c r="L24" s="84">
        <v>1514</v>
      </c>
      <c r="M24" s="85">
        <v>2025</v>
      </c>
      <c r="N24" s="70">
        <v>11</v>
      </c>
      <c r="O24" s="71">
        <v>15</v>
      </c>
      <c r="P24" s="72">
        <v>26</v>
      </c>
      <c r="Q24" s="244"/>
      <c r="R24" s="71">
        <v>20</v>
      </c>
      <c r="S24" s="71">
        <v>17</v>
      </c>
      <c r="T24" s="71">
        <v>18</v>
      </c>
      <c r="U24" s="71">
        <v>15</v>
      </c>
      <c r="V24" s="71">
        <v>12</v>
      </c>
      <c r="W24" s="72">
        <v>82</v>
      </c>
      <c r="X24" s="73">
        <v>108</v>
      </c>
      <c r="Y24" s="70">
        <v>33</v>
      </c>
      <c r="Z24" s="71">
        <v>32</v>
      </c>
      <c r="AA24" s="72">
        <v>65</v>
      </c>
      <c r="AB24" s="244"/>
      <c r="AC24" s="71">
        <v>42</v>
      </c>
      <c r="AD24" s="71">
        <v>49</v>
      </c>
      <c r="AE24" s="71">
        <v>25</v>
      </c>
      <c r="AF24" s="71">
        <v>32</v>
      </c>
      <c r="AG24" s="71">
        <v>17</v>
      </c>
      <c r="AH24" s="72">
        <v>165</v>
      </c>
      <c r="AI24" s="73">
        <v>230</v>
      </c>
      <c r="AJ24" s="70">
        <v>49</v>
      </c>
      <c r="AK24" s="71">
        <v>44</v>
      </c>
      <c r="AL24" s="72">
        <v>93</v>
      </c>
      <c r="AM24" s="244"/>
      <c r="AN24" s="71">
        <v>71</v>
      </c>
      <c r="AO24" s="71">
        <v>72</v>
      </c>
      <c r="AP24" s="71">
        <v>56</v>
      </c>
      <c r="AQ24" s="71">
        <v>45</v>
      </c>
      <c r="AR24" s="71">
        <v>24</v>
      </c>
      <c r="AS24" s="72">
        <v>268</v>
      </c>
      <c r="AT24" s="73">
        <v>361</v>
      </c>
      <c r="AU24" s="70">
        <v>68</v>
      </c>
      <c r="AV24" s="71">
        <v>50</v>
      </c>
      <c r="AW24" s="72">
        <v>118</v>
      </c>
      <c r="AX24" s="244"/>
      <c r="AY24" s="71">
        <v>125</v>
      </c>
      <c r="AZ24" s="71">
        <v>126</v>
      </c>
      <c r="BA24" s="71">
        <v>69</v>
      </c>
      <c r="BB24" s="71">
        <v>46</v>
      </c>
      <c r="BC24" s="71">
        <v>27</v>
      </c>
      <c r="BD24" s="72">
        <v>393</v>
      </c>
      <c r="BE24" s="73">
        <v>511</v>
      </c>
      <c r="BF24" s="70">
        <v>81</v>
      </c>
      <c r="BG24" s="71">
        <v>60</v>
      </c>
      <c r="BH24" s="72">
        <v>141</v>
      </c>
      <c r="BI24" s="244"/>
      <c r="BJ24" s="71">
        <v>137</v>
      </c>
      <c r="BK24" s="71">
        <v>93</v>
      </c>
      <c r="BL24" s="71">
        <v>64</v>
      </c>
      <c r="BM24" s="71">
        <v>62</v>
      </c>
      <c r="BN24" s="71">
        <v>36</v>
      </c>
      <c r="BO24" s="72">
        <v>392</v>
      </c>
      <c r="BP24" s="73">
        <v>533</v>
      </c>
      <c r="BQ24" s="70">
        <v>36</v>
      </c>
      <c r="BR24" s="71">
        <v>32</v>
      </c>
      <c r="BS24" s="72">
        <v>68</v>
      </c>
      <c r="BT24" s="244"/>
      <c r="BU24" s="71">
        <v>60</v>
      </c>
      <c r="BV24" s="71">
        <v>50</v>
      </c>
      <c r="BW24" s="71">
        <v>54</v>
      </c>
      <c r="BX24" s="71">
        <v>33</v>
      </c>
      <c r="BY24" s="71">
        <v>17</v>
      </c>
      <c r="BZ24" s="72">
        <v>214</v>
      </c>
      <c r="CA24" s="73">
        <v>282</v>
      </c>
      <c r="CB24" s="70">
        <v>7</v>
      </c>
      <c r="CC24" s="71">
        <v>13</v>
      </c>
      <c r="CD24" s="72">
        <v>20</v>
      </c>
      <c r="CE24" s="244"/>
      <c r="CF24" s="71">
        <v>5</v>
      </c>
      <c r="CG24" s="71">
        <v>23</v>
      </c>
      <c r="CH24" s="71">
        <v>6</v>
      </c>
      <c r="CI24" s="71">
        <v>12</v>
      </c>
      <c r="CJ24" s="71">
        <v>9</v>
      </c>
      <c r="CK24" s="72">
        <v>55</v>
      </c>
      <c r="CL24" s="73">
        <v>75</v>
      </c>
      <c r="CM24" s="70">
        <v>285</v>
      </c>
      <c r="CN24" s="71">
        <v>246</v>
      </c>
      <c r="CO24" s="72">
        <v>531</v>
      </c>
      <c r="CP24" s="244"/>
      <c r="CQ24" s="71">
        <v>460</v>
      </c>
      <c r="CR24" s="71">
        <v>430</v>
      </c>
      <c r="CS24" s="71">
        <v>292</v>
      </c>
      <c r="CT24" s="71">
        <v>245</v>
      </c>
      <c r="CU24" s="71">
        <v>142</v>
      </c>
      <c r="CV24" s="72">
        <v>1569</v>
      </c>
      <c r="CW24" s="73">
        <v>2100</v>
      </c>
      <c r="CX24" s="123">
        <v>558</v>
      </c>
      <c r="CY24" s="82">
        <v>542</v>
      </c>
      <c r="CZ24" s="83">
        <v>1100</v>
      </c>
      <c r="DA24" s="241"/>
      <c r="DB24" s="82">
        <v>723</v>
      </c>
      <c r="DC24" s="82">
        <v>732</v>
      </c>
      <c r="DD24" s="82">
        <v>546</v>
      </c>
      <c r="DE24" s="82">
        <v>469</v>
      </c>
      <c r="DF24" s="82">
        <v>343</v>
      </c>
      <c r="DG24" s="84">
        <v>2813</v>
      </c>
      <c r="DH24" s="85">
        <v>3913</v>
      </c>
      <c r="DI24" s="70">
        <v>16</v>
      </c>
      <c r="DJ24" s="71">
        <v>13</v>
      </c>
      <c r="DK24" s="72">
        <v>29</v>
      </c>
      <c r="DL24" s="244"/>
      <c r="DM24" s="71">
        <v>18</v>
      </c>
      <c r="DN24" s="71">
        <v>19</v>
      </c>
      <c r="DO24" s="71">
        <v>11</v>
      </c>
      <c r="DP24" s="71">
        <v>6</v>
      </c>
      <c r="DQ24" s="71">
        <v>12</v>
      </c>
      <c r="DR24" s="72">
        <v>66</v>
      </c>
      <c r="DS24" s="73">
        <v>95</v>
      </c>
      <c r="DT24" s="70">
        <v>42</v>
      </c>
      <c r="DU24" s="71">
        <v>36</v>
      </c>
      <c r="DV24" s="72">
        <v>78</v>
      </c>
      <c r="DW24" s="244"/>
      <c r="DX24" s="71">
        <v>33</v>
      </c>
      <c r="DY24" s="71">
        <v>44</v>
      </c>
      <c r="DZ24" s="71">
        <v>31</v>
      </c>
      <c r="EA24" s="71">
        <v>29</v>
      </c>
      <c r="EB24" s="71">
        <v>28</v>
      </c>
      <c r="EC24" s="72">
        <v>165</v>
      </c>
      <c r="ED24" s="73">
        <v>243</v>
      </c>
      <c r="EE24" s="70">
        <v>92</v>
      </c>
      <c r="EF24" s="71">
        <v>88</v>
      </c>
      <c r="EG24" s="72">
        <v>180</v>
      </c>
      <c r="EH24" s="244"/>
      <c r="EI24" s="71">
        <v>106</v>
      </c>
      <c r="EJ24" s="71">
        <v>86</v>
      </c>
      <c r="EK24" s="71">
        <v>59</v>
      </c>
      <c r="EL24" s="71">
        <v>52</v>
      </c>
      <c r="EM24" s="71">
        <v>29</v>
      </c>
      <c r="EN24" s="72">
        <v>332</v>
      </c>
      <c r="EO24" s="73">
        <v>512</v>
      </c>
      <c r="EP24" s="70">
        <v>171</v>
      </c>
      <c r="EQ24" s="71">
        <v>159</v>
      </c>
      <c r="ER24" s="72">
        <v>330</v>
      </c>
      <c r="ES24" s="244"/>
      <c r="ET24" s="71">
        <v>209</v>
      </c>
      <c r="EU24" s="71">
        <v>159</v>
      </c>
      <c r="EV24" s="71">
        <v>106</v>
      </c>
      <c r="EW24" s="71">
        <v>96</v>
      </c>
      <c r="EX24" s="71">
        <v>83</v>
      </c>
      <c r="EY24" s="72">
        <v>653</v>
      </c>
      <c r="EZ24" s="73">
        <v>983</v>
      </c>
      <c r="FA24" s="70">
        <v>157</v>
      </c>
      <c r="FB24" s="71">
        <v>163</v>
      </c>
      <c r="FC24" s="72">
        <v>320</v>
      </c>
      <c r="FD24" s="244"/>
      <c r="FE24" s="71">
        <v>196</v>
      </c>
      <c r="FF24" s="71">
        <v>229</v>
      </c>
      <c r="FG24" s="71">
        <v>166</v>
      </c>
      <c r="FH24" s="71">
        <v>114</v>
      </c>
      <c r="FI24" s="71">
        <v>69</v>
      </c>
      <c r="FJ24" s="72">
        <v>774</v>
      </c>
      <c r="FK24" s="73">
        <v>1094</v>
      </c>
      <c r="FL24" s="70">
        <v>80</v>
      </c>
      <c r="FM24" s="71">
        <v>83</v>
      </c>
      <c r="FN24" s="72">
        <v>163</v>
      </c>
      <c r="FO24" s="244"/>
      <c r="FP24" s="71">
        <v>161</v>
      </c>
      <c r="FQ24" s="71">
        <v>195</v>
      </c>
      <c r="FR24" s="71">
        <v>173</v>
      </c>
      <c r="FS24" s="71">
        <v>172</v>
      </c>
      <c r="FT24" s="71">
        <v>122</v>
      </c>
      <c r="FU24" s="72">
        <v>823</v>
      </c>
      <c r="FV24" s="73">
        <v>986</v>
      </c>
      <c r="FW24" s="70">
        <v>11</v>
      </c>
      <c r="FX24" s="71">
        <v>11</v>
      </c>
      <c r="FY24" s="72">
        <v>22</v>
      </c>
      <c r="FZ24" s="244"/>
      <c r="GA24" s="71">
        <v>10</v>
      </c>
      <c r="GB24" s="71">
        <v>21</v>
      </c>
      <c r="GC24" s="71">
        <v>16</v>
      </c>
      <c r="GD24" s="71">
        <v>7</v>
      </c>
      <c r="GE24" s="71">
        <v>6</v>
      </c>
      <c r="GF24" s="72">
        <v>60</v>
      </c>
      <c r="GG24" s="73">
        <v>82</v>
      </c>
      <c r="GH24" s="70">
        <v>569</v>
      </c>
      <c r="GI24" s="71">
        <v>553</v>
      </c>
      <c r="GJ24" s="72">
        <v>1122</v>
      </c>
      <c r="GK24" s="244"/>
      <c r="GL24" s="71">
        <v>733</v>
      </c>
      <c r="GM24" s="71">
        <v>753</v>
      </c>
      <c r="GN24" s="71">
        <v>562</v>
      </c>
      <c r="GO24" s="71">
        <v>476</v>
      </c>
      <c r="GP24" s="71">
        <v>349</v>
      </c>
      <c r="GQ24" s="72">
        <v>2873</v>
      </c>
      <c r="GR24" s="73">
        <v>3995</v>
      </c>
      <c r="GS24" s="123">
        <v>836</v>
      </c>
      <c r="GT24" s="82">
        <v>775</v>
      </c>
      <c r="GU24" s="83">
        <v>1611</v>
      </c>
      <c r="GV24" s="241"/>
      <c r="GW24" s="82">
        <v>1178</v>
      </c>
      <c r="GX24" s="82">
        <v>1139</v>
      </c>
      <c r="GY24" s="82">
        <v>832</v>
      </c>
      <c r="GZ24" s="82">
        <v>702</v>
      </c>
      <c r="HA24" s="82">
        <v>476</v>
      </c>
      <c r="HB24" s="84">
        <v>4327</v>
      </c>
      <c r="HC24" s="85">
        <v>5938</v>
      </c>
      <c r="HD24" s="70">
        <v>27</v>
      </c>
      <c r="HE24" s="71">
        <v>28</v>
      </c>
      <c r="HF24" s="72">
        <v>55</v>
      </c>
      <c r="HG24" s="244"/>
      <c r="HH24" s="71">
        <v>38</v>
      </c>
      <c r="HI24" s="71">
        <v>36</v>
      </c>
      <c r="HJ24" s="71">
        <v>29</v>
      </c>
      <c r="HK24" s="71">
        <v>21</v>
      </c>
      <c r="HL24" s="71">
        <v>24</v>
      </c>
      <c r="HM24" s="72">
        <v>148</v>
      </c>
      <c r="HN24" s="73">
        <v>203</v>
      </c>
      <c r="HO24" s="70">
        <v>75</v>
      </c>
      <c r="HP24" s="71">
        <v>68</v>
      </c>
      <c r="HQ24" s="72">
        <v>143</v>
      </c>
      <c r="HR24" s="244"/>
      <c r="HS24" s="71">
        <v>75</v>
      </c>
      <c r="HT24" s="71">
        <v>93</v>
      </c>
      <c r="HU24" s="71">
        <v>56</v>
      </c>
      <c r="HV24" s="71">
        <v>61</v>
      </c>
      <c r="HW24" s="71">
        <v>45</v>
      </c>
      <c r="HX24" s="72">
        <v>330</v>
      </c>
      <c r="HY24" s="73">
        <v>473</v>
      </c>
      <c r="HZ24" s="70">
        <v>141</v>
      </c>
      <c r="IA24" s="71">
        <v>132</v>
      </c>
      <c r="IB24" s="72">
        <v>273</v>
      </c>
      <c r="IC24" s="244"/>
      <c r="ID24" s="71">
        <v>177</v>
      </c>
      <c r="IE24" s="71">
        <v>158</v>
      </c>
      <c r="IF24" s="71">
        <v>115</v>
      </c>
      <c r="IG24" s="71">
        <v>97</v>
      </c>
      <c r="IH24" s="71">
        <v>53</v>
      </c>
      <c r="II24" s="72">
        <v>600</v>
      </c>
      <c r="IJ24" s="73">
        <v>873</v>
      </c>
      <c r="IK24" s="70">
        <v>239</v>
      </c>
      <c r="IL24" s="71">
        <v>209</v>
      </c>
      <c r="IM24" s="72">
        <v>448</v>
      </c>
      <c r="IN24" s="244"/>
      <c r="IO24" s="71">
        <v>334</v>
      </c>
      <c r="IP24" s="71">
        <v>285</v>
      </c>
      <c r="IQ24" s="71">
        <v>175</v>
      </c>
      <c r="IR24" s="71">
        <v>142</v>
      </c>
      <c r="IS24" s="71">
        <v>110</v>
      </c>
      <c r="IT24" s="72">
        <v>1046</v>
      </c>
      <c r="IU24" s="73">
        <v>1494</v>
      </c>
      <c r="IV24" s="70">
        <v>238</v>
      </c>
      <c r="IW24" s="71">
        <v>223</v>
      </c>
      <c r="IX24" s="72">
        <v>461</v>
      </c>
      <c r="IY24" s="244"/>
      <c r="IZ24" s="71">
        <v>333</v>
      </c>
      <c r="JA24" s="71">
        <v>322</v>
      </c>
      <c r="JB24" s="71">
        <v>230</v>
      </c>
      <c r="JC24" s="71">
        <v>176</v>
      </c>
      <c r="JD24" s="71">
        <v>105</v>
      </c>
      <c r="JE24" s="72">
        <v>1166</v>
      </c>
      <c r="JF24" s="73">
        <v>1627</v>
      </c>
      <c r="JG24" s="70">
        <v>116</v>
      </c>
      <c r="JH24" s="71">
        <v>115</v>
      </c>
      <c r="JI24" s="72">
        <v>231</v>
      </c>
      <c r="JJ24" s="244"/>
      <c r="JK24" s="71">
        <v>221</v>
      </c>
      <c r="JL24" s="71">
        <v>245</v>
      </c>
      <c r="JM24" s="71">
        <v>227</v>
      </c>
      <c r="JN24" s="71">
        <v>205</v>
      </c>
      <c r="JO24" s="71">
        <v>139</v>
      </c>
      <c r="JP24" s="72">
        <v>1037</v>
      </c>
      <c r="JQ24" s="73">
        <v>1268</v>
      </c>
      <c r="JR24" s="70">
        <v>18</v>
      </c>
      <c r="JS24" s="71">
        <v>24</v>
      </c>
      <c r="JT24" s="72">
        <v>42</v>
      </c>
      <c r="JU24" s="244"/>
      <c r="JV24" s="71">
        <v>15</v>
      </c>
      <c r="JW24" s="71">
        <v>44</v>
      </c>
      <c r="JX24" s="71">
        <v>22</v>
      </c>
      <c r="JY24" s="71">
        <v>19</v>
      </c>
      <c r="JZ24" s="71">
        <v>15</v>
      </c>
      <c r="KA24" s="72">
        <v>115</v>
      </c>
      <c r="KB24" s="73">
        <v>157</v>
      </c>
      <c r="KC24" s="70">
        <v>854</v>
      </c>
      <c r="KD24" s="71">
        <v>799</v>
      </c>
      <c r="KE24" s="72">
        <v>1653</v>
      </c>
      <c r="KF24" s="244"/>
      <c r="KG24" s="71">
        <v>1193</v>
      </c>
      <c r="KH24" s="71">
        <v>1183</v>
      </c>
      <c r="KI24" s="71">
        <v>854</v>
      </c>
      <c r="KJ24" s="71">
        <v>721</v>
      </c>
      <c r="KK24" s="71">
        <v>491</v>
      </c>
      <c r="KL24" s="72">
        <v>4442</v>
      </c>
      <c r="KM24" s="73">
        <v>6095</v>
      </c>
    </row>
    <row r="25" spans="2:299" ht="21" customHeight="1" x14ac:dyDescent="0.2">
      <c r="B25" s="126" t="s">
        <v>22</v>
      </c>
      <c r="C25" s="315">
        <v>70</v>
      </c>
      <c r="D25" s="82">
        <v>83</v>
      </c>
      <c r="E25" s="83">
        <v>153</v>
      </c>
      <c r="F25" s="241"/>
      <c r="G25" s="82">
        <v>182</v>
      </c>
      <c r="H25" s="82">
        <v>156</v>
      </c>
      <c r="I25" s="82">
        <v>91</v>
      </c>
      <c r="J25" s="82">
        <v>88</v>
      </c>
      <c r="K25" s="82">
        <v>52</v>
      </c>
      <c r="L25" s="84">
        <v>569</v>
      </c>
      <c r="M25" s="85">
        <v>722</v>
      </c>
      <c r="N25" s="70">
        <v>3</v>
      </c>
      <c r="O25" s="71">
        <v>3</v>
      </c>
      <c r="P25" s="72">
        <v>6</v>
      </c>
      <c r="Q25" s="244"/>
      <c r="R25" s="71">
        <v>6</v>
      </c>
      <c r="S25" s="71">
        <v>6</v>
      </c>
      <c r="T25" s="71">
        <v>2</v>
      </c>
      <c r="U25" s="71">
        <v>3</v>
      </c>
      <c r="V25" s="71">
        <v>2</v>
      </c>
      <c r="W25" s="72">
        <v>19</v>
      </c>
      <c r="X25" s="73">
        <v>25</v>
      </c>
      <c r="Y25" s="70">
        <v>8</v>
      </c>
      <c r="Z25" s="71">
        <v>8</v>
      </c>
      <c r="AA25" s="72">
        <v>16</v>
      </c>
      <c r="AB25" s="244"/>
      <c r="AC25" s="71">
        <v>18</v>
      </c>
      <c r="AD25" s="71">
        <v>14</v>
      </c>
      <c r="AE25" s="71">
        <v>2</v>
      </c>
      <c r="AF25" s="71">
        <v>8</v>
      </c>
      <c r="AG25" s="71">
        <v>7</v>
      </c>
      <c r="AH25" s="72">
        <v>49</v>
      </c>
      <c r="AI25" s="73">
        <v>65</v>
      </c>
      <c r="AJ25" s="70">
        <v>4</v>
      </c>
      <c r="AK25" s="71">
        <v>17</v>
      </c>
      <c r="AL25" s="72">
        <v>21</v>
      </c>
      <c r="AM25" s="244"/>
      <c r="AN25" s="71">
        <v>26</v>
      </c>
      <c r="AO25" s="71">
        <v>19</v>
      </c>
      <c r="AP25" s="71">
        <v>18</v>
      </c>
      <c r="AQ25" s="71">
        <v>14</v>
      </c>
      <c r="AR25" s="71">
        <v>9</v>
      </c>
      <c r="AS25" s="72">
        <v>86</v>
      </c>
      <c r="AT25" s="73">
        <v>107</v>
      </c>
      <c r="AU25" s="70">
        <v>19</v>
      </c>
      <c r="AV25" s="71">
        <v>19</v>
      </c>
      <c r="AW25" s="72">
        <v>38</v>
      </c>
      <c r="AX25" s="244"/>
      <c r="AY25" s="71">
        <v>36</v>
      </c>
      <c r="AZ25" s="71">
        <v>47</v>
      </c>
      <c r="BA25" s="71">
        <v>28</v>
      </c>
      <c r="BB25" s="71">
        <v>22</v>
      </c>
      <c r="BC25" s="71">
        <v>12</v>
      </c>
      <c r="BD25" s="72">
        <v>145</v>
      </c>
      <c r="BE25" s="73">
        <v>183</v>
      </c>
      <c r="BF25" s="70">
        <v>22</v>
      </c>
      <c r="BG25" s="71">
        <v>25</v>
      </c>
      <c r="BH25" s="72">
        <v>47</v>
      </c>
      <c r="BI25" s="244"/>
      <c r="BJ25" s="71">
        <v>57</v>
      </c>
      <c r="BK25" s="71">
        <v>35</v>
      </c>
      <c r="BL25" s="71">
        <v>23</v>
      </c>
      <c r="BM25" s="71">
        <v>20</v>
      </c>
      <c r="BN25" s="71">
        <v>10</v>
      </c>
      <c r="BO25" s="72">
        <v>145</v>
      </c>
      <c r="BP25" s="73">
        <v>192</v>
      </c>
      <c r="BQ25" s="70">
        <v>14</v>
      </c>
      <c r="BR25" s="71">
        <v>11</v>
      </c>
      <c r="BS25" s="72">
        <v>25</v>
      </c>
      <c r="BT25" s="244"/>
      <c r="BU25" s="71">
        <v>39</v>
      </c>
      <c r="BV25" s="71">
        <v>35</v>
      </c>
      <c r="BW25" s="71">
        <v>18</v>
      </c>
      <c r="BX25" s="71">
        <v>21</v>
      </c>
      <c r="BY25" s="71">
        <v>12</v>
      </c>
      <c r="BZ25" s="72">
        <v>125</v>
      </c>
      <c r="CA25" s="73">
        <v>150</v>
      </c>
      <c r="CB25" s="70">
        <v>0</v>
      </c>
      <c r="CC25" s="71">
        <v>6</v>
      </c>
      <c r="CD25" s="72">
        <v>6</v>
      </c>
      <c r="CE25" s="244"/>
      <c r="CF25" s="71">
        <v>10</v>
      </c>
      <c r="CG25" s="71">
        <v>4</v>
      </c>
      <c r="CH25" s="71">
        <v>2</v>
      </c>
      <c r="CI25" s="71">
        <v>3</v>
      </c>
      <c r="CJ25" s="71">
        <v>2</v>
      </c>
      <c r="CK25" s="72">
        <v>21</v>
      </c>
      <c r="CL25" s="73">
        <v>27</v>
      </c>
      <c r="CM25" s="70">
        <v>70</v>
      </c>
      <c r="CN25" s="71">
        <v>89</v>
      </c>
      <c r="CO25" s="72">
        <v>159</v>
      </c>
      <c r="CP25" s="244"/>
      <c r="CQ25" s="71">
        <v>192</v>
      </c>
      <c r="CR25" s="71">
        <v>160</v>
      </c>
      <c r="CS25" s="71">
        <v>93</v>
      </c>
      <c r="CT25" s="71">
        <v>91</v>
      </c>
      <c r="CU25" s="71">
        <v>54</v>
      </c>
      <c r="CV25" s="72">
        <v>590</v>
      </c>
      <c r="CW25" s="73">
        <v>749</v>
      </c>
      <c r="CX25" s="123">
        <v>113</v>
      </c>
      <c r="CY25" s="82">
        <v>228</v>
      </c>
      <c r="CZ25" s="83">
        <v>341</v>
      </c>
      <c r="DA25" s="241"/>
      <c r="DB25" s="82">
        <v>353</v>
      </c>
      <c r="DC25" s="82">
        <v>299</v>
      </c>
      <c r="DD25" s="82">
        <v>205</v>
      </c>
      <c r="DE25" s="82">
        <v>208</v>
      </c>
      <c r="DF25" s="82">
        <v>115</v>
      </c>
      <c r="DG25" s="84">
        <v>1180</v>
      </c>
      <c r="DH25" s="85">
        <v>1521</v>
      </c>
      <c r="DI25" s="70">
        <v>3</v>
      </c>
      <c r="DJ25" s="71">
        <v>9</v>
      </c>
      <c r="DK25" s="72">
        <v>12</v>
      </c>
      <c r="DL25" s="244"/>
      <c r="DM25" s="71">
        <v>4</v>
      </c>
      <c r="DN25" s="71">
        <v>8</v>
      </c>
      <c r="DO25" s="71">
        <v>1</v>
      </c>
      <c r="DP25" s="71">
        <v>3</v>
      </c>
      <c r="DQ25" s="71">
        <v>1</v>
      </c>
      <c r="DR25" s="72">
        <v>17</v>
      </c>
      <c r="DS25" s="73">
        <v>29</v>
      </c>
      <c r="DT25" s="70">
        <v>5</v>
      </c>
      <c r="DU25" s="71">
        <v>3</v>
      </c>
      <c r="DV25" s="72">
        <v>8</v>
      </c>
      <c r="DW25" s="244"/>
      <c r="DX25" s="71">
        <v>20</v>
      </c>
      <c r="DY25" s="71">
        <v>14</v>
      </c>
      <c r="DZ25" s="71">
        <v>9</v>
      </c>
      <c r="EA25" s="71">
        <v>8</v>
      </c>
      <c r="EB25" s="71">
        <v>9</v>
      </c>
      <c r="EC25" s="72">
        <v>60</v>
      </c>
      <c r="ED25" s="73">
        <v>68</v>
      </c>
      <c r="EE25" s="70">
        <v>25</v>
      </c>
      <c r="EF25" s="71">
        <v>41</v>
      </c>
      <c r="EG25" s="72">
        <v>66</v>
      </c>
      <c r="EH25" s="244"/>
      <c r="EI25" s="71">
        <v>41</v>
      </c>
      <c r="EJ25" s="71">
        <v>30</v>
      </c>
      <c r="EK25" s="71">
        <v>16</v>
      </c>
      <c r="EL25" s="71">
        <v>17</v>
      </c>
      <c r="EM25" s="71">
        <v>11</v>
      </c>
      <c r="EN25" s="72">
        <v>115</v>
      </c>
      <c r="EO25" s="73">
        <v>181</v>
      </c>
      <c r="EP25" s="70">
        <v>35</v>
      </c>
      <c r="EQ25" s="71">
        <v>67</v>
      </c>
      <c r="ER25" s="72">
        <v>102</v>
      </c>
      <c r="ES25" s="244"/>
      <c r="ET25" s="71">
        <v>81</v>
      </c>
      <c r="EU25" s="71">
        <v>66</v>
      </c>
      <c r="EV25" s="71">
        <v>42</v>
      </c>
      <c r="EW25" s="71">
        <v>39</v>
      </c>
      <c r="EX25" s="71">
        <v>23</v>
      </c>
      <c r="EY25" s="72">
        <v>251</v>
      </c>
      <c r="EZ25" s="73">
        <v>353</v>
      </c>
      <c r="FA25" s="70">
        <v>30</v>
      </c>
      <c r="FB25" s="71">
        <v>64</v>
      </c>
      <c r="FC25" s="72">
        <v>94</v>
      </c>
      <c r="FD25" s="244"/>
      <c r="FE25" s="71">
        <v>108</v>
      </c>
      <c r="FF25" s="71">
        <v>85</v>
      </c>
      <c r="FG25" s="71">
        <v>57</v>
      </c>
      <c r="FH25" s="71">
        <v>52</v>
      </c>
      <c r="FI25" s="71">
        <v>30</v>
      </c>
      <c r="FJ25" s="72">
        <v>332</v>
      </c>
      <c r="FK25" s="73">
        <v>426</v>
      </c>
      <c r="FL25" s="70">
        <v>15</v>
      </c>
      <c r="FM25" s="71">
        <v>44</v>
      </c>
      <c r="FN25" s="72">
        <v>59</v>
      </c>
      <c r="FO25" s="244"/>
      <c r="FP25" s="71">
        <v>99</v>
      </c>
      <c r="FQ25" s="71">
        <v>96</v>
      </c>
      <c r="FR25" s="71">
        <v>80</v>
      </c>
      <c r="FS25" s="71">
        <v>89</v>
      </c>
      <c r="FT25" s="71">
        <v>41</v>
      </c>
      <c r="FU25" s="72">
        <v>405</v>
      </c>
      <c r="FV25" s="73">
        <v>464</v>
      </c>
      <c r="FW25" s="70">
        <v>2</v>
      </c>
      <c r="FX25" s="71">
        <v>1</v>
      </c>
      <c r="FY25" s="72">
        <v>3</v>
      </c>
      <c r="FZ25" s="244"/>
      <c r="GA25" s="71">
        <v>4</v>
      </c>
      <c r="GB25" s="71">
        <v>5</v>
      </c>
      <c r="GC25" s="71">
        <v>4</v>
      </c>
      <c r="GD25" s="71">
        <v>4</v>
      </c>
      <c r="GE25" s="71">
        <v>0</v>
      </c>
      <c r="GF25" s="72">
        <v>17</v>
      </c>
      <c r="GG25" s="73">
        <v>20</v>
      </c>
      <c r="GH25" s="70">
        <v>115</v>
      </c>
      <c r="GI25" s="71">
        <v>229</v>
      </c>
      <c r="GJ25" s="72">
        <v>344</v>
      </c>
      <c r="GK25" s="244"/>
      <c r="GL25" s="71">
        <v>357</v>
      </c>
      <c r="GM25" s="71">
        <v>304</v>
      </c>
      <c r="GN25" s="71">
        <v>209</v>
      </c>
      <c r="GO25" s="71">
        <v>212</v>
      </c>
      <c r="GP25" s="71">
        <v>115</v>
      </c>
      <c r="GQ25" s="72">
        <v>1197</v>
      </c>
      <c r="GR25" s="73">
        <v>1541</v>
      </c>
      <c r="GS25" s="123">
        <v>183</v>
      </c>
      <c r="GT25" s="82">
        <v>311</v>
      </c>
      <c r="GU25" s="83">
        <v>494</v>
      </c>
      <c r="GV25" s="241"/>
      <c r="GW25" s="82">
        <v>535</v>
      </c>
      <c r="GX25" s="82">
        <v>455</v>
      </c>
      <c r="GY25" s="82">
        <v>296</v>
      </c>
      <c r="GZ25" s="82">
        <v>296</v>
      </c>
      <c r="HA25" s="82">
        <v>167</v>
      </c>
      <c r="HB25" s="84">
        <v>1749</v>
      </c>
      <c r="HC25" s="85">
        <v>2243</v>
      </c>
      <c r="HD25" s="70">
        <v>6</v>
      </c>
      <c r="HE25" s="71">
        <v>12</v>
      </c>
      <c r="HF25" s="72">
        <v>18</v>
      </c>
      <c r="HG25" s="244"/>
      <c r="HH25" s="71">
        <v>10</v>
      </c>
      <c r="HI25" s="71">
        <v>14</v>
      </c>
      <c r="HJ25" s="71">
        <v>3</v>
      </c>
      <c r="HK25" s="71">
        <v>6</v>
      </c>
      <c r="HL25" s="71">
        <v>3</v>
      </c>
      <c r="HM25" s="72">
        <v>36</v>
      </c>
      <c r="HN25" s="73">
        <v>54</v>
      </c>
      <c r="HO25" s="70">
        <v>13</v>
      </c>
      <c r="HP25" s="71">
        <v>11</v>
      </c>
      <c r="HQ25" s="72">
        <v>24</v>
      </c>
      <c r="HR25" s="244"/>
      <c r="HS25" s="71">
        <v>38</v>
      </c>
      <c r="HT25" s="71">
        <v>28</v>
      </c>
      <c r="HU25" s="71">
        <v>11</v>
      </c>
      <c r="HV25" s="71">
        <v>16</v>
      </c>
      <c r="HW25" s="71">
        <v>16</v>
      </c>
      <c r="HX25" s="72">
        <v>109</v>
      </c>
      <c r="HY25" s="73">
        <v>133</v>
      </c>
      <c r="HZ25" s="70">
        <v>29</v>
      </c>
      <c r="IA25" s="71">
        <v>58</v>
      </c>
      <c r="IB25" s="72">
        <v>87</v>
      </c>
      <c r="IC25" s="244"/>
      <c r="ID25" s="71">
        <v>67</v>
      </c>
      <c r="IE25" s="71">
        <v>49</v>
      </c>
      <c r="IF25" s="71">
        <v>34</v>
      </c>
      <c r="IG25" s="71">
        <v>31</v>
      </c>
      <c r="IH25" s="71">
        <v>20</v>
      </c>
      <c r="II25" s="72">
        <v>201</v>
      </c>
      <c r="IJ25" s="73">
        <v>288</v>
      </c>
      <c r="IK25" s="70">
        <v>54</v>
      </c>
      <c r="IL25" s="71">
        <v>86</v>
      </c>
      <c r="IM25" s="72">
        <v>140</v>
      </c>
      <c r="IN25" s="244"/>
      <c r="IO25" s="71">
        <v>117</v>
      </c>
      <c r="IP25" s="71">
        <v>113</v>
      </c>
      <c r="IQ25" s="71">
        <v>70</v>
      </c>
      <c r="IR25" s="71">
        <v>61</v>
      </c>
      <c r="IS25" s="71">
        <v>35</v>
      </c>
      <c r="IT25" s="72">
        <v>396</v>
      </c>
      <c r="IU25" s="73">
        <v>536</v>
      </c>
      <c r="IV25" s="70">
        <v>52</v>
      </c>
      <c r="IW25" s="71">
        <v>89</v>
      </c>
      <c r="IX25" s="72">
        <v>141</v>
      </c>
      <c r="IY25" s="244"/>
      <c r="IZ25" s="71">
        <v>165</v>
      </c>
      <c r="JA25" s="71">
        <v>120</v>
      </c>
      <c r="JB25" s="71">
        <v>80</v>
      </c>
      <c r="JC25" s="71">
        <v>72</v>
      </c>
      <c r="JD25" s="71">
        <v>40</v>
      </c>
      <c r="JE25" s="72">
        <v>477</v>
      </c>
      <c r="JF25" s="73">
        <v>618</v>
      </c>
      <c r="JG25" s="70">
        <v>29</v>
      </c>
      <c r="JH25" s="71">
        <v>55</v>
      </c>
      <c r="JI25" s="72">
        <v>84</v>
      </c>
      <c r="JJ25" s="244"/>
      <c r="JK25" s="71">
        <v>138</v>
      </c>
      <c r="JL25" s="71">
        <v>131</v>
      </c>
      <c r="JM25" s="71">
        <v>98</v>
      </c>
      <c r="JN25" s="71">
        <v>110</v>
      </c>
      <c r="JO25" s="71">
        <v>53</v>
      </c>
      <c r="JP25" s="72">
        <v>530</v>
      </c>
      <c r="JQ25" s="73">
        <v>614</v>
      </c>
      <c r="JR25" s="70">
        <v>2</v>
      </c>
      <c r="JS25" s="71">
        <v>7</v>
      </c>
      <c r="JT25" s="72">
        <v>9</v>
      </c>
      <c r="JU25" s="244"/>
      <c r="JV25" s="71">
        <v>14</v>
      </c>
      <c r="JW25" s="71">
        <v>9</v>
      </c>
      <c r="JX25" s="71">
        <v>6</v>
      </c>
      <c r="JY25" s="71">
        <v>7</v>
      </c>
      <c r="JZ25" s="71">
        <v>2</v>
      </c>
      <c r="KA25" s="72">
        <v>38</v>
      </c>
      <c r="KB25" s="73">
        <v>47</v>
      </c>
      <c r="KC25" s="70">
        <v>185</v>
      </c>
      <c r="KD25" s="71">
        <v>318</v>
      </c>
      <c r="KE25" s="72">
        <v>503</v>
      </c>
      <c r="KF25" s="244"/>
      <c r="KG25" s="71">
        <v>549</v>
      </c>
      <c r="KH25" s="71">
        <v>464</v>
      </c>
      <c r="KI25" s="71">
        <v>302</v>
      </c>
      <c r="KJ25" s="71">
        <v>303</v>
      </c>
      <c r="KK25" s="71">
        <v>169</v>
      </c>
      <c r="KL25" s="72">
        <v>1787</v>
      </c>
      <c r="KM25" s="73">
        <v>2290</v>
      </c>
    </row>
    <row r="26" spans="2:299" ht="21" customHeight="1" x14ac:dyDescent="0.2">
      <c r="B26" s="126" t="s">
        <v>23</v>
      </c>
      <c r="C26" s="315">
        <v>169</v>
      </c>
      <c r="D26" s="82">
        <v>192</v>
      </c>
      <c r="E26" s="83">
        <v>361</v>
      </c>
      <c r="F26" s="241"/>
      <c r="G26" s="82">
        <v>311</v>
      </c>
      <c r="H26" s="82">
        <v>256</v>
      </c>
      <c r="I26" s="82">
        <v>162</v>
      </c>
      <c r="J26" s="82">
        <v>159</v>
      </c>
      <c r="K26" s="82">
        <v>93</v>
      </c>
      <c r="L26" s="84">
        <v>981</v>
      </c>
      <c r="M26" s="85">
        <v>1342</v>
      </c>
      <c r="N26" s="70">
        <v>9</v>
      </c>
      <c r="O26" s="71">
        <v>7</v>
      </c>
      <c r="P26" s="72">
        <v>16</v>
      </c>
      <c r="Q26" s="244"/>
      <c r="R26" s="71">
        <v>10</v>
      </c>
      <c r="S26" s="71">
        <v>14</v>
      </c>
      <c r="T26" s="71">
        <v>7</v>
      </c>
      <c r="U26" s="71">
        <v>7</v>
      </c>
      <c r="V26" s="71">
        <v>5</v>
      </c>
      <c r="W26" s="72">
        <v>43</v>
      </c>
      <c r="X26" s="73">
        <v>59</v>
      </c>
      <c r="Y26" s="70">
        <v>27</v>
      </c>
      <c r="Z26" s="71">
        <v>21</v>
      </c>
      <c r="AA26" s="72">
        <v>48</v>
      </c>
      <c r="AB26" s="244"/>
      <c r="AC26" s="71">
        <v>26</v>
      </c>
      <c r="AD26" s="71">
        <v>27</v>
      </c>
      <c r="AE26" s="71">
        <v>16</v>
      </c>
      <c r="AF26" s="71">
        <v>21</v>
      </c>
      <c r="AG26" s="71">
        <v>12</v>
      </c>
      <c r="AH26" s="72">
        <v>102</v>
      </c>
      <c r="AI26" s="73">
        <v>150</v>
      </c>
      <c r="AJ26" s="70">
        <v>36</v>
      </c>
      <c r="AK26" s="71">
        <v>35</v>
      </c>
      <c r="AL26" s="72">
        <v>71</v>
      </c>
      <c r="AM26" s="244"/>
      <c r="AN26" s="71">
        <v>66</v>
      </c>
      <c r="AO26" s="71">
        <v>48</v>
      </c>
      <c r="AP26" s="71">
        <v>21</v>
      </c>
      <c r="AQ26" s="71">
        <v>20</v>
      </c>
      <c r="AR26" s="71">
        <v>28</v>
      </c>
      <c r="AS26" s="72">
        <v>183</v>
      </c>
      <c r="AT26" s="73">
        <v>254</v>
      </c>
      <c r="AU26" s="70">
        <v>40</v>
      </c>
      <c r="AV26" s="71">
        <v>71</v>
      </c>
      <c r="AW26" s="72">
        <v>111</v>
      </c>
      <c r="AX26" s="244"/>
      <c r="AY26" s="71">
        <v>91</v>
      </c>
      <c r="AZ26" s="71">
        <v>73</v>
      </c>
      <c r="BA26" s="71">
        <v>43</v>
      </c>
      <c r="BB26" s="71">
        <v>53</v>
      </c>
      <c r="BC26" s="71">
        <v>17</v>
      </c>
      <c r="BD26" s="72">
        <v>277</v>
      </c>
      <c r="BE26" s="73">
        <v>388</v>
      </c>
      <c r="BF26" s="70">
        <v>42</v>
      </c>
      <c r="BG26" s="71">
        <v>42</v>
      </c>
      <c r="BH26" s="72">
        <v>84</v>
      </c>
      <c r="BI26" s="244"/>
      <c r="BJ26" s="71">
        <v>83</v>
      </c>
      <c r="BK26" s="71">
        <v>55</v>
      </c>
      <c r="BL26" s="71">
        <v>48</v>
      </c>
      <c r="BM26" s="71">
        <v>38</v>
      </c>
      <c r="BN26" s="71">
        <v>20</v>
      </c>
      <c r="BO26" s="72">
        <v>244</v>
      </c>
      <c r="BP26" s="73">
        <v>328</v>
      </c>
      <c r="BQ26" s="70">
        <v>15</v>
      </c>
      <c r="BR26" s="71">
        <v>16</v>
      </c>
      <c r="BS26" s="72">
        <v>31</v>
      </c>
      <c r="BT26" s="244"/>
      <c r="BU26" s="71">
        <v>35</v>
      </c>
      <c r="BV26" s="71">
        <v>39</v>
      </c>
      <c r="BW26" s="71">
        <v>27</v>
      </c>
      <c r="BX26" s="71">
        <v>20</v>
      </c>
      <c r="BY26" s="71">
        <v>11</v>
      </c>
      <c r="BZ26" s="72">
        <v>132</v>
      </c>
      <c r="CA26" s="73">
        <v>163</v>
      </c>
      <c r="CB26" s="70">
        <v>4</v>
      </c>
      <c r="CC26" s="71">
        <v>10</v>
      </c>
      <c r="CD26" s="72">
        <v>14</v>
      </c>
      <c r="CE26" s="244"/>
      <c r="CF26" s="71">
        <v>7</v>
      </c>
      <c r="CG26" s="71">
        <v>11</v>
      </c>
      <c r="CH26" s="71">
        <v>8</v>
      </c>
      <c r="CI26" s="71">
        <v>6</v>
      </c>
      <c r="CJ26" s="71">
        <v>4</v>
      </c>
      <c r="CK26" s="72">
        <v>36</v>
      </c>
      <c r="CL26" s="73">
        <v>50</v>
      </c>
      <c r="CM26" s="70">
        <v>173</v>
      </c>
      <c r="CN26" s="71">
        <v>202</v>
      </c>
      <c r="CO26" s="72">
        <v>375</v>
      </c>
      <c r="CP26" s="244"/>
      <c r="CQ26" s="71">
        <v>318</v>
      </c>
      <c r="CR26" s="71">
        <v>267</v>
      </c>
      <c r="CS26" s="71">
        <v>170</v>
      </c>
      <c r="CT26" s="71">
        <v>165</v>
      </c>
      <c r="CU26" s="71">
        <v>97</v>
      </c>
      <c r="CV26" s="72">
        <v>1017</v>
      </c>
      <c r="CW26" s="73">
        <v>1392</v>
      </c>
      <c r="CX26" s="123">
        <v>309</v>
      </c>
      <c r="CY26" s="82">
        <v>395</v>
      </c>
      <c r="CZ26" s="83">
        <v>704</v>
      </c>
      <c r="DA26" s="241"/>
      <c r="DB26" s="82">
        <v>533</v>
      </c>
      <c r="DC26" s="82">
        <v>415</v>
      </c>
      <c r="DD26" s="82">
        <v>286</v>
      </c>
      <c r="DE26" s="82">
        <v>360</v>
      </c>
      <c r="DF26" s="82">
        <v>226</v>
      </c>
      <c r="DG26" s="84">
        <v>1820</v>
      </c>
      <c r="DH26" s="85">
        <v>2524</v>
      </c>
      <c r="DI26" s="70">
        <v>11</v>
      </c>
      <c r="DJ26" s="71">
        <v>16</v>
      </c>
      <c r="DK26" s="72">
        <v>27</v>
      </c>
      <c r="DL26" s="244"/>
      <c r="DM26" s="71">
        <v>11</v>
      </c>
      <c r="DN26" s="71">
        <v>8</v>
      </c>
      <c r="DO26" s="71">
        <v>5</v>
      </c>
      <c r="DP26" s="71">
        <v>8</v>
      </c>
      <c r="DQ26" s="71">
        <v>2</v>
      </c>
      <c r="DR26" s="72">
        <v>34</v>
      </c>
      <c r="DS26" s="73">
        <v>61</v>
      </c>
      <c r="DT26" s="70">
        <v>26</v>
      </c>
      <c r="DU26" s="71">
        <v>36</v>
      </c>
      <c r="DV26" s="72">
        <v>62</v>
      </c>
      <c r="DW26" s="244"/>
      <c r="DX26" s="71">
        <v>29</v>
      </c>
      <c r="DY26" s="71">
        <v>31</v>
      </c>
      <c r="DZ26" s="71">
        <v>21</v>
      </c>
      <c r="EA26" s="71">
        <v>26</v>
      </c>
      <c r="EB26" s="71">
        <v>9</v>
      </c>
      <c r="EC26" s="72">
        <v>116</v>
      </c>
      <c r="ED26" s="73">
        <v>178</v>
      </c>
      <c r="EE26" s="70">
        <v>59</v>
      </c>
      <c r="EF26" s="71">
        <v>74</v>
      </c>
      <c r="EG26" s="72">
        <v>133</v>
      </c>
      <c r="EH26" s="244"/>
      <c r="EI26" s="71">
        <v>77</v>
      </c>
      <c r="EJ26" s="71">
        <v>53</v>
      </c>
      <c r="EK26" s="71">
        <v>29</v>
      </c>
      <c r="EL26" s="71">
        <v>48</v>
      </c>
      <c r="EM26" s="71">
        <v>35</v>
      </c>
      <c r="EN26" s="72">
        <v>242</v>
      </c>
      <c r="EO26" s="73">
        <v>375</v>
      </c>
      <c r="EP26" s="70">
        <v>116</v>
      </c>
      <c r="EQ26" s="71">
        <v>116</v>
      </c>
      <c r="ER26" s="72">
        <v>232</v>
      </c>
      <c r="ES26" s="244"/>
      <c r="ET26" s="71">
        <v>151</v>
      </c>
      <c r="EU26" s="71">
        <v>100</v>
      </c>
      <c r="EV26" s="71">
        <v>70</v>
      </c>
      <c r="EW26" s="71">
        <v>57</v>
      </c>
      <c r="EX26" s="71">
        <v>46</v>
      </c>
      <c r="EY26" s="72">
        <v>424</v>
      </c>
      <c r="EZ26" s="73">
        <v>656</v>
      </c>
      <c r="FA26" s="70">
        <v>67</v>
      </c>
      <c r="FB26" s="71">
        <v>103</v>
      </c>
      <c r="FC26" s="72">
        <v>170</v>
      </c>
      <c r="FD26" s="244"/>
      <c r="FE26" s="71">
        <v>165</v>
      </c>
      <c r="FF26" s="71">
        <v>122</v>
      </c>
      <c r="FG26" s="71">
        <v>83</v>
      </c>
      <c r="FH26" s="71">
        <v>98</v>
      </c>
      <c r="FI26" s="71">
        <v>50</v>
      </c>
      <c r="FJ26" s="72">
        <v>518</v>
      </c>
      <c r="FK26" s="73">
        <v>688</v>
      </c>
      <c r="FL26" s="70">
        <v>30</v>
      </c>
      <c r="FM26" s="71">
        <v>50</v>
      </c>
      <c r="FN26" s="72">
        <v>80</v>
      </c>
      <c r="FO26" s="244"/>
      <c r="FP26" s="71">
        <v>100</v>
      </c>
      <c r="FQ26" s="71">
        <v>101</v>
      </c>
      <c r="FR26" s="71">
        <v>78</v>
      </c>
      <c r="FS26" s="71">
        <v>123</v>
      </c>
      <c r="FT26" s="71">
        <v>84</v>
      </c>
      <c r="FU26" s="72">
        <v>486</v>
      </c>
      <c r="FV26" s="73">
        <v>566</v>
      </c>
      <c r="FW26" s="70">
        <v>2</v>
      </c>
      <c r="FX26" s="71">
        <v>9</v>
      </c>
      <c r="FY26" s="72">
        <v>11</v>
      </c>
      <c r="FZ26" s="244"/>
      <c r="GA26" s="71">
        <v>5</v>
      </c>
      <c r="GB26" s="71">
        <v>10</v>
      </c>
      <c r="GC26" s="71">
        <v>3</v>
      </c>
      <c r="GD26" s="71">
        <v>2</v>
      </c>
      <c r="GE26" s="71">
        <v>6</v>
      </c>
      <c r="GF26" s="72">
        <v>26</v>
      </c>
      <c r="GG26" s="73">
        <v>37</v>
      </c>
      <c r="GH26" s="70">
        <v>311</v>
      </c>
      <c r="GI26" s="71">
        <v>404</v>
      </c>
      <c r="GJ26" s="72">
        <v>715</v>
      </c>
      <c r="GK26" s="244"/>
      <c r="GL26" s="71">
        <v>538</v>
      </c>
      <c r="GM26" s="71">
        <v>425</v>
      </c>
      <c r="GN26" s="71">
        <v>289</v>
      </c>
      <c r="GO26" s="71">
        <v>362</v>
      </c>
      <c r="GP26" s="71">
        <v>232</v>
      </c>
      <c r="GQ26" s="72">
        <v>1846</v>
      </c>
      <c r="GR26" s="73">
        <v>2561</v>
      </c>
      <c r="GS26" s="123">
        <v>478</v>
      </c>
      <c r="GT26" s="82">
        <v>587</v>
      </c>
      <c r="GU26" s="83">
        <v>1065</v>
      </c>
      <c r="GV26" s="241"/>
      <c r="GW26" s="82">
        <v>844</v>
      </c>
      <c r="GX26" s="82">
        <v>671</v>
      </c>
      <c r="GY26" s="82">
        <v>448</v>
      </c>
      <c r="GZ26" s="82">
        <v>519</v>
      </c>
      <c r="HA26" s="82">
        <v>319</v>
      </c>
      <c r="HB26" s="84">
        <v>2801</v>
      </c>
      <c r="HC26" s="85">
        <v>3866</v>
      </c>
      <c r="HD26" s="70">
        <v>20</v>
      </c>
      <c r="HE26" s="71">
        <v>23</v>
      </c>
      <c r="HF26" s="72">
        <v>43</v>
      </c>
      <c r="HG26" s="244"/>
      <c r="HH26" s="71">
        <v>21</v>
      </c>
      <c r="HI26" s="71">
        <v>22</v>
      </c>
      <c r="HJ26" s="71">
        <v>12</v>
      </c>
      <c r="HK26" s="71">
        <v>15</v>
      </c>
      <c r="HL26" s="71">
        <v>7</v>
      </c>
      <c r="HM26" s="72">
        <v>77</v>
      </c>
      <c r="HN26" s="73">
        <v>120</v>
      </c>
      <c r="HO26" s="70">
        <v>53</v>
      </c>
      <c r="HP26" s="71">
        <v>57</v>
      </c>
      <c r="HQ26" s="72">
        <v>110</v>
      </c>
      <c r="HR26" s="244"/>
      <c r="HS26" s="71">
        <v>55</v>
      </c>
      <c r="HT26" s="71">
        <v>58</v>
      </c>
      <c r="HU26" s="71">
        <v>37</v>
      </c>
      <c r="HV26" s="71">
        <v>47</v>
      </c>
      <c r="HW26" s="71">
        <v>21</v>
      </c>
      <c r="HX26" s="72">
        <v>218</v>
      </c>
      <c r="HY26" s="73">
        <v>328</v>
      </c>
      <c r="HZ26" s="70">
        <v>95</v>
      </c>
      <c r="IA26" s="71">
        <v>109</v>
      </c>
      <c r="IB26" s="72">
        <v>204</v>
      </c>
      <c r="IC26" s="244"/>
      <c r="ID26" s="71">
        <v>143</v>
      </c>
      <c r="IE26" s="71">
        <v>101</v>
      </c>
      <c r="IF26" s="71">
        <v>50</v>
      </c>
      <c r="IG26" s="71">
        <v>68</v>
      </c>
      <c r="IH26" s="71">
        <v>63</v>
      </c>
      <c r="II26" s="72">
        <v>425</v>
      </c>
      <c r="IJ26" s="73">
        <v>629</v>
      </c>
      <c r="IK26" s="70">
        <v>156</v>
      </c>
      <c r="IL26" s="71">
        <v>187</v>
      </c>
      <c r="IM26" s="72">
        <v>343</v>
      </c>
      <c r="IN26" s="244"/>
      <c r="IO26" s="71">
        <v>242</v>
      </c>
      <c r="IP26" s="71">
        <v>173</v>
      </c>
      <c r="IQ26" s="71">
        <v>113</v>
      </c>
      <c r="IR26" s="71">
        <v>110</v>
      </c>
      <c r="IS26" s="71">
        <v>63</v>
      </c>
      <c r="IT26" s="72">
        <v>701</v>
      </c>
      <c r="IU26" s="73">
        <v>1044</v>
      </c>
      <c r="IV26" s="70">
        <v>109</v>
      </c>
      <c r="IW26" s="71">
        <v>145</v>
      </c>
      <c r="IX26" s="72">
        <v>254</v>
      </c>
      <c r="IY26" s="244"/>
      <c r="IZ26" s="71">
        <v>248</v>
      </c>
      <c r="JA26" s="71">
        <v>177</v>
      </c>
      <c r="JB26" s="71">
        <v>131</v>
      </c>
      <c r="JC26" s="71">
        <v>136</v>
      </c>
      <c r="JD26" s="71">
        <v>70</v>
      </c>
      <c r="JE26" s="72">
        <v>762</v>
      </c>
      <c r="JF26" s="73">
        <v>1016</v>
      </c>
      <c r="JG26" s="70">
        <v>45</v>
      </c>
      <c r="JH26" s="71">
        <v>66</v>
      </c>
      <c r="JI26" s="72">
        <v>111</v>
      </c>
      <c r="JJ26" s="244"/>
      <c r="JK26" s="71">
        <v>135</v>
      </c>
      <c r="JL26" s="71">
        <v>140</v>
      </c>
      <c r="JM26" s="71">
        <v>105</v>
      </c>
      <c r="JN26" s="71">
        <v>143</v>
      </c>
      <c r="JO26" s="71">
        <v>95</v>
      </c>
      <c r="JP26" s="72">
        <v>618</v>
      </c>
      <c r="JQ26" s="73">
        <v>729</v>
      </c>
      <c r="JR26" s="70">
        <v>6</v>
      </c>
      <c r="JS26" s="71">
        <v>19</v>
      </c>
      <c r="JT26" s="72">
        <v>25</v>
      </c>
      <c r="JU26" s="244"/>
      <c r="JV26" s="71">
        <v>12</v>
      </c>
      <c r="JW26" s="71">
        <v>21</v>
      </c>
      <c r="JX26" s="71">
        <v>11</v>
      </c>
      <c r="JY26" s="71">
        <v>8</v>
      </c>
      <c r="JZ26" s="71">
        <v>10</v>
      </c>
      <c r="KA26" s="72">
        <v>62</v>
      </c>
      <c r="KB26" s="73">
        <v>87</v>
      </c>
      <c r="KC26" s="70">
        <v>484</v>
      </c>
      <c r="KD26" s="71">
        <v>606</v>
      </c>
      <c r="KE26" s="72">
        <v>1090</v>
      </c>
      <c r="KF26" s="244"/>
      <c r="KG26" s="71">
        <v>856</v>
      </c>
      <c r="KH26" s="71">
        <v>692</v>
      </c>
      <c r="KI26" s="71">
        <v>459</v>
      </c>
      <c r="KJ26" s="71">
        <v>527</v>
      </c>
      <c r="KK26" s="71">
        <v>329</v>
      </c>
      <c r="KL26" s="72">
        <v>2863</v>
      </c>
      <c r="KM26" s="73">
        <v>3953</v>
      </c>
    </row>
    <row r="27" spans="2:299" ht="21" customHeight="1" x14ac:dyDescent="0.2">
      <c r="B27" s="126" t="s">
        <v>24</v>
      </c>
      <c r="C27" s="315">
        <v>113</v>
      </c>
      <c r="D27" s="82">
        <v>78</v>
      </c>
      <c r="E27" s="83">
        <v>191</v>
      </c>
      <c r="F27" s="241"/>
      <c r="G27" s="82">
        <v>150</v>
      </c>
      <c r="H27" s="82">
        <v>91</v>
      </c>
      <c r="I27" s="82">
        <v>62</v>
      </c>
      <c r="J27" s="82">
        <v>58</v>
      </c>
      <c r="K27" s="82">
        <v>55</v>
      </c>
      <c r="L27" s="84">
        <v>416</v>
      </c>
      <c r="M27" s="85">
        <v>607</v>
      </c>
      <c r="N27" s="70">
        <v>2</v>
      </c>
      <c r="O27" s="71">
        <v>3</v>
      </c>
      <c r="P27" s="72">
        <v>5</v>
      </c>
      <c r="Q27" s="244"/>
      <c r="R27" s="71">
        <v>6</v>
      </c>
      <c r="S27" s="71">
        <v>3</v>
      </c>
      <c r="T27" s="71">
        <v>0</v>
      </c>
      <c r="U27" s="71">
        <v>1</v>
      </c>
      <c r="V27" s="71">
        <v>4</v>
      </c>
      <c r="W27" s="72">
        <v>14</v>
      </c>
      <c r="X27" s="73">
        <v>19</v>
      </c>
      <c r="Y27" s="70">
        <v>7</v>
      </c>
      <c r="Z27" s="71">
        <v>6</v>
      </c>
      <c r="AA27" s="72">
        <v>13</v>
      </c>
      <c r="AB27" s="244"/>
      <c r="AC27" s="71">
        <v>12</v>
      </c>
      <c r="AD27" s="71">
        <v>13</v>
      </c>
      <c r="AE27" s="71">
        <v>4</v>
      </c>
      <c r="AF27" s="71">
        <v>5</v>
      </c>
      <c r="AG27" s="71">
        <v>7</v>
      </c>
      <c r="AH27" s="72">
        <v>41</v>
      </c>
      <c r="AI27" s="73">
        <v>54</v>
      </c>
      <c r="AJ27" s="70">
        <v>12</v>
      </c>
      <c r="AK27" s="71">
        <v>12</v>
      </c>
      <c r="AL27" s="72">
        <v>24</v>
      </c>
      <c r="AM27" s="244"/>
      <c r="AN27" s="71">
        <v>19</v>
      </c>
      <c r="AO27" s="71">
        <v>12</v>
      </c>
      <c r="AP27" s="71">
        <v>13</v>
      </c>
      <c r="AQ27" s="71">
        <v>4</v>
      </c>
      <c r="AR27" s="71">
        <v>6</v>
      </c>
      <c r="AS27" s="72">
        <v>54</v>
      </c>
      <c r="AT27" s="73">
        <v>78</v>
      </c>
      <c r="AU27" s="70">
        <v>28</v>
      </c>
      <c r="AV27" s="71">
        <v>16</v>
      </c>
      <c r="AW27" s="72">
        <v>44</v>
      </c>
      <c r="AX27" s="244"/>
      <c r="AY27" s="71">
        <v>40</v>
      </c>
      <c r="AZ27" s="71">
        <v>12</v>
      </c>
      <c r="BA27" s="71">
        <v>12</v>
      </c>
      <c r="BB27" s="71">
        <v>16</v>
      </c>
      <c r="BC27" s="71">
        <v>18</v>
      </c>
      <c r="BD27" s="72">
        <v>98</v>
      </c>
      <c r="BE27" s="73">
        <v>142</v>
      </c>
      <c r="BF27" s="70">
        <v>33</v>
      </c>
      <c r="BG27" s="71">
        <v>25</v>
      </c>
      <c r="BH27" s="72">
        <v>58</v>
      </c>
      <c r="BI27" s="244"/>
      <c r="BJ27" s="71">
        <v>39</v>
      </c>
      <c r="BK27" s="71">
        <v>29</v>
      </c>
      <c r="BL27" s="71">
        <v>16</v>
      </c>
      <c r="BM27" s="71">
        <v>19</v>
      </c>
      <c r="BN27" s="71">
        <v>10</v>
      </c>
      <c r="BO27" s="72">
        <v>113</v>
      </c>
      <c r="BP27" s="73">
        <v>171</v>
      </c>
      <c r="BQ27" s="70">
        <v>31</v>
      </c>
      <c r="BR27" s="71">
        <v>16</v>
      </c>
      <c r="BS27" s="72">
        <v>47</v>
      </c>
      <c r="BT27" s="244"/>
      <c r="BU27" s="71">
        <v>34</v>
      </c>
      <c r="BV27" s="71">
        <v>22</v>
      </c>
      <c r="BW27" s="71">
        <v>17</v>
      </c>
      <c r="BX27" s="71">
        <v>13</v>
      </c>
      <c r="BY27" s="71">
        <v>10</v>
      </c>
      <c r="BZ27" s="72">
        <v>96</v>
      </c>
      <c r="CA27" s="73">
        <v>143</v>
      </c>
      <c r="CB27" s="70">
        <v>4</v>
      </c>
      <c r="CC27" s="71">
        <v>3</v>
      </c>
      <c r="CD27" s="72">
        <v>7</v>
      </c>
      <c r="CE27" s="244"/>
      <c r="CF27" s="71">
        <v>3</v>
      </c>
      <c r="CG27" s="71">
        <v>6</v>
      </c>
      <c r="CH27" s="71">
        <v>1</v>
      </c>
      <c r="CI27" s="71">
        <v>3</v>
      </c>
      <c r="CJ27" s="71">
        <v>2</v>
      </c>
      <c r="CK27" s="72">
        <v>15</v>
      </c>
      <c r="CL27" s="73">
        <v>22</v>
      </c>
      <c r="CM27" s="70">
        <v>117</v>
      </c>
      <c r="CN27" s="71">
        <v>81</v>
      </c>
      <c r="CO27" s="72">
        <v>198</v>
      </c>
      <c r="CP27" s="244"/>
      <c r="CQ27" s="71">
        <v>153</v>
      </c>
      <c r="CR27" s="71">
        <v>97</v>
      </c>
      <c r="CS27" s="71">
        <v>63</v>
      </c>
      <c r="CT27" s="71">
        <v>61</v>
      </c>
      <c r="CU27" s="71">
        <v>57</v>
      </c>
      <c r="CV27" s="72">
        <v>431</v>
      </c>
      <c r="CW27" s="73">
        <v>629</v>
      </c>
      <c r="CX27" s="123">
        <v>215</v>
      </c>
      <c r="CY27" s="82">
        <v>159</v>
      </c>
      <c r="CZ27" s="83">
        <v>374</v>
      </c>
      <c r="DA27" s="241"/>
      <c r="DB27" s="82">
        <v>284</v>
      </c>
      <c r="DC27" s="82">
        <v>183</v>
      </c>
      <c r="DD27" s="82">
        <v>164</v>
      </c>
      <c r="DE27" s="82">
        <v>177</v>
      </c>
      <c r="DF27" s="82">
        <v>115</v>
      </c>
      <c r="DG27" s="84">
        <v>923</v>
      </c>
      <c r="DH27" s="85">
        <v>1297</v>
      </c>
      <c r="DI27" s="70">
        <v>5</v>
      </c>
      <c r="DJ27" s="71">
        <v>3</v>
      </c>
      <c r="DK27" s="72">
        <v>8</v>
      </c>
      <c r="DL27" s="244"/>
      <c r="DM27" s="71">
        <v>1</v>
      </c>
      <c r="DN27" s="71">
        <v>5</v>
      </c>
      <c r="DO27" s="71">
        <v>5</v>
      </c>
      <c r="DP27" s="71">
        <v>2</v>
      </c>
      <c r="DQ27" s="71">
        <v>2</v>
      </c>
      <c r="DR27" s="72">
        <v>15</v>
      </c>
      <c r="DS27" s="73">
        <v>23</v>
      </c>
      <c r="DT27" s="70">
        <v>13</v>
      </c>
      <c r="DU27" s="71">
        <v>4</v>
      </c>
      <c r="DV27" s="72">
        <v>17</v>
      </c>
      <c r="DW27" s="244"/>
      <c r="DX27" s="71">
        <v>10</v>
      </c>
      <c r="DY27" s="71">
        <v>4</v>
      </c>
      <c r="DZ27" s="71">
        <v>6</v>
      </c>
      <c r="EA27" s="71">
        <v>7</v>
      </c>
      <c r="EB27" s="71">
        <v>1</v>
      </c>
      <c r="EC27" s="72">
        <v>28</v>
      </c>
      <c r="ED27" s="73">
        <v>45</v>
      </c>
      <c r="EE27" s="70">
        <v>28</v>
      </c>
      <c r="EF27" s="71">
        <v>27</v>
      </c>
      <c r="EG27" s="72">
        <v>55</v>
      </c>
      <c r="EH27" s="244"/>
      <c r="EI27" s="71">
        <v>26</v>
      </c>
      <c r="EJ27" s="71">
        <v>18</v>
      </c>
      <c r="EK27" s="71">
        <v>19</v>
      </c>
      <c r="EL27" s="71">
        <v>11</v>
      </c>
      <c r="EM27" s="71">
        <v>5</v>
      </c>
      <c r="EN27" s="72">
        <v>79</v>
      </c>
      <c r="EO27" s="73">
        <v>134</v>
      </c>
      <c r="EP27" s="70">
        <v>62</v>
      </c>
      <c r="EQ27" s="71">
        <v>40</v>
      </c>
      <c r="ER27" s="72">
        <v>102</v>
      </c>
      <c r="ES27" s="244"/>
      <c r="ET27" s="71">
        <v>67</v>
      </c>
      <c r="EU27" s="71">
        <v>37</v>
      </c>
      <c r="EV27" s="71">
        <v>19</v>
      </c>
      <c r="EW27" s="71">
        <v>30</v>
      </c>
      <c r="EX27" s="71">
        <v>20</v>
      </c>
      <c r="EY27" s="72">
        <v>173</v>
      </c>
      <c r="EZ27" s="73">
        <v>275</v>
      </c>
      <c r="FA27" s="70">
        <v>65</v>
      </c>
      <c r="FB27" s="71">
        <v>52</v>
      </c>
      <c r="FC27" s="72">
        <v>117</v>
      </c>
      <c r="FD27" s="244"/>
      <c r="FE27" s="71">
        <v>90</v>
      </c>
      <c r="FF27" s="71">
        <v>52</v>
      </c>
      <c r="FG27" s="71">
        <v>41</v>
      </c>
      <c r="FH27" s="71">
        <v>37</v>
      </c>
      <c r="FI27" s="71">
        <v>27</v>
      </c>
      <c r="FJ27" s="72">
        <v>247</v>
      </c>
      <c r="FK27" s="73">
        <v>364</v>
      </c>
      <c r="FL27" s="70">
        <v>42</v>
      </c>
      <c r="FM27" s="71">
        <v>33</v>
      </c>
      <c r="FN27" s="72">
        <v>75</v>
      </c>
      <c r="FO27" s="244"/>
      <c r="FP27" s="71">
        <v>90</v>
      </c>
      <c r="FQ27" s="71">
        <v>67</v>
      </c>
      <c r="FR27" s="71">
        <v>74</v>
      </c>
      <c r="FS27" s="71">
        <v>90</v>
      </c>
      <c r="FT27" s="71">
        <v>60</v>
      </c>
      <c r="FU27" s="72">
        <v>381</v>
      </c>
      <c r="FV27" s="73">
        <v>456</v>
      </c>
      <c r="FW27" s="70">
        <v>2</v>
      </c>
      <c r="FX27" s="71">
        <v>2</v>
      </c>
      <c r="FY27" s="72">
        <v>4</v>
      </c>
      <c r="FZ27" s="244"/>
      <c r="GA27" s="71">
        <v>2</v>
      </c>
      <c r="GB27" s="71">
        <v>1</v>
      </c>
      <c r="GC27" s="71">
        <v>2</v>
      </c>
      <c r="GD27" s="71">
        <v>0</v>
      </c>
      <c r="GE27" s="71">
        <v>3</v>
      </c>
      <c r="GF27" s="72">
        <v>8</v>
      </c>
      <c r="GG27" s="73">
        <v>12</v>
      </c>
      <c r="GH27" s="70">
        <v>217</v>
      </c>
      <c r="GI27" s="71">
        <v>161</v>
      </c>
      <c r="GJ27" s="72">
        <v>378</v>
      </c>
      <c r="GK27" s="244"/>
      <c r="GL27" s="71">
        <v>286</v>
      </c>
      <c r="GM27" s="71">
        <v>184</v>
      </c>
      <c r="GN27" s="71">
        <v>166</v>
      </c>
      <c r="GO27" s="71">
        <v>177</v>
      </c>
      <c r="GP27" s="71">
        <v>118</v>
      </c>
      <c r="GQ27" s="72">
        <v>931</v>
      </c>
      <c r="GR27" s="73">
        <v>1309</v>
      </c>
      <c r="GS27" s="123">
        <v>328</v>
      </c>
      <c r="GT27" s="82">
        <v>237</v>
      </c>
      <c r="GU27" s="83">
        <v>565</v>
      </c>
      <c r="GV27" s="241"/>
      <c r="GW27" s="82">
        <v>434</v>
      </c>
      <c r="GX27" s="82">
        <v>274</v>
      </c>
      <c r="GY27" s="82">
        <v>226</v>
      </c>
      <c r="GZ27" s="82">
        <v>235</v>
      </c>
      <c r="HA27" s="82">
        <v>170</v>
      </c>
      <c r="HB27" s="84">
        <v>1339</v>
      </c>
      <c r="HC27" s="85">
        <v>1904</v>
      </c>
      <c r="HD27" s="70">
        <v>7</v>
      </c>
      <c r="HE27" s="71">
        <v>6</v>
      </c>
      <c r="HF27" s="72">
        <v>13</v>
      </c>
      <c r="HG27" s="244"/>
      <c r="HH27" s="71">
        <v>7</v>
      </c>
      <c r="HI27" s="71">
        <v>8</v>
      </c>
      <c r="HJ27" s="71">
        <v>5</v>
      </c>
      <c r="HK27" s="71">
        <v>3</v>
      </c>
      <c r="HL27" s="71">
        <v>6</v>
      </c>
      <c r="HM27" s="72">
        <v>29</v>
      </c>
      <c r="HN27" s="73">
        <v>42</v>
      </c>
      <c r="HO27" s="70">
        <v>20</v>
      </c>
      <c r="HP27" s="71">
        <v>10</v>
      </c>
      <c r="HQ27" s="72">
        <v>30</v>
      </c>
      <c r="HR27" s="244"/>
      <c r="HS27" s="71">
        <v>22</v>
      </c>
      <c r="HT27" s="71">
        <v>17</v>
      </c>
      <c r="HU27" s="71">
        <v>10</v>
      </c>
      <c r="HV27" s="71">
        <v>12</v>
      </c>
      <c r="HW27" s="71">
        <v>8</v>
      </c>
      <c r="HX27" s="72">
        <v>69</v>
      </c>
      <c r="HY27" s="73">
        <v>99</v>
      </c>
      <c r="HZ27" s="70">
        <v>40</v>
      </c>
      <c r="IA27" s="71">
        <v>39</v>
      </c>
      <c r="IB27" s="72">
        <v>79</v>
      </c>
      <c r="IC27" s="244"/>
      <c r="ID27" s="71">
        <v>45</v>
      </c>
      <c r="IE27" s="71">
        <v>30</v>
      </c>
      <c r="IF27" s="71">
        <v>32</v>
      </c>
      <c r="IG27" s="71">
        <v>15</v>
      </c>
      <c r="IH27" s="71">
        <v>11</v>
      </c>
      <c r="II27" s="72">
        <v>133</v>
      </c>
      <c r="IJ27" s="73">
        <v>212</v>
      </c>
      <c r="IK27" s="70">
        <v>90</v>
      </c>
      <c r="IL27" s="71">
        <v>56</v>
      </c>
      <c r="IM27" s="72">
        <v>146</v>
      </c>
      <c r="IN27" s="244"/>
      <c r="IO27" s="71">
        <v>107</v>
      </c>
      <c r="IP27" s="71">
        <v>49</v>
      </c>
      <c r="IQ27" s="71">
        <v>31</v>
      </c>
      <c r="IR27" s="71">
        <v>46</v>
      </c>
      <c r="IS27" s="71">
        <v>38</v>
      </c>
      <c r="IT27" s="72">
        <v>271</v>
      </c>
      <c r="IU27" s="73">
        <v>417</v>
      </c>
      <c r="IV27" s="70">
        <v>98</v>
      </c>
      <c r="IW27" s="71">
        <v>77</v>
      </c>
      <c r="IX27" s="72">
        <v>175</v>
      </c>
      <c r="IY27" s="244"/>
      <c r="IZ27" s="71">
        <v>129</v>
      </c>
      <c r="JA27" s="71">
        <v>81</v>
      </c>
      <c r="JB27" s="71">
        <v>57</v>
      </c>
      <c r="JC27" s="71">
        <v>56</v>
      </c>
      <c r="JD27" s="71">
        <v>37</v>
      </c>
      <c r="JE27" s="72">
        <v>360</v>
      </c>
      <c r="JF27" s="73">
        <v>535</v>
      </c>
      <c r="JG27" s="70">
        <v>73</v>
      </c>
      <c r="JH27" s="71">
        <v>49</v>
      </c>
      <c r="JI27" s="72">
        <v>122</v>
      </c>
      <c r="JJ27" s="244"/>
      <c r="JK27" s="71">
        <v>124</v>
      </c>
      <c r="JL27" s="71">
        <v>89</v>
      </c>
      <c r="JM27" s="71">
        <v>91</v>
      </c>
      <c r="JN27" s="71">
        <v>103</v>
      </c>
      <c r="JO27" s="71">
        <v>70</v>
      </c>
      <c r="JP27" s="72">
        <v>477</v>
      </c>
      <c r="JQ27" s="73">
        <v>599</v>
      </c>
      <c r="JR27" s="70">
        <v>6</v>
      </c>
      <c r="JS27" s="71">
        <v>5</v>
      </c>
      <c r="JT27" s="72">
        <v>11</v>
      </c>
      <c r="JU27" s="244"/>
      <c r="JV27" s="71">
        <v>5</v>
      </c>
      <c r="JW27" s="71">
        <v>7</v>
      </c>
      <c r="JX27" s="71">
        <v>3</v>
      </c>
      <c r="JY27" s="71">
        <v>3</v>
      </c>
      <c r="JZ27" s="71">
        <v>5</v>
      </c>
      <c r="KA27" s="72">
        <v>23</v>
      </c>
      <c r="KB27" s="73">
        <v>34</v>
      </c>
      <c r="KC27" s="70">
        <v>334</v>
      </c>
      <c r="KD27" s="71">
        <v>242</v>
      </c>
      <c r="KE27" s="72">
        <v>576</v>
      </c>
      <c r="KF27" s="244"/>
      <c r="KG27" s="71">
        <v>439</v>
      </c>
      <c r="KH27" s="71">
        <v>281</v>
      </c>
      <c r="KI27" s="71">
        <v>229</v>
      </c>
      <c r="KJ27" s="71">
        <v>238</v>
      </c>
      <c r="KK27" s="71">
        <v>175</v>
      </c>
      <c r="KL27" s="72">
        <v>1362</v>
      </c>
      <c r="KM27" s="73">
        <v>1938</v>
      </c>
    </row>
    <row r="28" spans="2:299" ht="21" customHeight="1" x14ac:dyDescent="0.2">
      <c r="B28" s="126" t="s">
        <v>25</v>
      </c>
      <c r="C28" s="315">
        <v>111</v>
      </c>
      <c r="D28" s="82">
        <v>107</v>
      </c>
      <c r="E28" s="83">
        <v>218</v>
      </c>
      <c r="F28" s="241"/>
      <c r="G28" s="82">
        <v>189</v>
      </c>
      <c r="H28" s="82">
        <v>140</v>
      </c>
      <c r="I28" s="82">
        <v>102</v>
      </c>
      <c r="J28" s="82">
        <v>104</v>
      </c>
      <c r="K28" s="82">
        <v>55</v>
      </c>
      <c r="L28" s="84">
        <v>590</v>
      </c>
      <c r="M28" s="85">
        <v>808</v>
      </c>
      <c r="N28" s="70">
        <v>3</v>
      </c>
      <c r="O28" s="71">
        <v>6</v>
      </c>
      <c r="P28" s="72">
        <v>9</v>
      </c>
      <c r="Q28" s="244"/>
      <c r="R28" s="71">
        <v>6</v>
      </c>
      <c r="S28" s="71">
        <v>8</v>
      </c>
      <c r="T28" s="71">
        <v>2</v>
      </c>
      <c r="U28" s="71">
        <v>3</v>
      </c>
      <c r="V28" s="71">
        <v>2</v>
      </c>
      <c r="W28" s="72">
        <v>21</v>
      </c>
      <c r="X28" s="73">
        <v>30</v>
      </c>
      <c r="Y28" s="70">
        <v>16</v>
      </c>
      <c r="Z28" s="71">
        <v>11</v>
      </c>
      <c r="AA28" s="72">
        <v>27</v>
      </c>
      <c r="AB28" s="244"/>
      <c r="AC28" s="71">
        <v>20</v>
      </c>
      <c r="AD28" s="71">
        <v>20</v>
      </c>
      <c r="AE28" s="71">
        <v>10</v>
      </c>
      <c r="AF28" s="71">
        <v>11</v>
      </c>
      <c r="AG28" s="71">
        <v>6</v>
      </c>
      <c r="AH28" s="72">
        <v>67</v>
      </c>
      <c r="AI28" s="73">
        <v>94</v>
      </c>
      <c r="AJ28" s="70">
        <v>24</v>
      </c>
      <c r="AK28" s="71">
        <v>21</v>
      </c>
      <c r="AL28" s="72">
        <v>45</v>
      </c>
      <c r="AM28" s="244"/>
      <c r="AN28" s="71">
        <v>32</v>
      </c>
      <c r="AO28" s="71">
        <v>24</v>
      </c>
      <c r="AP28" s="71">
        <v>16</v>
      </c>
      <c r="AQ28" s="71">
        <v>20</v>
      </c>
      <c r="AR28" s="71">
        <v>7</v>
      </c>
      <c r="AS28" s="72">
        <v>99</v>
      </c>
      <c r="AT28" s="73">
        <v>144</v>
      </c>
      <c r="AU28" s="70">
        <v>33</v>
      </c>
      <c r="AV28" s="71">
        <v>35</v>
      </c>
      <c r="AW28" s="72">
        <v>68</v>
      </c>
      <c r="AX28" s="244"/>
      <c r="AY28" s="71">
        <v>60</v>
      </c>
      <c r="AZ28" s="71">
        <v>38</v>
      </c>
      <c r="BA28" s="71">
        <v>31</v>
      </c>
      <c r="BB28" s="71">
        <v>34</v>
      </c>
      <c r="BC28" s="71">
        <v>14</v>
      </c>
      <c r="BD28" s="72">
        <v>177</v>
      </c>
      <c r="BE28" s="73">
        <v>245</v>
      </c>
      <c r="BF28" s="70">
        <v>25</v>
      </c>
      <c r="BG28" s="71">
        <v>22</v>
      </c>
      <c r="BH28" s="72">
        <v>47</v>
      </c>
      <c r="BI28" s="244"/>
      <c r="BJ28" s="71">
        <v>44</v>
      </c>
      <c r="BK28" s="71">
        <v>35</v>
      </c>
      <c r="BL28" s="71">
        <v>26</v>
      </c>
      <c r="BM28" s="71">
        <v>22</v>
      </c>
      <c r="BN28" s="71">
        <v>16</v>
      </c>
      <c r="BO28" s="72">
        <v>143</v>
      </c>
      <c r="BP28" s="73">
        <v>190</v>
      </c>
      <c r="BQ28" s="70">
        <v>10</v>
      </c>
      <c r="BR28" s="71">
        <v>12</v>
      </c>
      <c r="BS28" s="72">
        <v>22</v>
      </c>
      <c r="BT28" s="244"/>
      <c r="BU28" s="71">
        <v>27</v>
      </c>
      <c r="BV28" s="71">
        <v>15</v>
      </c>
      <c r="BW28" s="71">
        <v>17</v>
      </c>
      <c r="BX28" s="71">
        <v>14</v>
      </c>
      <c r="BY28" s="71">
        <v>10</v>
      </c>
      <c r="BZ28" s="72">
        <v>83</v>
      </c>
      <c r="CA28" s="73">
        <v>105</v>
      </c>
      <c r="CB28" s="70">
        <v>1</v>
      </c>
      <c r="CC28" s="71">
        <v>3</v>
      </c>
      <c r="CD28" s="72">
        <v>4</v>
      </c>
      <c r="CE28" s="244"/>
      <c r="CF28" s="71">
        <v>3</v>
      </c>
      <c r="CG28" s="71">
        <v>10</v>
      </c>
      <c r="CH28" s="71">
        <v>2</v>
      </c>
      <c r="CI28" s="71">
        <v>3</v>
      </c>
      <c r="CJ28" s="71">
        <v>3</v>
      </c>
      <c r="CK28" s="72">
        <v>21</v>
      </c>
      <c r="CL28" s="73">
        <v>25</v>
      </c>
      <c r="CM28" s="70">
        <v>112</v>
      </c>
      <c r="CN28" s="71">
        <v>110</v>
      </c>
      <c r="CO28" s="72">
        <v>222</v>
      </c>
      <c r="CP28" s="244"/>
      <c r="CQ28" s="71">
        <v>192</v>
      </c>
      <c r="CR28" s="71">
        <v>150</v>
      </c>
      <c r="CS28" s="71">
        <v>104</v>
      </c>
      <c r="CT28" s="71">
        <v>107</v>
      </c>
      <c r="CU28" s="71">
        <v>58</v>
      </c>
      <c r="CV28" s="72">
        <v>611</v>
      </c>
      <c r="CW28" s="73">
        <v>833</v>
      </c>
      <c r="CX28" s="123">
        <v>190</v>
      </c>
      <c r="CY28" s="82">
        <v>213</v>
      </c>
      <c r="CZ28" s="83">
        <v>403</v>
      </c>
      <c r="DA28" s="241"/>
      <c r="DB28" s="82">
        <v>294</v>
      </c>
      <c r="DC28" s="82">
        <v>211</v>
      </c>
      <c r="DD28" s="82">
        <v>172</v>
      </c>
      <c r="DE28" s="82">
        <v>178</v>
      </c>
      <c r="DF28" s="82">
        <v>101</v>
      </c>
      <c r="DG28" s="84">
        <v>956</v>
      </c>
      <c r="DH28" s="85">
        <v>1359</v>
      </c>
      <c r="DI28" s="70">
        <v>4</v>
      </c>
      <c r="DJ28" s="71">
        <v>5</v>
      </c>
      <c r="DK28" s="72">
        <v>9</v>
      </c>
      <c r="DL28" s="244"/>
      <c r="DM28" s="71">
        <v>7</v>
      </c>
      <c r="DN28" s="71">
        <v>9</v>
      </c>
      <c r="DO28" s="71">
        <v>3</v>
      </c>
      <c r="DP28" s="71">
        <v>4</v>
      </c>
      <c r="DQ28" s="71">
        <v>2</v>
      </c>
      <c r="DR28" s="72">
        <v>25</v>
      </c>
      <c r="DS28" s="73">
        <v>34</v>
      </c>
      <c r="DT28" s="70">
        <v>22</v>
      </c>
      <c r="DU28" s="71">
        <v>18</v>
      </c>
      <c r="DV28" s="72">
        <v>40</v>
      </c>
      <c r="DW28" s="244"/>
      <c r="DX28" s="71">
        <v>19</v>
      </c>
      <c r="DY28" s="71">
        <v>21</v>
      </c>
      <c r="DZ28" s="71">
        <v>9</v>
      </c>
      <c r="EA28" s="71">
        <v>6</v>
      </c>
      <c r="EB28" s="71">
        <v>9</v>
      </c>
      <c r="EC28" s="72">
        <v>64</v>
      </c>
      <c r="ED28" s="73">
        <v>104</v>
      </c>
      <c r="EE28" s="70">
        <v>30</v>
      </c>
      <c r="EF28" s="71">
        <v>28</v>
      </c>
      <c r="EG28" s="72">
        <v>58</v>
      </c>
      <c r="EH28" s="244"/>
      <c r="EI28" s="71">
        <v>52</v>
      </c>
      <c r="EJ28" s="71">
        <v>22</v>
      </c>
      <c r="EK28" s="71">
        <v>29</v>
      </c>
      <c r="EL28" s="71">
        <v>25</v>
      </c>
      <c r="EM28" s="71">
        <v>16</v>
      </c>
      <c r="EN28" s="72">
        <v>144</v>
      </c>
      <c r="EO28" s="73">
        <v>202</v>
      </c>
      <c r="EP28" s="70">
        <v>57</v>
      </c>
      <c r="EQ28" s="71">
        <v>64</v>
      </c>
      <c r="ER28" s="72">
        <v>121</v>
      </c>
      <c r="ES28" s="244"/>
      <c r="ET28" s="71">
        <v>66</v>
      </c>
      <c r="EU28" s="71">
        <v>41</v>
      </c>
      <c r="EV28" s="71">
        <v>35</v>
      </c>
      <c r="EW28" s="71">
        <v>31</v>
      </c>
      <c r="EX28" s="71">
        <v>13</v>
      </c>
      <c r="EY28" s="72">
        <v>186</v>
      </c>
      <c r="EZ28" s="73">
        <v>307</v>
      </c>
      <c r="FA28" s="70">
        <v>51</v>
      </c>
      <c r="FB28" s="71">
        <v>55</v>
      </c>
      <c r="FC28" s="72">
        <v>106</v>
      </c>
      <c r="FD28" s="244"/>
      <c r="FE28" s="71">
        <v>86</v>
      </c>
      <c r="FF28" s="71">
        <v>61</v>
      </c>
      <c r="FG28" s="71">
        <v>49</v>
      </c>
      <c r="FH28" s="71">
        <v>46</v>
      </c>
      <c r="FI28" s="71">
        <v>26</v>
      </c>
      <c r="FJ28" s="72">
        <v>268</v>
      </c>
      <c r="FK28" s="73">
        <v>374</v>
      </c>
      <c r="FL28" s="70">
        <v>26</v>
      </c>
      <c r="FM28" s="71">
        <v>43</v>
      </c>
      <c r="FN28" s="72">
        <v>69</v>
      </c>
      <c r="FO28" s="244"/>
      <c r="FP28" s="71">
        <v>64</v>
      </c>
      <c r="FQ28" s="71">
        <v>57</v>
      </c>
      <c r="FR28" s="71">
        <v>47</v>
      </c>
      <c r="FS28" s="71">
        <v>66</v>
      </c>
      <c r="FT28" s="71">
        <v>35</v>
      </c>
      <c r="FU28" s="72">
        <v>269</v>
      </c>
      <c r="FV28" s="73">
        <v>338</v>
      </c>
      <c r="FW28" s="70">
        <v>2</v>
      </c>
      <c r="FX28" s="71">
        <v>4</v>
      </c>
      <c r="FY28" s="72">
        <v>6</v>
      </c>
      <c r="FZ28" s="244"/>
      <c r="GA28" s="71">
        <v>3</v>
      </c>
      <c r="GB28" s="71">
        <v>3</v>
      </c>
      <c r="GC28" s="71">
        <v>3</v>
      </c>
      <c r="GD28" s="71">
        <v>1</v>
      </c>
      <c r="GE28" s="71">
        <v>5</v>
      </c>
      <c r="GF28" s="72">
        <v>15</v>
      </c>
      <c r="GG28" s="73">
        <v>21</v>
      </c>
      <c r="GH28" s="70">
        <v>192</v>
      </c>
      <c r="GI28" s="71">
        <v>217</v>
      </c>
      <c r="GJ28" s="72">
        <v>409</v>
      </c>
      <c r="GK28" s="244"/>
      <c r="GL28" s="71">
        <v>297</v>
      </c>
      <c r="GM28" s="71">
        <v>214</v>
      </c>
      <c r="GN28" s="71">
        <v>175</v>
      </c>
      <c r="GO28" s="71">
        <v>179</v>
      </c>
      <c r="GP28" s="71">
        <v>106</v>
      </c>
      <c r="GQ28" s="72">
        <v>971</v>
      </c>
      <c r="GR28" s="73">
        <v>1380</v>
      </c>
      <c r="GS28" s="123">
        <v>301</v>
      </c>
      <c r="GT28" s="82">
        <v>320</v>
      </c>
      <c r="GU28" s="83">
        <v>621</v>
      </c>
      <c r="GV28" s="241"/>
      <c r="GW28" s="82">
        <v>483</v>
      </c>
      <c r="GX28" s="82">
        <v>351</v>
      </c>
      <c r="GY28" s="82">
        <v>274</v>
      </c>
      <c r="GZ28" s="82">
        <v>282</v>
      </c>
      <c r="HA28" s="82">
        <v>156</v>
      </c>
      <c r="HB28" s="84">
        <v>1546</v>
      </c>
      <c r="HC28" s="85">
        <v>2167</v>
      </c>
      <c r="HD28" s="70">
        <v>7</v>
      </c>
      <c r="HE28" s="71">
        <v>11</v>
      </c>
      <c r="HF28" s="72">
        <v>18</v>
      </c>
      <c r="HG28" s="244"/>
      <c r="HH28" s="71">
        <v>13</v>
      </c>
      <c r="HI28" s="71">
        <v>17</v>
      </c>
      <c r="HJ28" s="71">
        <v>5</v>
      </c>
      <c r="HK28" s="71">
        <v>7</v>
      </c>
      <c r="HL28" s="71">
        <v>4</v>
      </c>
      <c r="HM28" s="72">
        <v>46</v>
      </c>
      <c r="HN28" s="73">
        <v>64</v>
      </c>
      <c r="HO28" s="70">
        <v>38</v>
      </c>
      <c r="HP28" s="71">
        <v>29</v>
      </c>
      <c r="HQ28" s="72">
        <v>67</v>
      </c>
      <c r="HR28" s="244"/>
      <c r="HS28" s="71">
        <v>39</v>
      </c>
      <c r="HT28" s="71">
        <v>41</v>
      </c>
      <c r="HU28" s="71">
        <v>19</v>
      </c>
      <c r="HV28" s="71">
        <v>17</v>
      </c>
      <c r="HW28" s="71">
        <v>15</v>
      </c>
      <c r="HX28" s="72">
        <v>131</v>
      </c>
      <c r="HY28" s="73">
        <v>198</v>
      </c>
      <c r="HZ28" s="70">
        <v>54</v>
      </c>
      <c r="IA28" s="71">
        <v>49</v>
      </c>
      <c r="IB28" s="72">
        <v>103</v>
      </c>
      <c r="IC28" s="244"/>
      <c r="ID28" s="71">
        <v>84</v>
      </c>
      <c r="IE28" s="71">
        <v>46</v>
      </c>
      <c r="IF28" s="71">
        <v>45</v>
      </c>
      <c r="IG28" s="71">
        <v>45</v>
      </c>
      <c r="IH28" s="71">
        <v>23</v>
      </c>
      <c r="II28" s="72">
        <v>243</v>
      </c>
      <c r="IJ28" s="73">
        <v>346</v>
      </c>
      <c r="IK28" s="70">
        <v>90</v>
      </c>
      <c r="IL28" s="71">
        <v>99</v>
      </c>
      <c r="IM28" s="72">
        <v>189</v>
      </c>
      <c r="IN28" s="244"/>
      <c r="IO28" s="71">
        <v>126</v>
      </c>
      <c r="IP28" s="71">
        <v>79</v>
      </c>
      <c r="IQ28" s="71">
        <v>66</v>
      </c>
      <c r="IR28" s="71">
        <v>65</v>
      </c>
      <c r="IS28" s="71">
        <v>27</v>
      </c>
      <c r="IT28" s="72">
        <v>363</v>
      </c>
      <c r="IU28" s="73">
        <v>552</v>
      </c>
      <c r="IV28" s="70">
        <v>76</v>
      </c>
      <c r="IW28" s="71">
        <v>77</v>
      </c>
      <c r="IX28" s="72">
        <v>153</v>
      </c>
      <c r="IY28" s="244"/>
      <c r="IZ28" s="71">
        <v>130</v>
      </c>
      <c r="JA28" s="71">
        <v>96</v>
      </c>
      <c r="JB28" s="71">
        <v>75</v>
      </c>
      <c r="JC28" s="71">
        <v>68</v>
      </c>
      <c r="JD28" s="71">
        <v>42</v>
      </c>
      <c r="JE28" s="72">
        <v>411</v>
      </c>
      <c r="JF28" s="73">
        <v>564</v>
      </c>
      <c r="JG28" s="70">
        <v>36</v>
      </c>
      <c r="JH28" s="71">
        <v>55</v>
      </c>
      <c r="JI28" s="72">
        <v>91</v>
      </c>
      <c r="JJ28" s="244"/>
      <c r="JK28" s="71">
        <v>91</v>
      </c>
      <c r="JL28" s="71">
        <v>72</v>
      </c>
      <c r="JM28" s="71">
        <v>64</v>
      </c>
      <c r="JN28" s="71">
        <v>80</v>
      </c>
      <c r="JO28" s="71">
        <v>45</v>
      </c>
      <c r="JP28" s="72">
        <v>352</v>
      </c>
      <c r="JQ28" s="73">
        <v>443</v>
      </c>
      <c r="JR28" s="70">
        <v>3</v>
      </c>
      <c r="JS28" s="71">
        <v>7</v>
      </c>
      <c r="JT28" s="72">
        <v>10</v>
      </c>
      <c r="JU28" s="244"/>
      <c r="JV28" s="71">
        <v>6</v>
      </c>
      <c r="JW28" s="71">
        <v>13</v>
      </c>
      <c r="JX28" s="71">
        <v>5</v>
      </c>
      <c r="JY28" s="71">
        <v>4</v>
      </c>
      <c r="JZ28" s="71">
        <v>8</v>
      </c>
      <c r="KA28" s="72">
        <v>36</v>
      </c>
      <c r="KB28" s="73">
        <v>46</v>
      </c>
      <c r="KC28" s="70">
        <v>304</v>
      </c>
      <c r="KD28" s="71">
        <v>327</v>
      </c>
      <c r="KE28" s="72">
        <v>631</v>
      </c>
      <c r="KF28" s="244"/>
      <c r="KG28" s="71">
        <v>489</v>
      </c>
      <c r="KH28" s="71">
        <v>364</v>
      </c>
      <c r="KI28" s="71">
        <v>279</v>
      </c>
      <c r="KJ28" s="71">
        <v>286</v>
      </c>
      <c r="KK28" s="71">
        <v>164</v>
      </c>
      <c r="KL28" s="72">
        <v>1582</v>
      </c>
      <c r="KM28" s="73">
        <v>2213</v>
      </c>
    </row>
    <row r="29" spans="2:299" ht="21" customHeight="1" x14ac:dyDescent="0.2">
      <c r="B29" s="126" t="s">
        <v>26</v>
      </c>
      <c r="C29" s="315">
        <v>87</v>
      </c>
      <c r="D29" s="82">
        <v>63</v>
      </c>
      <c r="E29" s="83">
        <v>150</v>
      </c>
      <c r="F29" s="241"/>
      <c r="G29" s="82">
        <v>142</v>
      </c>
      <c r="H29" s="82">
        <v>124</v>
      </c>
      <c r="I29" s="82">
        <v>84</v>
      </c>
      <c r="J29" s="82">
        <v>72</v>
      </c>
      <c r="K29" s="82">
        <v>35</v>
      </c>
      <c r="L29" s="84">
        <v>457</v>
      </c>
      <c r="M29" s="85">
        <v>607</v>
      </c>
      <c r="N29" s="70">
        <v>2</v>
      </c>
      <c r="O29" s="71">
        <v>3</v>
      </c>
      <c r="P29" s="72">
        <v>5</v>
      </c>
      <c r="Q29" s="244"/>
      <c r="R29" s="71">
        <v>7</v>
      </c>
      <c r="S29" s="71">
        <v>3</v>
      </c>
      <c r="T29" s="71">
        <v>5</v>
      </c>
      <c r="U29" s="71">
        <v>3</v>
      </c>
      <c r="V29" s="71">
        <v>3</v>
      </c>
      <c r="W29" s="72">
        <v>21</v>
      </c>
      <c r="X29" s="73">
        <v>26</v>
      </c>
      <c r="Y29" s="70">
        <v>8</v>
      </c>
      <c r="Z29" s="71">
        <v>6</v>
      </c>
      <c r="AA29" s="72">
        <v>14</v>
      </c>
      <c r="AB29" s="244"/>
      <c r="AC29" s="71">
        <v>10</v>
      </c>
      <c r="AD29" s="71">
        <v>11</v>
      </c>
      <c r="AE29" s="71">
        <v>8</v>
      </c>
      <c r="AF29" s="71">
        <v>6</v>
      </c>
      <c r="AG29" s="71">
        <v>6</v>
      </c>
      <c r="AH29" s="72">
        <v>41</v>
      </c>
      <c r="AI29" s="73">
        <v>55</v>
      </c>
      <c r="AJ29" s="70">
        <v>10</v>
      </c>
      <c r="AK29" s="71">
        <v>10</v>
      </c>
      <c r="AL29" s="72">
        <v>20</v>
      </c>
      <c r="AM29" s="244"/>
      <c r="AN29" s="71">
        <v>17</v>
      </c>
      <c r="AO29" s="71">
        <v>14</v>
      </c>
      <c r="AP29" s="71">
        <v>17</v>
      </c>
      <c r="AQ29" s="71">
        <v>11</v>
      </c>
      <c r="AR29" s="71">
        <v>5</v>
      </c>
      <c r="AS29" s="72">
        <v>64</v>
      </c>
      <c r="AT29" s="73">
        <v>84</v>
      </c>
      <c r="AU29" s="70">
        <v>27</v>
      </c>
      <c r="AV29" s="71">
        <v>14</v>
      </c>
      <c r="AW29" s="72">
        <v>41</v>
      </c>
      <c r="AX29" s="244"/>
      <c r="AY29" s="71">
        <v>50</v>
      </c>
      <c r="AZ29" s="71">
        <v>35</v>
      </c>
      <c r="BA29" s="71">
        <v>18</v>
      </c>
      <c r="BB29" s="71">
        <v>18</v>
      </c>
      <c r="BC29" s="71">
        <v>6</v>
      </c>
      <c r="BD29" s="72">
        <v>127</v>
      </c>
      <c r="BE29" s="73">
        <v>168</v>
      </c>
      <c r="BF29" s="70">
        <v>20</v>
      </c>
      <c r="BG29" s="71">
        <v>21</v>
      </c>
      <c r="BH29" s="72">
        <v>41</v>
      </c>
      <c r="BI29" s="244"/>
      <c r="BJ29" s="71">
        <v>30</v>
      </c>
      <c r="BK29" s="71">
        <v>34</v>
      </c>
      <c r="BL29" s="71">
        <v>22</v>
      </c>
      <c r="BM29" s="71">
        <v>21</v>
      </c>
      <c r="BN29" s="71">
        <v>9</v>
      </c>
      <c r="BO29" s="72">
        <v>116</v>
      </c>
      <c r="BP29" s="73">
        <v>157</v>
      </c>
      <c r="BQ29" s="70">
        <v>20</v>
      </c>
      <c r="BR29" s="71">
        <v>9</v>
      </c>
      <c r="BS29" s="72">
        <v>29</v>
      </c>
      <c r="BT29" s="244"/>
      <c r="BU29" s="71">
        <v>28</v>
      </c>
      <c r="BV29" s="71">
        <v>27</v>
      </c>
      <c r="BW29" s="71">
        <v>14</v>
      </c>
      <c r="BX29" s="71">
        <v>13</v>
      </c>
      <c r="BY29" s="71">
        <v>6</v>
      </c>
      <c r="BZ29" s="72">
        <v>88</v>
      </c>
      <c r="CA29" s="73">
        <v>117</v>
      </c>
      <c r="CB29" s="70">
        <v>3</v>
      </c>
      <c r="CC29" s="71">
        <v>0</v>
      </c>
      <c r="CD29" s="72">
        <v>3</v>
      </c>
      <c r="CE29" s="244"/>
      <c r="CF29" s="71">
        <v>5</v>
      </c>
      <c r="CG29" s="71">
        <v>5</v>
      </c>
      <c r="CH29" s="71">
        <v>3</v>
      </c>
      <c r="CI29" s="71">
        <v>2</v>
      </c>
      <c r="CJ29" s="71">
        <v>2</v>
      </c>
      <c r="CK29" s="72">
        <v>17</v>
      </c>
      <c r="CL29" s="73">
        <v>20</v>
      </c>
      <c r="CM29" s="70">
        <v>90</v>
      </c>
      <c r="CN29" s="71">
        <v>63</v>
      </c>
      <c r="CO29" s="72">
        <v>153</v>
      </c>
      <c r="CP29" s="244"/>
      <c r="CQ29" s="71">
        <v>147</v>
      </c>
      <c r="CR29" s="71">
        <v>129</v>
      </c>
      <c r="CS29" s="71">
        <v>87</v>
      </c>
      <c r="CT29" s="71">
        <v>74</v>
      </c>
      <c r="CU29" s="71">
        <v>37</v>
      </c>
      <c r="CV29" s="72">
        <v>474</v>
      </c>
      <c r="CW29" s="73">
        <v>627</v>
      </c>
      <c r="CX29" s="123">
        <v>186</v>
      </c>
      <c r="CY29" s="82">
        <v>187</v>
      </c>
      <c r="CZ29" s="83">
        <v>373</v>
      </c>
      <c r="DA29" s="241"/>
      <c r="DB29" s="82">
        <v>266</v>
      </c>
      <c r="DC29" s="82">
        <v>213</v>
      </c>
      <c r="DD29" s="82">
        <v>168</v>
      </c>
      <c r="DE29" s="82">
        <v>136</v>
      </c>
      <c r="DF29" s="82">
        <v>110</v>
      </c>
      <c r="DG29" s="84">
        <v>893</v>
      </c>
      <c r="DH29" s="85">
        <v>1266</v>
      </c>
      <c r="DI29" s="70">
        <v>5</v>
      </c>
      <c r="DJ29" s="71">
        <v>6</v>
      </c>
      <c r="DK29" s="72">
        <v>11</v>
      </c>
      <c r="DL29" s="244"/>
      <c r="DM29" s="71">
        <v>8</v>
      </c>
      <c r="DN29" s="71">
        <v>2</v>
      </c>
      <c r="DO29" s="71">
        <v>4</v>
      </c>
      <c r="DP29" s="71">
        <v>3</v>
      </c>
      <c r="DQ29" s="71">
        <v>2</v>
      </c>
      <c r="DR29" s="72">
        <v>19</v>
      </c>
      <c r="DS29" s="73">
        <v>30</v>
      </c>
      <c r="DT29" s="70">
        <v>12</v>
      </c>
      <c r="DU29" s="71">
        <v>11</v>
      </c>
      <c r="DV29" s="72">
        <v>23</v>
      </c>
      <c r="DW29" s="244"/>
      <c r="DX29" s="71">
        <v>12</v>
      </c>
      <c r="DY29" s="71">
        <v>11</v>
      </c>
      <c r="DZ29" s="71">
        <v>4</v>
      </c>
      <c r="EA29" s="71">
        <v>4</v>
      </c>
      <c r="EB29" s="71">
        <v>6</v>
      </c>
      <c r="EC29" s="72">
        <v>37</v>
      </c>
      <c r="ED29" s="73">
        <v>60</v>
      </c>
      <c r="EE29" s="70">
        <v>20</v>
      </c>
      <c r="EF29" s="71">
        <v>22</v>
      </c>
      <c r="EG29" s="72">
        <v>42</v>
      </c>
      <c r="EH29" s="244"/>
      <c r="EI29" s="71">
        <v>34</v>
      </c>
      <c r="EJ29" s="71">
        <v>22</v>
      </c>
      <c r="EK29" s="71">
        <v>15</v>
      </c>
      <c r="EL29" s="71">
        <v>18</v>
      </c>
      <c r="EM29" s="71">
        <v>6</v>
      </c>
      <c r="EN29" s="72">
        <v>95</v>
      </c>
      <c r="EO29" s="73">
        <v>137</v>
      </c>
      <c r="EP29" s="70">
        <v>58</v>
      </c>
      <c r="EQ29" s="71">
        <v>50</v>
      </c>
      <c r="ER29" s="72">
        <v>108</v>
      </c>
      <c r="ES29" s="244"/>
      <c r="ET29" s="71">
        <v>54</v>
      </c>
      <c r="EU29" s="71">
        <v>41</v>
      </c>
      <c r="EV29" s="71">
        <v>41</v>
      </c>
      <c r="EW29" s="71">
        <v>13</v>
      </c>
      <c r="EX29" s="71">
        <v>18</v>
      </c>
      <c r="EY29" s="72">
        <v>167</v>
      </c>
      <c r="EZ29" s="73">
        <v>275</v>
      </c>
      <c r="FA29" s="70">
        <v>59</v>
      </c>
      <c r="FB29" s="71">
        <v>57</v>
      </c>
      <c r="FC29" s="72">
        <v>116</v>
      </c>
      <c r="FD29" s="244"/>
      <c r="FE29" s="71">
        <v>79</v>
      </c>
      <c r="FF29" s="71">
        <v>52</v>
      </c>
      <c r="FG29" s="71">
        <v>40</v>
      </c>
      <c r="FH29" s="71">
        <v>31</v>
      </c>
      <c r="FI29" s="71">
        <v>24</v>
      </c>
      <c r="FJ29" s="72">
        <v>226</v>
      </c>
      <c r="FK29" s="73">
        <v>342</v>
      </c>
      <c r="FL29" s="70">
        <v>32</v>
      </c>
      <c r="FM29" s="71">
        <v>41</v>
      </c>
      <c r="FN29" s="72">
        <v>73</v>
      </c>
      <c r="FO29" s="244"/>
      <c r="FP29" s="71">
        <v>79</v>
      </c>
      <c r="FQ29" s="71">
        <v>85</v>
      </c>
      <c r="FR29" s="71">
        <v>64</v>
      </c>
      <c r="FS29" s="71">
        <v>67</v>
      </c>
      <c r="FT29" s="71">
        <v>54</v>
      </c>
      <c r="FU29" s="72">
        <v>349</v>
      </c>
      <c r="FV29" s="73">
        <v>422</v>
      </c>
      <c r="FW29" s="70">
        <v>0</v>
      </c>
      <c r="FX29" s="71">
        <v>1</v>
      </c>
      <c r="FY29" s="72">
        <v>1</v>
      </c>
      <c r="FZ29" s="244"/>
      <c r="GA29" s="71">
        <v>6</v>
      </c>
      <c r="GB29" s="71">
        <v>2</v>
      </c>
      <c r="GC29" s="71">
        <v>2</v>
      </c>
      <c r="GD29" s="71">
        <v>4</v>
      </c>
      <c r="GE29" s="71">
        <v>2</v>
      </c>
      <c r="GF29" s="72">
        <v>16</v>
      </c>
      <c r="GG29" s="73">
        <v>17</v>
      </c>
      <c r="GH29" s="70">
        <v>186</v>
      </c>
      <c r="GI29" s="71">
        <v>188</v>
      </c>
      <c r="GJ29" s="72">
        <v>374</v>
      </c>
      <c r="GK29" s="244"/>
      <c r="GL29" s="71">
        <v>272</v>
      </c>
      <c r="GM29" s="71">
        <v>215</v>
      </c>
      <c r="GN29" s="71">
        <v>170</v>
      </c>
      <c r="GO29" s="71">
        <v>140</v>
      </c>
      <c r="GP29" s="71">
        <v>112</v>
      </c>
      <c r="GQ29" s="72">
        <v>909</v>
      </c>
      <c r="GR29" s="73">
        <v>1283</v>
      </c>
      <c r="GS29" s="123">
        <v>273</v>
      </c>
      <c r="GT29" s="82">
        <v>250</v>
      </c>
      <c r="GU29" s="83">
        <v>523</v>
      </c>
      <c r="GV29" s="241"/>
      <c r="GW29" s="82">
        <v>408</v>
      </c>
      <c r="GX29" s="82">
        <v>337</v>
      </c>
      <c r="GY29" s="82">
        <v>252</v>
      </c>
      <c r="GZ29" s="82">
        <v>208</v>
      </c>
      <c r="HA29" s="82">
        <v>145</v>
      </c>
      <c r="HB29" s="84">
        <v>1350</v>
      </c>
      <c r="HC29" s="85">
        <v>1873</v>
      </c>
      <c r="HD29" s="70">
        <v>7</v>
      </c>
      <c r="HE29" s="71">
        <v>9</v>
      </c>
      <c r="HF29" s="72">
        <v>16</v>
      </c>
      <c r="HG29" s="244"/>
      <c r="HH29" s="71">
        <v>15</v>
      </c>
      <c r="HI29" s="71">
        <v>5</v>
      </c>
      <c r="HJ29" s="71">
        <v>9</v>
      </c>
      <c r="HK29" s="71">
        <v>6</v>
      </c>
      <c r="HL29" s="71">
        <v>5</v>
      </c>
      <c r="HM29" s="72">
        <v>40</v>
      </c>
      <c r="HN29" s="73">
        <v>56</v>
      </c>
      <c r="HO29" s="70">
        <v>20</v>
      </c>
      <c r="HP29" s="71">
        <v>17</v>
      </c>
      <c r="HQ29" s="72">
        <v>37</v>
      </c>
      <c r="HR29" s="244"/>
      <c r="HS29" s="71">
        <v>22</v>
      </c>
      <c r="HT29" s="71">
        <v>22</v>
      </c>
      <c r="HU29" s="71">
        <v>12</v>
      </c>
      <c r="HV29" s="71">
        <v>10</v>
      </c>
      <c r="HW29" s="71">
        <v>12</v>
      </c>
      <c r="HX29" s="72">
        <v>78</v>
      </c>
      <c r="HY29" s="73">
        <v>115</v>
      </c>
      <c r="HZ29" s="70">
        <v>30</v>
      </c>
      <c r="IA29" s="71">
        <v>32</v>
      </c>
      <c r="IB29" s="72">
        <v>62</v>
      </c>
      <c r="IC29" s="244"/>
      <c r="ID29" s="71">
        <v>51</v>
      </c>
      <c r="IE29" s="71">
        <v>36</v>
      </c>
      <c r="IF29" s="71">
        <v>32</v>
      </c>
      <c r="IG29" s="71">
        <v>29</v>
      </c>
      <c r="IH29" s="71">
        <v>11</v>
      </c>
      <c r="II29" s="72">
        <v>159</v>
      </c>
      <c r="IJ29" s="73">
        <v>221</v>
      </c>
      <c r="IK29" s="70">
        <v>85</v>
      </c>
      <c r="IL29" s="71">
        <v>64</v>
      </c>
      <c r="IM29" s="72">
        <v>149</v>
      </c>
      <c r="IN29" s="244"/>
      <c r="IO29" s="71">
        <v>104</v>
      </c>
      <c r="IP29" s="71">
        <v>76</v>
      </c>
      <c r="IQ29" s="71">
        <v>59</v>
      </c>
      <c r="IR29" s="71">
        <v>31</v>
      </c>
      <c r="IS29" s="71">
        <v>24</v>
      </c>
      <c r="IT29" s="72">
        <v>294</v>
      </c>
      <c r="IU29" s="73">
        <v>443</v>
      </c>
      <c r="IV29" s="70">
        <v>79</v>
      </c>
      <c r="IW29" s="71">
        <v>78</v>
      </c>
      <c r="IX29" s="72">
        <v>157</v>
      </c>
      <c r="IY29" s="244"/>
      <c r="IZ29" s="71">
        <v>109</v>
      </c>
      <c r="JA29" s="71">
        <v>86</v>
      </c>
      <c r="JB29" s="71">
        <v>62</v>
      </c>
      <c r="JC29" s="71">
        <v>52</v>
      </c>
      <c r="JD29" s="71">
        <v>33</v>
      </c>
      <c r="JE29" s="72">
        <v>342</v>
      </c>
      <c r="JF29" s="73">
        <v>499</v>
      </c>
      <c r="JG29" s="70">
        <v>52</v>
      </c>
      <c r="JH29" s="71">
        <v>50</v>
      </c>
      <c r="JI29" s="72">
        <v>102</v>
      </c>
      <c r="JJ29" s="244"/>
      <c r="JK29" s="71">
        <v>107</v>
      </c>
      <c r="JL29" s="71">
        <v>112</v>
      </c>
      <c r="JM29" s="71">
        <v>78</v>
      </c>
      <c r="JN29" s="71">
        <v>80</v>
      </c>
      <c r="JO29" s="71">
        <v>60</v>
      </c>
      <c r="JP29" s="72">
        <v>437</v>
      </c>
      <c r="JQ29" s="73">
        <v>539</v>
      </c>
      <c r="JR29" s="70">
        <v>3</v>
      </c>
      <c r="JS29" s="71">
        <v>1</v>
      </c>
      <c r="JT29" s="72">
        <v>4</v>
      </c>
      <c r="JU29" s="244"/>
      <c r="JV29" s="71">
        <v>11</v>
      </c>
      <c r="JW29" s="71">
        <v>7</v>
      </c>
      <c r="JX29" s="71">
        <v>5</v>
      </c>
      <c r="JY29" s="71">
        <v>6</v>
      </c>
      <c r="JZ29" s="71">
        <v>4</v>
      </c>
      <c r="KA29" s="72">
        <v>33</v>
      </c>
      <c r="KB29" s="73">
        <v>37</v>
      </c>
      <c r="KC29" s="70">
        <v>276</v>
      </c>
      <c r="KD29" s="71">
        <v>251</v>
      </c>
      <c r="KE29" s="72">
        <v>527</v>
      </c>
      <c r="KF29" s="244"/>
      <c r="KG29" s="71">
        <v>419</v>
      </c>
      <c r="KH29" s="71">
        <v>344</v>
      </c>
      <c r="KI29" s="71">
        <v>257</v>
      </c>
      <c r="KJ29" s="71">
        <v>214</v>
      </c>
      <c r="KK29" s="71">
        <v>149</v>
      </c>
      <c r="KL29" s="72">
        <v>1383</v>
      </c>
      <c r="KM29" s="73">
        <v>1910</v>
      </c>
    </row>
    <row r="30" spans="2:299" ht="21" customHeight="1" x14ac:dyDescent="0.2">
      <c r="B30" s="126" t="s">
        <v>27</v>
      </c>
      <c r="C30" s="315">
        <v>86</v>
      </c>
      <c r="D30" s="82">
        <v>110</v>
      </c>
      <c r="E30" s="83">
        <v>196</v>
      </c>
      <c r="F30" s="241"/>
      <c r="G30" s="82">
        <v>101</v>
      </c>
      <c r="H30" s="82">
        <v>91</v>
      </c>
      <c r="I30" s="82">
        <v>75</v>
      </c>
      <c r="J30" s="82">
        <v>69</v>
      </c>
      <c r="K30" s="82">
        <v>32</v>
      </c>
      <c r="L30" s="84">
        <v>368</v>
      </c>
      <c r="M30" s="85">
        <v>564</v>
      </c>
      <c r="N30" s="70">
        <v>2</v>
      </c>
      <c r="O30" s="71">
        <v>4</v>
      </c>
      <c r="P30" s="72">
        <v>6</v>
      </c>
      <c r="Q30" s="244"/>
      <c r="R30" s="71">
        <v>2</v>
      </c>
      <c r="S30" s="71">
        <v>3</v>
      </c>
      <c r="T30" s="71">
        <v>2</v>
      </c>
      <c r="U30" s="71">
        <v>1</v>
      </c>
      <c r="V30" s="71">
        <v>0</v>
      </c>
      <c r="W30" s="72">
        <v>8</v>
      </c>
      <c r="X30" s="73">
        <v>14</v>
      </c>
      <c r="Y30" s="70">
        <v>7</v>
      </c>
      <c r="Z30" s="71">
        <v>3</v>
      </c>
      <c r="AA30" s="72">
        <v>10</v>
      </c>
      <c r="AB30" s="244"/>
      <c r="AC30" s="71">
        <v>8</v>
      </c>
      <c r="AD30" s="71">
        <v>16</v>
      </c>
      <c r="AE30" s="71">
        <v>7</v>
      </c>
      <c r="AF30" s="71">
        <v>12</v>
      </c>
      <c r="AG30" s="71">
        <v>2</v>
      </c>
      <c r="AH30" s="72">
        <v>45</v>
      </c>
      <c r="AI30" s="73">
        <v>55</v>
      </c>
      <c r="AJ30" s="70">
        <v>21</v>
      </c>
      <c r="AK30" s="71">
        <v>22</v>
      </c>
      <c r="AL30" s="72">
        <v>43</v>
      </c>
      <c r="AM30" s="244"/>
      <c r="AN30" s="71">
        <v>13</v>
      </c>
      <c r="AO30" s="71">
        <v>17</v>
      </c>
      <c r="AP30" s="71">
        <v>12</v>
      </c>
      <c r="AQ30" s="71">
        <v>7</v>
      </c>
      <c r="AR30" s="71">
        <v>5</v>
      </c>
      <c r="AS30" s="72">
        <v>54</v>
      </c>
      <c r="AT30" s="73">
        <v>97</v>
      </c>
      <c r="AU30" s="70">
        <v>20</v>
      </c>
      <c r="AV30" s="71">
        <v>27</v>
      </c>
      <c r="AW30" s="72">
        <v>47</v>
      </c>
      <c r="AX30" s="244"/>
      <c r="AY30" s="71">
        <v>26</v>
      </c>
      <c r="AZ30" s="71">
        <v>15</v>
      </c>
      <c r="BA30" s="71">
        <v>17</v>
      </c>
      <c r="BB30" s="71">
        <v>16</v>
      </c>
      <c r="BC30" s="71">
        <v>7</v>
      </c>
      <c r="BD30" s="72">
        <v>81</v>
      </c>
      <c r="BE30" s="73">
        <v>128</v>
      </c>
      <c r="BF30" s="70">
        <v>19</v>
      </c>
      <c r="BG30" s="71">
        <v>31</v>
      </c>
      <c r="BH30" s="72">
        <v>50</v>
      </c>
      <c r="BI30" s="244"/>
      <c r="BJ30" s="71">
        <v>30</v>
      </c>
      <c r="BK30" s="71">
        <v>18</v>
      </c>
      <c r="BL30" s="71">
        <v>22</v>
      </c>
      <c r="BM30" s="71">
        <v>17</v>
      </c>
      <c r="BN30" s="71">
        <v>11</v>
      </c>
      <c r="BO30" s="72">
        <v>98</v>
      </c>
      <c r="BP30" s="73">
        <v>148</v>
      </c>
      <c r="BQ30" s="70">
        <v>17</v>
      </c>
      <c r="BR30" s="71">
        <v>23</v>
      </c>
      <c r="BS30" s="72">
        <v>40</v>
      </c>
      <c r="BT30" s="244"/>
      <c r="BU30" s="71">
        <v>22</v>
      </c>
      <c r="BV30" s="71">
        <v>22</v>
      </c>
      <c r="BW30" s="71">
        <v>15</v>
      </c>
      <c r="BX30" s="71">
        <v>16</v>
      </c>
      <c r="BY30" s="71">
        <v>7</v>
      </c>
      <c r="BZ30" s="72">
        <v>82</v>
      </c>
      <c r="CA30" s="73">
        <v>122</v>
      </c>
      <c r="CB30" s="70">
        <v>2</v>
      </c>
      <c r="CC30" s="71">
        <v>1</v>
      </c>
      <c r="CD30" s="72">
        <v>3</v>
      </c>
      <c r="CE30" s="244"/>
      <c r="CF30" s="71">
        <v>3</v>
      </c>
      <c r="CG30" s="71">
        <v>2</v>
      </c>
      <c r="CH30" s="71">
        <v>6</v>
      </c>
      <c r="CI30" s="71">
        <v>1</v>
      </c>
      <c r="CJ30" s="71">
        <v>4</v>
      </c>
      <c r="CK30" s="72">
        <v>16</v>
      </c>
      <c r="CL30" s="73">
        <v>19</v>
      </c>
      <c r="CM30" s="70">
        <v>88</v>
      </c>
      <c r="CN30" s="71">
        <v>111</v>
      </c>
      <c r="CO30" s="72">
        <v>199</v>
      </c>
      <c r="CP30" s="244"/>
      <c r="CQ30" s="71">
        <v>104</v>
      </c>
      <c r="CR30" s="71">
        <v>93</v>
      </c>
      <c r="CS30" s="71">
        <v>81</v>
      </c>
      <c r="CT30" s="71">
        <v>70</v>
      </c>
      <c r="CU30" s="71">
        <v>36</v>
      </c>
      <c r="CV30" s="72">
        <v>384</v>
      </c>
      <c r="CW30" s="73">
        <v>583</v>
      </c>
      <c r="CX30" s="123">
        <v>252</v>
      </c>
      <c r="CY30" s="82">
        <v>184</v>
      </c>
      <c r="CZ30" s="83">
        <v>436</v>
      </c>
      <c r="DA30" s="241"/>
      <c r="DB30" s="82">
        <v>214</v>
      </c>
      <c r="DC30" s="82">
        <v>135</v>
      </c>
      <c r="DD30" s="82">
        <v>144</v>
      </c>
      <c r="DE30" s="82">
        <v>143</v>
      </c>
      <c r="DF30" s="82">
        <v>106</v>
      </c>
      <c r="DG30" s="84">
        <v>742</v>
      </c>
      <c r="DH30" s="85">
        <v>1178</v>
      </c>
      <c r="DI30" s="70">
        <v>2</v>
      </c>
      <c r="DJ30" s="71">
        <v>4</v>
      </c>
      <c r="DK30" s="72">
        <v>6</v>
      </c>
      <c r="DL30" s="244"/>
      <c r="DM30" s="71">
        <v>1</v>
      </c>
      <c r="DN30" s="71">
        <v>1</v>
      </c>
      <c r="DO30" s="71">
        <v>2</v>
      </c>
      <c r="DP30" s="71">
        <v>2</v>
      </c>
      <c r="DQ30" s="71">
        <v>2</v>
      </c>
      <c r="DR30" s="72">
        <v>8</v>
      </c>
      <c r="DS30" s="73">
        <v>14</v>
      </c>
      <c r="DT30" s="70">
        <v>16</v>
      </c>
      <c r="DU30" s="71">
        <v>14</v>
      </c>
      <c r="DV30" s="72">
        <v>30</v>
      </c>
      <c r="DW30" s="244"/>
      <c r="DX30" s="71">
        <v>6</v>
      </c>
      <c r="DY30" s="71">
        <v>6</v>
      </c>
      <c r="DZ30" s="71">
        <v>11</v>
      </c>
      <c r="EA30" s="71">
        <v>8</v>
      </c>
      <c r="EB30" s="71">
        <v>0</v>
      </c>
      <c r="EC30" s="72">
        <v>31</v>
      </c>
      <c r="ED30" s="73">
        <v>61</v>
      </c>
      <c r="EE30" s="70">
        <v>32</v>
      </c>
      <c r="EF30" s="71">
        <v>15</v>
      </c>
      <c r="EG30" s="72">
        <v>47</v>
      </c>
      <c r="EH30" s="244"/>
      <c r="EI30" s="71">
        <v>17</v>
      </c>
      <c r="EJ30" s="71">
        <v>14</v>
      </c>
      <c r="EK30" s="71">
        <v>8</v>
      </c>
      <c r="EL30" s="71">
        <v>12</v>
      </c>
      <c r="EM30" s="71">
        <v>11</v>
      </c>
      <c r="EN30" s="72">
        <v>62</v>
      </c>
      <c r="EO30" s="73">
        <v>109</v>
      </c>
      <c r="EP30" s="70">
        <v>69</v>
      </c>
      <c r="EQ30" s="71">
        <v>50</v>
      </c>
      <c r="ER30" s="72">
        <v>119</v>
      </c>
      <c r="ES30" s="244"/>
      <c r="ET30" s="71">
        <v>47</v>
      </c>
      <c r="EU30" s="71">
        <v>24</v>
      </c>
      <c r="EV30" s="71">
        <v>28</v>
      </c>
      <c r="EW30" s="71">
        <v>18</v>
      </c>
      <c r="EX30" s="71">
        <v>23</v>
      </c>
      <c r="EY30" s="72">
        <v>140</v>
      </c>
      <c r="EZ30" s="73">
        <v>259</v>
      </c>
      <c r="FA30" s="70">
        <v>81</v>
      </c>
      <c r="FB30" s="71">
        <v>56</v>
      </c>
      <c r="FC30" s="72">
        <v>137</v>
      </c>
      <c r="FD30" s="244"/>
      <c r="FE30" s="71">
        <v>67</v>
      </c>
      <c r="FF30" s="71">
        <v>39</v>
      </c>
      <c r="FG30" s="71">
        <v>31</v>
      </c>
      <c r="FH30" s="71">
        <v>29</v>
      </c>
      <c r="FI30" s="71">
        <v>31</v>
      </c>
      <c r="FJ30" s="72">
        <v>197</v>
      </c>
      <c r="FK30" s="73">
        <v>334</v>
      </c>
      <c r="FL30" s="70">
        <v>52</v>
      </c>
      <c r="FM30" s="71">
        <v>45</v>
      </c>
      <c r="FN30" s="72">
        <v>97</v>
      </c>
      <c r="FO30" s="244"/>
      <c r="FP30" s="71">
        <v>76</v>
      </c>
      <c r="FQ30" s="71">
        <v>51</v>
      </c>
      <c r="FR30" s="71">
        <v>64</v>
      </c>
      <c r="FS30" s="71">
        <v>74</v>
      </c>
      <c r="FT30" s="71">
        <v>39</v>
      </c>
      <c r="FU30" s="72">
        <v>304</v>
      </c>
      <c r="FV30" s="73">
        <v>401</v>
      </c>
      <c r="FW30" s="70">
        <v>0</v>
      </c>
      <c r="FX30" s="71">
        <v>3</v>
      </c>
      <c r="FY30" s="72">
        <v>3</v>
      </c>
      <c r="FZ30" s="244"/>
      <c r="GA30" s="71">
        <v>4</v>
      </c>
      <c r="GB30" s="71">
        <v>5</v>
      </c>
      <c r="GC30" s="71">
        <v>2</v>
      </c>
      <c r="GD30" s="71">
        <v>1</v>
      </c>
      <c r="GE30" s="71">
        <v>2</v>
      </c>
      <c r="GF30" s="72">
        <v>14</v>
      </c>
      <c r="GG30" s="73">
        <v>17</v>
      </c>
      <c r="GH30" s="70">
        <v>252</v>
      </c>
      <c r="GI30" s="71">
        <v>187</v>
      </c>
      <c r="GJ30" s="72">
        <v>439</v>
      </c>
      <c r="GK30" s="244"/>
      <c r="GL30" s="71">
        <v>218</v>
      </c>
      <c r="GM30" s="71">
        <v>140</v>
      </c>
      <c r="GN30" s="71">
        <v>146</v>
      </c>
      <c r="GO30" s="71">
        <v>144</v>
      </c>
      <c r="GP30" s="71">
        <v>108</v>
      </c>
      <c r="GQ30" s="72">
        <v>756</v>
      </c>
      <c r="GR30" s="73">
        <v>1195</v>
      </c>
      <c r="GS30" s="123">
        <v>338</v>
      </c>
      <c r="GT30" s="82">
        <v>294</v>
      </c>
      <c r="GU30" s="83">
        <v>632</v>
      </c>
      <c r="GV30" s="241"/>
      <c r="GW30" s="82">
        <v>315</v>
      </c>
      <c r="GX30" s="82">
        <v>226</v>
      </c>
      <c r="GY30" s="82">
        <v>219</v>
      </c>
      <c r="GZ30" s="82">
        <v>212</v>
      </c>
      <c r="HA30" s="82">
        <v>138</v>
      </c>
      <c r="HB30" s="84">
        <v>1110</v>
      </c>
      <c r="HC30" s="85">
        <v>1742</v>
      </c>
      <c r="HD30" s="70">
        <v>4</v>
      </c>
      <c r="HE30" s="71">
        <v>8</v>
      </c>
      <c r="HF30" s="72">
        <v>12</v>
      </c>
      <c r="HG30" s="244"/>
      <c r="HH30" s="71">
        <v>3</v>
      </c>
      <c r="HI30" s="71">
        <v>4</v>
      </c>
      <c r="HJ30" s="71">
        <v>4</v>
      </c>
      <c r="HK30" s="71">
        <v>3</v>
      </c>
      <c r="HL30" s="71">
        <v>2</v>
      </c>
      <c r="HM30" s="72">
        <v>16</v>
      </c>
      <c r="HN30" s="73">
        <v>28</v>
      </c>
      <c r="HO30" s="70">
        <v>23</v>
      </c>
      <c r="HP30" s="71">
        <v>17</v>
      </c>
      <c r="HQ30" s="72">
        <v>40</v>
      </c>
      <c r="HR30" s="244"/>
      <c r="HS30" s="71">
        <v>14</v>
      </c>
      <c r="HT30" s="71">
        <v>22</v>
      </c>
      <c r="HU30" s="71">
        <v>18</v>
      </c>
      <c r="HV30" s="71">
        <v>20</v>
      </c>
      <c r="HW30" s="71">
        <v>2</v>
      </c>
      <c r="HX30" s="72">
        <v>76</v>
      </c>
      <c r="HY30" s="73">
        <v>116</v>
      </c>
      <c r="HZ30" s="70">
        <v>53</v>
      </c>
      <c r="IA30" s="71">
        <v>37</v>
      </c>
      <c r="IB30" s="72">
        <v>90</v>
      </c>
      <c r="IC30" s="244"/>
      <c r="ID30" s="71">
        <v>30</v>
      </c>
      <c r="IE30" s="71">
        <v>31</v>
      </c>
      <c r="IF30" s="71">
        <v>20</v>
      </c>
      <c r="IG30" s="71">
        <v>19</v>
      </c>
      <c r="IH30" s="71">
        <v>16</v>
      </c>
      <c r="II30" s="72">
        <v>116</v>
      </c>
      <c r="IJ30" s="73">
        <v>206</v>
      </c>
      <c r="IK30" s="70">
        <v>89</v>
      </c>
      <c r="IL30" s="71">
        <v>77</v>
      </c>
      <c r="IM30" s="72">
        <v>166</v>
      </c>
      <c r="IN30" s="244"/>
      <c r="IO30" s="71">
        <v>73</v>
      </c>
      <c r="IP30" s="71">
        <v>39</v>
      </c>
      <c r="IQ30" s="71">
        <v>45</v>
      </c>
      <c r="IR30" s="71">
        <v>34</v>
      </c>
      <c r="IS30" s="71">
        <v>30</v>
      </c>
      <c r="IT30" s="72">
        <v>221</v>
      </c>
      <c r="IU30" s="73">
        <v>387</v>
      </c>
      <c r="IV30" s="70">
        <v>100</v>
      </c>
      <c r="IW30" s="71">
        <v>87</v>
      </c>
      <c r="IX30" s="72">
        <v>187</v>
      </c>
      <c r="IY30" s="244"/>
      <c r="IZ30" s="71">
        <v>97</v>
      </c>
      <c r="JA30" s="71">
        <v>57</v>
      </c>
      <c r="JB30" s="71">
        <v>53</v>
      </c>
      <c r="JC30" s="71">
        <v>46</v>
      </c>
      <c r="JD30" s="71">
        <v>42</v>
      </c>
      <c r="JE30" s="72">
        <v>295</v>
      </c>
      <c r="JF30" s="73">
        <v>482</v>
      </c>
      <c r="JG30" s="70">
        <v>69</v>
      </c>
      <c r="JH30" s="71">
        <v>68</v>
      </c>
      <c r="JI30" s="72">
        <v>137</v>
      </c>
      <c r="JJ30" s="244"/>
      <c r="JK30" s="71">
        <v>98</v>
      </c>
      <c r="JL30" s="71">
        <v>73</v>
      </c>
      <c r="JM30" s="71">
        <v>79</v>
      </c>
      <c r="JN30" s="71">
        <v>90</v>
      </c>
      <c r="JO30" s="71">
        <v>46</v>
      </c>
      <c r="JP30" s="72">
        <v>386</v>
      </c>
      <c r="JQ30" s="73">
        <v>523</v>
      </c>
      <c r="JR30" s="70">
        <v>2</v>
      </c>
      <c r="JS30" s="71">
        <v>4</v>
      </c>
      <c r="JT30" s="72">
        <v>6</v>
      </c>
      <c r="JU30" s="244"/>
      <c r="JV30" s="71">
        <v>7</v>
      </c>
      <c r="JW30" s="71">
        <v>7</v>
      </c>
      <c r="JX30" s="71">
        <v>8</v>
      </c>
      <c r="JY30" s="71">
        <v>2</v>
      </c>
      <c r="JZ30" s="71">
        <v>6</v>
      </c>
      <c r="KA30" s="72">
        <v>30</v>
      </c>
      <c r="KB30" s="73">
        <v>36</v>
      </c>
      <c r="KC30" s="70">
        <v>340</v>
      </c>
      <c r="KD30" s="71">
        <v>298</v>
      </c>
      <c r="KE30" s="72">
        <v>638</v>
      </c>
      <c r="KF30" s="244"/>
      <c r="KG30" s="71">
        <v>322</v>
      </c>
      <c r="KH30" s="71">
        <v>233</v>
      </c>
      <c r="KI30" s="71">
        <v>227</v>
      </c>
      <c r="KJ30" s="71">
        <v>214</v>
      </c>
      <c r="KK30" s="71">
        <v>144</v>
      </c>
      <c r="KL30" s="72">
        <v>1140</v>
      </c>
      <c r="KM30" s="73">
        <v>1778</v>
      </c>
    </row>
    <row r="31" spans="2:299" ht="21" customHeight="1" x14ac:dyDescent="0.2">
      <c r="B31" s="126" t="s">
        <v>28</v>
      </c>
      <c r="C31" s="315">
        <v>8</v>
      </c>
      <c r="D31" s="82">
        <v>14</v>
      </c>
      <c r="E31" s="83">
        <v>22</v>
      </c>
      <c r="F31" s="241"/>
      <c r="G31" s="82">
        <v>40</v>
      </c>
      <c r="H31" s="82">
        <v>44</v>
      </c>
      <c r="I31" s="82">
        <v>31</v>
      </c>
      <c r="J31" s="82">
        <v>21</v>
      </c>
      <c r="K31" s="82">
        <v>13</v>
      </c>
      <c r="L31" s="84">
        <v>149</v>
      </c>
      <c r="M31" s="85">
        <v>171</v>
      </c>
      <c r="N31" s="70">
        <v>0</v>
      </c>
      <c r="O31" s="71">
        <v>2</v>
      </c>
      <c r="P31" s="72">
        <v>2</v>
      </c>
      <c r="Q31" s="244"/>
      <c r="R31" s="71">
        <v>2</v>
      </c>
      <c r="S31" s="71">
        <v>1</v>
      </c>
      <c r="T31" s="71">
        <v>2</v>
      </c>
      <c r="U31" s="71">
        <v>1</v>
      </c>
      <c r="V31" s="71">
        <v>1</v>
      </c>
      <c r="W31" s="72">
        <v>7</v>
      </c>
      <c r="X31" s="73">
        <v>9</v>
      </c>
      <c r="Y31" s="70">
        <v>0</v>
      </c>
      <c r="Z31" s="71">
        <v>3</v>
      </c>
      <c r="AA31" s="72">
        <v>3</v>
      </c>
      <c r="AB31" s="244"/>
      <c r="AC31" s="71">
        <v>2</v>
      </c>
      <c r="AD31" s="71">
        <v>5</v>
      </c>
      <c r="AE31" s="71">
        <v>5</v>
      </c>
      <c r="AF31" s="71">
        <v>3</v>
      </c>
      <c r="AG31" s="71">
        <v>0</v>
      </c>
      <c r="AH31" s="72">
        <v>15</v>
      </c>
      <c r="AI31" s="73">
        <v>18</v>
      </c>
      <c r="AJ31" s="70">
        <v>0</v>
      </c>
      <c r="AK31" s="71">
        <v>2</v>
      </c>
      <c r="AL31" s="72">
        <v>2</v>
      </c>
      <c r="AM31" s="244"/>
      <c r="AN31" s="71">
        <v>9</v>
      </c>
      <c r="AO31" s="71">
        <v>8</v>
      </c>
      <c r="AP31" s="71">
        <v>6</v>
      </c>
      <c r="AQ31" s="71">
        <v>4</v>
      </c>
      <c r="AR31" s="71">
        <v>2</v>
      </c>
      <c r="AS31" s="72">
        <v>29</v>
      </c>
      <c r="AT31" s="73">
        <v>31</v>
      </c>
      <c r="AU31" s="70">
        <v>3</v>
      </c>
      <c r="AV31" s="71">
        <v>1</v>
      </c>
      <c r="AW31" s="72">
        <v>4</v>
      </c>
      <c r="AX31" s="244"/>
      <c r="AY31" s="71">
        <v>9</v>
      </c>
      <c r="AZ31" s="71">
        <v>13</v>
      </c>
      <c r="BA31" s="71">
        <v>5</v>
      </c>
      <c r="BB31" s="71">
        <v>1</v>
      </c>
      <c r="BC31" s="71">
        <v>2</v>
      </c>
      <c r="BD31" s="72">
        <v>30</v>
      </c>
      <c r="BE31" s="73">
        <v>34</v>
      </c>
      <c r="BF31" s="70">
        <v>4</v>
      </c>
      <c r="BG31" s="71">
        <v>5</v>
      </c>
      <c r="BH31" s="72">
        <v>9</v>
      </c>
      <c r="BI31" s="244"/>
      <c r="BJ31" s="71">
        <v>10</v>
      </c>
      <c r="BK31" s="71">
        <v>6</v>
      </c>
      <c r="BL31" s="71">
        <v>3</v>
      </c>
      <c r="BM31" s="71">
        <v>5</v>
      </c>
      <c r="BN31" s="71">
        <v>3</v>
      </c>
      <c r="BO31" s="72">
        <v>27</v>
      </c>
      <c r="BP31" s="73">
        <v>36</v>
      </c>
      <c r="BQ31" s="70">
        <v>1</v>
      </c>
      <c r="BR31" s="71">
        <v>1</v>
      </c>
      <c r="BS31" s="72">
        <v>2</v>
      </c>
      <c r="BT31" s="244"/>
      <c r="BU31" s="71">
        <v>8</v>
      </c>
      <c r="BV31" s="71">
        <v>11</v>
      </c>
      <c r="BW31" s="71">
        <v>10</v>
      </c>
      <c r="BX31" s="71">
        <v>7</v>
      </c>
      <c r="BY31" s="71">
        <v>5</v>
      </c>
      <c r="BZ31" s="72">
        <v>41</v>
      </c>
      <c r="CA31" s="73">
        <v>43</v>
      </c>
      <c r="CB31" s="70">
        <v>0</v>
      </c>
      <c r="CC31" s="71">
        <v>2</v>
      </c>
      <c r="CD31" s="72">
        <v>2</v>
      </c>
      <c r="CE31" s="244"/>
      <c r="CF31" s="71">
        <v>0</v>
      </c>
      <c r="CG31" s="71">
        <v>1</v>
      </c>
      <c r="CH31" s="71">
        <v>0</v>
      </c>
      <c r="CI31" s="71">
        <v>0</v>
      </c>
      <c r="CJ31" s="71">
        <v>2</v>
      </c>
      <c r="CK31" s="72">
        <v>3</v>
      </c>
      <c r="CL31" s="73">
        <v>5</v>
      </c>
      <c r="CM31" s="70">
        <v>8</v>
      </c>
      <c r="CN31" s="71">
        <v>16</v>
      </c>
      <c r="CO31" s="72">
        <v>24</v>
      </c>
      <c r="CP31" s="244"/>
      <c r="CQ31" s="71">
        <v>40</v>
      </c>
      <c r="CR31" s="71">
        <v>45</v>
      </c>
      <c r="CS31" s="71">
        <v>31</v>
      </c>
      <c r="CT31" s="71">
        <v>21</v>
      </c>
      <c r="CU31" s="71">
        <v>15</v>
      </c>
      <c r="CV31" s="72">
        <v>152</v>
      </c>
      <c r="CW31" s="73">
        <v>176</v>
      </c>
      <c r="CX31" s="123">
        <v>20</v>
      </c>
      <c r="CY31" s="82">
        <v>35</v>
      </c>
      <c r="CZ31" s="83">
        <v>55</v>
      </c>
      <c r="DA31" s="241"/>
      <c r="DB31" s="82">
        <v>56</v>
      </c>
      <c r="DC31" s="82">
        <v>68</v>
      </c>
      <c r="DD31" s="82">
        <v>52</v>
      </c>
      <c r="DE31" s="82">
        <v>54</v>
      </c>
      <c r="DF31" s="82">
        <v>30</v>
      </c>
      <c r="DG31" s="84">
        <v>260</v>
      </c>
      <c r="DH31" s="85">
        <v>315</v>
      </c>
      <c r="DI31" s="70">
        <v>4</v>
      </c>
      <c r="DJ31" s="71">
        <v>2</v>
      </c>
      <c r="DK31" s="72">
        <v>6</v>
      </c>
      <c r="DL31" s="244"/>
      <c r="DM31" s="71">
        <v>1</v>
      </c>
      <c r="DN31" s="71">
        <v>2</v>
      </c>
      <c r="DO31" s="71">
        <v>1</v>
      </c>
      <c r="DP31" s="71">
        <v>0</v>
      </c>
      <c r="DQ31" s="71">
        <v>0</v>
      </c>
      <c r="DR31" s="72">
        <v>4</v>
      </c>
      <c r="DS31" s="73">
        <v>10</v>
      </c>
      <c r="DT31" s="70">
        <v>1</v>
      </c>
      <c r="DU31" s="71">
        <v>4</v>
      </c>
      <c r="DV31" s="72">
        <v>5</v>
      </c>
      <c r="DW31" s="244"/>
      <c r="DX31" s="71">
        <v>1</v>
      </c>
      <c r="DY31" s="71">
        <v>4</v>
      </c>
      <c r="DZ31" s="71">
        <v>1</v>
      </c>
      <c r="EA31" s="71">
        <v>3</v>
      </c>
      <c r="EB31" s="71">
        <v>0</v>
      </c>
      <c r="EC31" s="72">
        <v>9</v>
      </c>
      <c r="ED31" s="73">
        <v>14</v>
      </c>
      <c r="EE31" s="70">
        <v>4</v>
      </c>
      <c r="EF31" s="71">
        <v>4</v>
      </c>
      <c r="EG31" s="72">
        <v>8</v>
      </c>
      <c r="EH31" s="244"/>
      <c r="EI31" s="71">
        <v>11</v>
      </c>
      <c r="EJ31" s="71">
        <v>9</v>
      </c>
      <c r="EK31" s="71">
        <v>6</v>
      </c>
      <c r="EL31" s="71">
        <v>2</v>
      </c>
      <c r="EM31" s="71">
        <v>3</v>
      </c>
      <c r="EN31" s="72">
        <v>31</v>
      </c>
      <c r="EO31" s="73">
        <v>39</v>
      </c>
      <c r="EP31" s="70">
        <v>8</v>
      </c>
      <c r="EQ31" s="71">
        <v>12</v>
      </c>
      <c r="ER31" s="72">
        <v>20</v>
      </c>
      <c r="ES31" s="244"/>
      <c r="ET31" s="71">
        <v>11</v>
      </c>
      <c r="EU31" s="71">
        <v>17</v>
      </c>
      <c r="EV31" s="71">
        <v>10</v>
      </c>
      <c r="EW31" s="71">
        <v>6</v>
      </c>
      <c r="EX31" s="71">
        <v>10</v>
      </c>
      <c r="EY31" s="72">
        <v>54</v>
      </c>
      <c r="EZ31" s="73">
        <v>74</v>
      </c>
      <c r="FA31" s="70">
        <v>3</v>
      </c>
      <c r="FB31" s="71">
        <v>8</v>
      </c>
      <c r="FC31" s="72">
        <v>11</v>
      </c>
      <c r="FD31" s="244"/>
      <c r="FE31" s="71">
        <v>15</v>
      </c>
      <c r="FF31" s="71">
        <v>25</v>
      </c>
      <c r="FG31" s="71">
        <v>10</v>
      </c>
      <c r="FH31" s="71">
        <v>21</v>
      </c>
      <c r="FI31" s="71">
        <v>7</v>
      </c>
      <c r="FJ31" s="72">
        <v>78</v>
      </c>
      <c r="FK31" s="73">
        <v>89</v>
      </c>
      <c r="FL31" s="70">
        <v>0</v>
      </c>
      <c r="FM31" s="71">
        <v>5</v>
      </c>
      <c r="FN31" s="72">
        <v>5</v>
      </c>
      <c r="FO31" s="244"/>
      <c r="FP31" s="71">
        <v>17</v>
      </c>
      <c r="FQ31" s="71">
        <v>11</v>
      </c>
      <c r="FR31" s="71">
        <v>24</v>
      </c>
      <c r="FS31" s="71">
        <v>22</v>
      </c>
      <c r="FT31" s="71">
        <v>10</v>
      </c>
      <c r="FU31" s="72">
        <v>84</v>
      </c>
      <c r="FV31" s="73">
        <v>89</v>
      </c>
      <c r="FW31" s="70">
        <v>1</v>
      </c>
      <c r="FX31" s="71">
        <v>1</v>
      </c>
      <c r="FY31" s="72">
        <v>2</v>
      </c>
      <c r="FZ31" s="244"/>
      <c r="GA31" s="71">
        <v>0</v>
      </c>
      <c r="GB31" s="71">
        <v>1</v>
      </c>
      <c r="GC31" s="71">
        <v>0</v>
      </c>
      <c r="GD31" s="71">
        <v>0</v>
      </c>
      <c r="GE31" s="71">
        <v>2</v>
      </c>
      <c r="GF31" s="72">
        <v>3</v>
      </c>
      <c r="GG31" s="73">
        <v>5</v>
      </c>
      <c r="GH31" s="70">
        <v>21</v>
      </c>
      <c r="GI31" s="71">
        <v>36</v>
      </c>
      <c r="GJ31" s="72">
        <v>57</v>
      </c>
      <c r="GK31" s="244"/>
      <c r="GL31" s="71">
        <v>56</v>
      </c>
      <c r="GM31" s="71">
        <v>69</v>
      </c>
      <c r="GN31" s="71">
        <v>52</v>
      </c>
      <c r="GO31" s="71">
        <v>54</v>
      </c>
      <c r="GP31" s="71">
        <v>32</v>
      </c>
      <c r="GQ31" s="72">
        <v>263</v>
      </c>
      <c r="GR31" s="73">
        <v>320</v>
      </c>
      <c r="GS31" s="123">
        <v>28</v>
      </c>
      <c r="GT31" s="82">
        <v>49</v>
      </c>
      <c r="GU31" s="83">
        <v>77</v>
      </c>
      <c r="GV31" s="241"/>
      <c r="GW31" s="82">
        <v>96</v>
      </c>
      <c r="GX31" s="82">
        <v>112</v>
      </c>
      <c r="GY31" s="82">
        <v>83</v>
      </c>
      <c r="GZ31" s="82">
        <v>75</v>
      </c>
      <c r="HA31" s="82">
        <v>43</v>
      </c>
      <c r="HB31" s="84">
        <v>409</v>
      </c>
      <c r="HC31" s="85">
        <v>486</v>
      </c>
      <c r="HD31" s="70">
        <v>4</v>
      </c>
      <c r="HE31" s="71">
        <v>4</v>
      </c>
      <c r="HF31" s="72">
        <v>8</v>
      </c>
      <c r="HG31" s="244"/>
      <c r="HH31" s="71">
        <v>3</v>
      </c>
      <c r="HI31" s="71">
        <v>3</v>
      </c>
      <c r="HJ31" s="71">
        <v>3</v>
      </c>
      <c r="HK31" s="71">
        <v>1</v>
      </c>
      <c r="HL31" s="71">
        <v>1</v>
      </c>
      <c r="HM31" s="72">
        <v>11</v>
      </c>
      <c r="HN31" s="73">
        <v>19</v>
      </c>
      <c r="HO31" s="70">
        <v>1</v>
      </c>
      <c r="HP31" s="71">
        <v>7</v>
      </c>
      <c r="HQ31" s="72">
        <v>8</v>
      </c>
      <c r="HR31" s="244"/>
      <c r="HS31" s="71">
        <v>3</v>
      </c>
      <c r="HT31" s="71">
        <v>9</v>
      </c>
      <c r="HU31" s="71">
        <v>6</v>
      </c>
      <c r="HV31" s="71">
        <v>6</v>
      </c>
      <c r="HW31" s="71">
        <v>0</v>
      </c>
      <c r="HX31" s="72">
        <v>24</v>
      </c>
      <c r="HY31" s="73">
        <v>32</v>
      </c>
      <c r="HZ31" s="70">
        <v>4</v>
      </c>
      <c r="IA31" s="71">
        <v>6</v>
      </c>
      <c r="IB31" s="72">
        <v>10</v>
      </c>
      <c r="IC31" s="244"/>
      <c r="ID31" s="71">
        <v>20</v>
      </c>
      <c r="IE31" s="71">
        <v>17</v>
      </c>
      <c r="IF31" s="71">
        <v>12</v>
      </c>
      <c r="IG31" s="71">
        <v>6</v>
      </c>
      <c r="IH31" s="71">
        <v>5</v>
      </c>
      <c r="II31" s="72">
        <v>60</v>
      </c>
      <c r="IJ31" s="73">
        <v>70</v>
      </c>
      <c r="IK31" s="70">
        <v>11</v>
      </c>
      <c r="IL31" s="71">
        <v>13</v>
      </c>
      <c r="IM31" s="72">
        <v>24</v>
      </c>
      <c r="IN31" s="244"/>
      <c r="IO31" s="71">
        <v>20</v>
      </c>
      <c r="IP31" s="71">
        <v>30</v>
      </c>
      <c r="IQ31" s="71">
        <v>15</v>
      </c>
      <c r="IR31" s="71">
        <v>7</v>
      </c>
      <c r="IS31" s="71">
        <v>12</v>
      </c>
      <c r="IT31" s="72">
        <v>84</v>
      </c>
      <c r="IU31" s="73">
        <v>108</v>
      </c>
      <c r="IV31" s="70">
        <v>7</v>
      </c>
      <c r="IW31" s="71">
        <v>13</v>
      </c>
      <c r="IX31" s="72">
        <v>20</v>
      </c>
      <c r="IY31" s="244"/>
      <c r="IZ31" s="71">
        <v>25</v>
      </c>
      <c r="JA31" s="71">
        <v>31</v>
      </c>
      <c r="JB31" s="71">
        <v>13</v>
      </c>
      <c r="JC31" s="71">
        <v>26</v>
      </c>
      <c r="JD31" s="71">
        <v>10</v>
      </c>
      <c r="JE31" s="72">
        <v>105</v>
      </c>
      <c r="JF31" s="73">
        <v>125</v>
      </c>
      <c r="JG31" s="70">
        <v>1</v>
      </c>
      <c r="JH31" s="71">
        <v>6</v>
      </c>
      <c r="JI31" s="72">
        <v>7</v>
      </c>
      <c r="JJ31" s="244"/>
      <c r="JK31" s="71">
        <v>25</v>
      </c>
      <c r="JL31" s="71">
        <v>22</v>
      </c>
      <c r="JM31" s="71">
        <v>34</v>
      </c>
      <c r="JN31" s="71">
        <v>29</v>
      </c>
      <c r="JO31" s="71">
        <v>15</v>
      </c>
      <c r="JP31" s="72">
        <v>125</v>
      </c>
      <c r="JQ31" s="73">
        <v>132</v>
      </c>
      <c r="JR31" s="70">
        <v>1</v>
      </c>
      <c r="JS31" s="71">
        <v>3</v>
      </c>
      <c r="JT31" s="72">
        <v>4</v>
      </c>
      <c r="JU31" s="244"/>
      <c r="JV31" s="71">
        <v>0</v>
      </c>
      <c r="JW31" s="71">
        <v>2</v>
      </c>
      <c r="JX31" s="71">
        <v>0</v>
      </c>
      <c r="JY31" s="71">
        <v>0</v>
      </c>
      <c r="JZ31" s="71">
        <v>4</v>
      </c>
      <c r="KA31" s="72">
        <v>6</v>
      </c>
      <c r="KB31" s="73">
        <v>10</v>
      </c>
      <c r="KC31" s="70">
        <v>29</v>
      </c>
      <c r="KD31" s="71">
        <v>52</v>
      </c>
      <c r="KE31" s="72">
        <v>81</v>
      </c>
      <c r="KF31" s="244"/>
      <c r="KG31" s="71">
        <v>96</v>
      </c>
      <c r="KH31" s="71">
        <v>114</v>
      </c>
      <c r="KI31" s="71">
        <v>83</v>
      </c>
      <c r="KJ31" s="71">
        <v>75</v>
      </c>
      <c r="KK31" s="71">
        <v>47</v>
      </c>
      <c r="KL31" s="72">
        <v>415</v>
      </c>
      <c r="KM31" s="73">
        <v>496</v>
      </c>
    </row>
    <row r="32" spans="2:299" ht="21" customHeight="1" x14ac:dyDescent="0.2">
      <c r="B32" s="126" t="s">
        <v>29</v>
      </c>
      <c r="C32" s="315">
        <v>32</v>
      </c>
      <c r="D32" s="82">
        <v>28</v>
      </c>
      <c r="E32" s="83">
        <v>60</v>
      </c>
      <c r="F32" s="241"/>
      <c r="G32" s="82">
        <v>50</v>
      </c>
      <c r="H32" s="82">
        <v>45</v>
      </c>
      <c r="I32" s="82">
        <v>38</v>
      </c>
      <c r="J32" s="82">
        <v>40</v>
      </c>
      <c r="K32" s="82">
        <v>14</v>
      </c>
      <c r="L32" s="84">
        <v>187</v>
      </c>
      <c r="M32" s="85">
        <v>247</v>
      </c>
      <c r="N32" s="70">
        <v>3</v>
      </c>
      <c r="O32" s="71">
        <v>0</v>
      </c>
      <c r="P32" s="72">
        <v>3</v>
      </c>
      <c r="Q32" s="244"/>
      <c r="R32" s="71">
        <v>4</v>
      </c>
      <c r="S32" s="71">
        <v>0</v>
      </c>
      <c r="T32" s="71">
        <v>3</v>
      </c>
      <c r="U32" s="71">
        <v>1</v>
      </c>
      <c r="V32" s="71">
        <v>0</v>
      </c>
      <c r="W32" s="72">
        <v>8</v>
      </c>
      <c r="X32" s="73">
        <v>11</v>
      </c>
      <c r="Y32" s="70">
        <v>4</v>
      </c>
      <c r="Z32" s="71">
        <v>5</v>
      </c>
      <c r="AA32" s="72">
        <v>9</v>
      </c>
      <c r="AB32" s="244"/>
      <c r="AC32" s="71">
        <v>10</v>
      </c>
      <c r="AD32" s="71">
        <v>4</v>
      </c>
      <c r="AE32" s="71">
        <v>4</v>
      </c>
      <c r="AF32" s="71">
        <v>4</v>
      </c>
      <c r="AG32" s="71">
        <v>2</v>
      </c>
      <c r="AH32" s="72">
        <v>24</v>
      </c>
      <c r="AI32" s="73">
        <v>33</v>
      </c>
      <c r="AJ32" s="70">
        <v>5</v>
      </c>
      <c r="AK32" s="71">
        <v>3</v>
      </c>
      <c r="AL32" s="72">
        <v>8</v>
      </c>
      <c r="AM32" s="244"/>
      <c r="AN32" s="71">
        <v>12</v>
      </c>
      <c r="AO32" s="71">
        <v>10</v>
      </c>
      <c r="AP32" s="71">
        <v>6</v>
      </c>
      <c r="AQ32" s="71">
        <v>6</v>
      </c>
      <c r="AR32" s="71">
        <v>1</v>
      </c>
      <c r="AS32" s="72">
        <v>35</v>
      </c>
      <c r="AT32" s="73">
        <v>43</v>
      </c>
      <c r="AU32" s="70">
        <v>8</v>
      </c>
      <c r="AV32" s="71">
        <v>9</v>
      </c>
      <c r="AW32" s="72">
        <v>17</v>
      </c>
      <c r="AX32" s="244"/>
      <c r="AY32" s="71">
        <v>5</v>
      </c>
      <c r="AZ32" s="71">
        <v>10</v>
      </c>
      <c r="BA32" s="71">
        <v>9</v>
      </c>
      <c r="BB32" s="71">
        <v>9</v>
      </c>
      <c r="BC32" s="71">
        <v>6</v>
      </c>
      <c r="BD32" s="72">
        <v>39</v>
      </c>
      <c r="BE32" s="73">
        <v>56</v>
      </c>
      <c r="BF32" s="70">
        <v>5</v>
      </c>
      <c r="BG32" s="71">
        <v>9</v>
      </c>
      <c r="BH32" s="72">
        <v>14</v>
      </c>
      <c r="BI32" s="244"/>
      <c r="BJ32" s="71">
        <v>11</v>
      </c>
      <c r="BK32" s="71">
        <v>9</v>
      </c>
      <c r="BL32" s="71">
        <v>8</v>
      </c>
      <c r="BM32" s="71">
        <v>13</v>
      </c>
      <c r="BN32" s="71">
        <v>4</v>
      </c>
      <c r="BO32" s="72">
        <v>45</v>
      </c>
      <c r="BP32" s="73">
        <v>59</v>
      </c>
      <c r="BQ32" s="70">
        <v>7</v>
      </c>
      <c r="BR32" s="71">
        <v>2</v>
      </c>
      <c r="BS32" s="72">
        <v>9</v>
      </c>
      <c r="BT32" s="244"/>
      <c r="BU32" s="71">
        <v>8</v>
      </c>
      <c r="BV32" s="71">
        <v>12</v>
      </c>
      <c r="BW32" s="71">
        <v>8</v>
      </c>
      <c r="BX32" s="71">
        <v>7</v>
      </c>
      <c r="BY32" s="71">
        <v>1</v>
      </c>
      <c r="BZ32" s="72">
        <v>36</v>
      </c>
      <c r="CA32" s="73">
        <v>45</v>
      </c>
      <c r="CB32" s="70">
        <v>2</v>
      </c>
      <c r="CC32" s="71">
        <v>1</v>
      </c>
      <c r="CD32" s="72">
        <v>3</v>
      </c>
      <c r="CE32" s="244"/>
      <c r="CF32" s="71">
        <v>1</v>
      </c>
      <c r="CG32" s="71">
        <v>5</v>
      </c>
      <c r="CH32" s="71">
        <v>2</v>
      </c>
      <c r="CI32" s="71">
        <v>1</v>
      </c>
      <c r="CJ32" s="71">
        <v>1</v>
      </c>
      <c r="CK32" s="72">
        <v>10</v>
      </c>
      <c r="CL32" s="73">
        <v>13</v>
      </c>
      <c r="CM32" s="70">
        <v>34</v>
      </c>
      <c r="CN32" s="71">
        <v>29</v>
      </c>
      <c r="CO32" s="72">
        <v>63</v>
      </c>
      <c r="CP32" s="244"/>
      <c r="CQ32" s="71">
        <v>51</v>
      </c>
      <c r="CR32" s="71">
        <v>50</v>
      </c>
      <c r="CS32" s="71">
        <v>40</v>
      </c>
      <c r="CT32" s="71">
        <v>41</v>
      </c>
      <c r="CU32" s="71">
        <v>15</v>
      </c>
      <c r="CV32" s="72">
        <v>197</v>
      </c>
      <c r="CW32" s="73">
        <v>260</v>
      </c>
      <c r="CX32" s="123">
        <v>44</v>
      </c>
      <c r="CY32" s="82">
        <v>39</v>
      </c>
      <c r="CZ32" s="83">
        <v>83</v>
      </c>
      <c r="DA32" s="241"/>
      <c r="DB32" s="82">
        <v>96</v>
      </c>
      <c r="DC32" s="82">
        <v>75</v>
      </c>
      <c r="DD32" s="82">
        <v>69</v>
      </c>
      <c r="DE32" s="82">
        <v>74</v>
      </c>
      <c r="DF32" s="82">
        <v>55</v>
      </c>
      <c r="DG32" s="84">
        <v>369</v>
      </c>
      <c r="DH32" s="85">
        <v>452</v>
      </c>
      <c r="DI32" s="70">
        <v>2</v>
      </c>
      <c r="DJ32" s="71">
        <v>3</v>
      </c>
      <c r="DK32" s="72">
        <v>5</v>
      </c>
      <c r="DL32" s="244"/>
      <c r="DM32" s="71">
        <v>2</v>
      </c>
      <c r="DN32" s="71">
        <v>3</v>
      </c>
      <c r="DO32" s="71">
        <v>1</v>
      </c>
      <c r="DP32" s="71">
        <v>0</v>
      </c>
      <c r="DQ32" s="71">
        <v>3</v>
      </c>
      <c r="DR32" s="72">
        <v>9</v>
      </c>
      <c r="DS32" s="73">
        <v>14</v>
      </c>
      <c r="DT32" s="70">
        <v>3</v>
      </c>
      <c r="DU32" s="71">
        <v>3</v>
      </c>
      <c r="DV32" s="72">
        <v>6</v>
      </c>
      <c r="DW32" s="244"/>
      <c r="DX32" s="71">
        <v>5</v>
      </c>
      <c r="DY32" s="71">
        <v>4</v>
      </c>
      <c r="DZ32" s="71">
        <v>3</v>
      </c>
      <c r="EA32" s="71">
        <v>5</v>
      </c>
      <c r="EB32" s="71">
        <v>2</v>
      </c>
      <c r="EC32" s="72">
        <v>19</v>
      </c>
      <c r="ED32" s="73">
        <v>25</v>
      </c>
      <c r="EE32" s="70">
        <v>9</v>
      </c>
      <c r="EF32" s="71">
        <v>3</v>
      </c>
      <c r="EG32" s="72">
        <v>12</v>
      </c>
      <c r="EH32" s="244"/>
      <c r="EI32" s="71">
        <v>11</v>
      </c>
      <c r="EJ32" s="71">
        <v>5</v>
      </c>
      <c r="EK32" s="71">
        <v>4</v>
      </c>
      <c r="EL32" s="71">
        <v>5</v>
      </c>
      <c r="EM32" s="71">
        <v>4</v>
      </c>
      <c r="EN32" s="72">
        <v>29</v>
      </c>
      <c r="EO32" s="73">
        <v>41</v>
      </c>
      <c r="EP32" s="70">
        <v>11</v>
      </c>
      <c r="EQ32" s="71">
        <v>14</v>
      </c>
      <c r="ER32" s="72">
        <v>25</v>
      </c>
      <c r="ES32" s="244"/>
      <c r="ET32" s="71">
        <v>27</v>
      </c>
      <c r="EU32" s="71">
        <v>18</v>
      </c>
      <c r="EV32" s="71">
        <v>14</v>
      </c>
      <c r="EW32" s="71">
        <v>11</v>
      </c>
      <c r="EX32" s="71">
        <v>8</v>
      </c>
      <c r="EY32" s="72">
        <v>78</v>
      </c>
      <c r="EZ32" s="73">
        <v>103</v>
      </c>
      <c r="FA32" s="70">
        <v>14</v>
      </c>
      <c r="FB32" s="71">
        <v>9</v>
      </c>
      <c r="FC32" s="72">
        <v>23</v>
      </c>
      <c r="FD32" s="244"/>
      <c r="FE32" s="71">
        <v>27</v>
      </c>
      <c r="FF32" s="71">
        <v>18</v>
      </c>
      <c r="FG32" s="71">
        <v>20</v>
      </c>
      <c r="FH32" s="71">
        <v>22</v>
      </c>
      <c r="FI32" s="71">
        <v>17</v>
      </c>
      <c r="FJ32" s="72">
        <v>104</v>
      </c>
      <c r="FK32" s="73">
        <v>127</v>
      </c>
      <c r="FL32" s="70">
        <v>5</v>
      </c>
      <c r="FM32" s="71">
        <v>7</v>
      </c>
      <c r="FN32" s="72">
        <v>12</v>
      </c>
      <c r="FO32" s="244"/>
      <c r="FP32" s="71">
        <v>24</v>
      </c>
      <c r="FQ32" s="71">
        <v>27</v>
      </c>
      <c r="FR32" s="71">
        <v>27</v>
      </c>
      <c r="FS32" s="71">
        <v>31</v>
      </c>
      <c r="FT32" s="71">
        <v>21</v>
      </c>
      <c r="FU32" s="72">
        <v>130</v>
      </c>
      <c r="FV32" s="73">
        <v>142</v>
      </c>
      <c r="FW32" s="70">
        <v>0</v>
      </c>
      <c r="FX32" s="71">
        <v>3</v>
      </c>
      <c r="FY32" s="72">
        <v>3</v>
      </c>
      <c r="FZ32" s="244"/>
      <c r="GA32" s="71">
        <v>2</v>
      </c>
      <c r="GB32" s="71">
        <v>1</v>
      </c>
      <c r="GC32" s="71">
        <v>1</v>
      </c>
      <c r="GD32" s="71">
        <v>0</v>
      </c>
      <c r="GE32" s="71">
        <v>0</v>
      </c>
      <c r="GF32" s="72">
        <v>4</v>
      </c>
      <c r="GG32" s="73">
        <v>7</v>
      </c>
      <c r="GH32" s="70">
        <v>44</v>
      </c>
      <c r="GI32" s="71">
        <v>42</v>
      </c>
      <c r="GJ32" s="72">
        <v>86</v>
      </c>
      <c r="GK32" s="244"/>
      <c r="GL32" s="71">
        <v>98</v>
      </c>
      <c r="GM32" s="71">
        <v>76</v>
      </c>
      <c r="GN32" s="71">
        <v>70</v>
      </c>
      <c r="GO32" s="71">
        <v>74</v>
      </c>
      <c r="GP32" s="71">
        <v>55</v>
      </c>
      <c r="GQ32" s="72">
        <v>373</v>
      </c>
      <c r="GR32" s="73">
        <v>459</v>
      </c>
      <c r="GS32" s="123">
        <v>76</v>
      </c>
      <c r="GT32" s="82">
        <v>67</v>
      </c>
      <c r="GU32" s="83">
        <v>143</v>
      </c>
      <c r="GV32" s="241"/>
      <c r="GW32" s="82">
        <v>146</v>
      </c>
      <c r="GX32" s="82">
        <v>120</v>
      </c>
      <c r="GY32" s="82">
        <v>107</v>
      </c>
      <c r="GZ32" s="82">
        <v>114</v>
      </c>
      <c r="HA32" s="82">
        <v>69</v>
      </c>
      <c r="HB32" s="84">
        <v>556</v>
      </c>
      <c r="HC32" s="85">
        <v>699</v>
      </c>
      <c r="HD32" s="70">
        <v>5</v>
      </c>
      <c r="HE32" s="71">
        <v>3</v>
      </c>
      <c r="HF32" s="72">
        <v>8</v>
      </c>
      <c r="HG32" s="244"/>
      <c r="HH32" s="71">
        <v>6</v>
      </c>
      <c r="HI32" s="71">
        <v>3</v>
      </c>
      <c r="HJ32" s="71">
        <v>4</v>
      </c>
      <c r="HK32" s="71">
        <v>1</v>
      </c>
      <c r="HL32" s="71">
        <v>3</v>
      </c>
      <c r="HM32" s="72">
        <v>17</v>
      </c>
      <c r="HN32" s="73">
        <v>25</v>
      </c>
      <c r="HO32" s="70">
        <v>7</v>
      </c>
      <c r="HP32" s="71">
        <v>8</v>
      </c>
      <c r="HQ32" s="72">
        <v>15</v>
      </c>
      <c r="HR32" s="244"/>
      <c r="HS32" s="71">
        <v>15</v>
      </c>
      <c r="HT32" s="71">
        <v>8</v>
      </c>
      <c r="HU32" s="71">
        <v>7</v>
      </c>
      <c r="HV32" s="71">
        <v>9</v>
      </c>
      <c r="HW32" s="71">
        <v>4</v>
      </c>
      <c r="HX32" s="72">
        <v>43</v>
      </c>
      <c r="HY32" s="73">
        <v>58</v>
      </c>
      <c r="HZ32" s="70">
        <v>14</v>
      </c>
      <c r="IA32" s="71">
        <v>6</v>
      </c>
      <c r="IB32" s="72">
        <v>20</v>
      </c>
      <c r="IC32" s="244"/>
      <c r="ID32" s="71">
        <v>23</v>
      </c>
      <c r="IE32" s="71">
        <v>15</v>
      </c>
      <c r="IF32" s="71">
        <v>10</v>
      </c>
      <c r="IG32" s="71">
        <v>11</v>
      </c>
      <c r="IH32" s="71">
        <v>5</v>
      </c>
      <c r="II32" s="72">
        <v>64</v>
      </c>
      <c r="IJ32" s="73">
        <v>84</v>
      </c>
      <c r="IK32" s="70">
        <v>19</v>
      </c>
      <c r="IL32" s="71">
        <v>23</v>
      </c>
      <c r="IM32" s="72">
        <v>42</v>
      </c>
      <c r="IN32" s="244"/>
      <c r="IO32" s="71">
        <v>32</v>
      </c>
      <c r="IP32" s="71">
        <v>28</v>
      </c>
      <c r="IQ32" s="71">
        <v>23</v>
      </c>
      <c r="IR32" s="71">
        <v>20</v>
      </c>
      <c r="IS32" s="71">
        <v>14</v>
      </c>
      <c r="IT32" s="72">
        <v>117</v>
      </c>
      <c r="IU32" s="73">
        <v>159</v>
      </c>
      <c r="IV32" s="70">
        <v>19</v>
      </c>
      <c r="IW32" s="71">
        <v>18</v>
      </c>
      <c r="IX32" s="72">
        <v>37</v>
      </c>
      <c r="IY32" s="244"/>
      <c r="IZ32" s="71">
        <v>38</v>
      </c>
      <c r="JA32" s="71">
        <v>27</v>
      </c>
      <c r="JB32" s="71">
        <v>28</v>
      </c>
      <c r="JC32" s="71">
        <v>35</v>
      </c>
      <c r="JD32" s="71">
        <v>21</v>
      </c>
      <c r="JE32" s="72">
        <v>149</v>
      </c>
      <c r="JF32" s="73">
        <v>186</v>
      </c>
      <c r="JG32" s="70">
        <v>12</v>
      </c>
      <c r="JH32" s="71">
        <v>9</v>
      </c>
      <c r="JI32" s="72">
        <v>21</v>
      </c>
      <c r="JJ32" s="244"/>
      <c r="JK32" s="71">
        <v>32</v>
      </c>
      <c r="JL32" s="71">
        <v>39</v>
      </c>
      <c r="JM32" s="71">
        <v>35</v>
      </c>
      <c r="JN32" s="71">
        <v>38</v>
      </c>
      <c r="JO32" s="71">
        <v>22</v>
      </c>
      <c r="JP32" s="72">
        <v>166</v>
      </c>
      <c r="JQ32" s="73">
        <v>187</v>
      </c>
      <c r="JR32" s="70">
        <v>2</v>
      </c>
      <c r="JS32" s="71">
        <v>4</v>
      </c>
      <c r="JT32" s="72">
        <v>6</v>
      </c>
      <c r="JU32" s="244"/>
      <c r="JV32" s="71">
        <v>3</v>
      </c>
      <c r="JW32" s="71">
        <v>6</v>
      </c>
      <c r="JX32" s="71">
        <v>3</v>
      </c>
      <c r="JY32" s="71">
        <v>1</v>
      </c>
      <c r="JZ32" s="71">
        <v>1</v>
      </c>
      <c r="KA32" s="72">
        <v>14</v>
      </c>
      <c r="KB32" s="73">
        <v>20</v>
      </c>
      <c r="KC32" s="70">
        <v>78</v>
      </c>
      <c r="KD32" s="71">
        <v>71</v>
      </c>
      <c r="KE32" s="72">
        <v>149</v>
      </c>
      <c r="KF32" s="244"/>
      <c r="KG32" s="71">
        <v>149</v>
      </c>
      <c r="KH32" s="71">
        <v>126</v>
      </c>
      <c r="KI32" s="71">
        <v>110</v>
      </c>
      <c r="KJ32" s="71">
        <v>115</v>
      </c>
      <c r="KK32" s="71">
        <v>70</v>
      </c>
      <c r="KL32" s="72">
        <v>570</v>
      </c>
      <c r="KM32" s="73">
        <v>719</v>
      </c>
    </row>
    <row r="33" spans="2:299" ht="21" customHeight="1" x14ac:dyDescent="0.2">
      <c r="B33" s="126" t="s">
        <v>30</v>
      </c>
      <c r="C33" s="315">
        <v>21</v>
      </c>
      <c r="D33" s="82">
        <v>12</v>
      </c>
      <c r="E33" s="83">
        <v>33</v>
      </c>
      <c r="F33" s="241"/>
      <c r="G33" s="82">
        <v>42</v>
      </c>
      <c r="H33" s="82">
        <v>32</v>
      </c>
      <c r="I33" s="82">
        <v>26</v>
      </c>
      <c r="J33" s="82">
        <v>32</v>
      </c>
      <c r="K33" s="82">
        <v>11</v>
      </c>
      <c r="L33" s="84">
        <v>143</v>
      </c>
      <c r="M33" s="85">
        <v>176</v>
      </c>
      <c r="N33" s="70">
        <v>2</v>
      </c>
      <c r="O33" s="71">
        <v>0</v>
      </c>
      <c r="P33" s="72">
        <v>2</v>
      </c>
      <c r="Q33" s="244"/>
      <c r="R33" s="71">
        <v>3</v>
      </c>
      <c r="S33" s="71">
        <v>3</v>
      </c>
      <c r="T33" s="71">
        <v>2</v>
      </c>
      <c r="U33" s="71">
        <v>2</v>
      </c>
      <c r="V33" s="71">
        <v>2</v>
      </c>
      <c r="W33" s="72">
        <v>12</v>
      </c>
      <c r="X33" s="73">
        <v>14</v>
      </c>
      <c r="Y33" s="70">
        <v>5</v>
      </c>
      <c r="Z33" s="71">
        <v>1</v>
      </c>
      <c r="AA33" s="72">
        <v>6</v>
      </c>
      <c r="AB33" s="244"/>
      <c r="AC33" s="71">
        <v>6</v>
      </c>
      <c r="AD33" s="71">
        <v>5</v>
      </c>
      <c r="AE33" s="71">
        <v>1</v>
      </c>
      <c r="AF33" s="71">
        <v>3</v>
      </c>
      <c r="AG33" s="71">
        <v>1</v>
      </c>
      <c r="AH33" s="72">
        <v>16</v>
      </c>
      <c r="AI33" s="73">
        <v>22</v>
      </c>
      <c r="AJ33" s="70">
        <v>2</v>
      </c>
      <c r="AK33" s="71">
        <v>1</v>
      </c>
      <c r="AL33" s="72">
        <v>3</v>
      </c>
      <c r="AM33" s="244"/>
      <c r="AN33" s="71">
        <v>2</v>
      </c>
      <c r="AO33" s="71">
        <v>4</v>
      </c>
      <c r="AP33" s="71">
        <v>4</v>
      </c>
      <c r="AQ33" s="71">
        <v>7</v>
      </c>
      <c r="AR33" s="71">
        <v>0</v>
      </c>
      <c r="AS33" s="72">
        <v>17</v>
      </c>
      <c r="AT33" s="73">
        <v>20</v>
      </c>
      <c r="AU33" s="70">
        <v>3</v>
      </c>
      <c r="AV33" s="71">
        <v>6</v>
      </c>
      <c r="AW33" s="72">
        <v>9</v>
      </c>
      <c r="AX33" s="244"/>
      <c r="AY33" s="71">
        <v>8</v>
      </c>
      <c r="AZ33" s="71">
        <v>8</v>
      </c>
      <c r="BA33" s="71">
        <v>6</v>
      </c>
      <c r="BB33" s="71">
        <v>7</v>
      </c>
      <c r="BC33" s="71">
        <v>0</v>
      </c>
      <c r="BD33" s="72">
        <v>29</v>
      </c>
      <c r="BE33" s="73">
        <v>38</v>
      </c>
      <c r="BF33" s="70">
        <v>6</v>
      </c>
      <c r="BG33" s="71">
        <v>1</v>
      </c>
      <c r="BH33" s="72">
        <v>7</v>
      </c>
      <c r="BI33" s="244"/>
      <c r="BJ33" s="71">
        <v>12</v>
      </c>
      <c r="BK33" s="71">
        <v>6</v>
      </c>
      <c r="BL33" s="71">
        <v>5</v>
      </c>
      <c r="BM33" s="71">
        <v>8</v>
      </c>
      <c r="BN33" s="71">
        <v>3</v>
      </c>
      <c r="BO33" s="72">
        <v>34</v>
      </c>
      <c r="BP33" s="73">
        <v>41</v>
      </c>
      <c r="BQ33" s="70">
        <v>3</v>
      </c>
      <c r="BR33" s="71">
        <v>3</v>
      </c>
      <c r="BS33" s="72">
        <v>6</v>
      </c>
      <c r="BT33" s="244"/>
      <c r="BU33" s="71">
        <v>11</v>
      </c>
      <c r="BV33" s="71">
        <v>6</v>
      </c>
      <c r="BW33" s="71">
        <v>8</v>
      </c>
      <c r="BX33" s="71">
        <v>5</v>
      </c>
      <c r="BY33" s="71">
        <v>5</v>
      </c>
      <c r="BZ33" s="72">
        <v>35</v>
      </c>
      <c r="CA33" s="73">
        <v>41</v>
      </c>
      <c r="CB33" s="70">
        <v>0</v>
      </c>
      <c r="CC33" s="71">
        <v>0</v>
      </c>
      <c r="CD33" s="72">
        <v>0</v>
      </c>
      <c r="CE33" s="244"/>
      <c r="CF33" s="71">
        <v>1</v>
      </c>
      <c r="CG33" s="71">
        <v>0</v>
      </c>
      <c r="CH33" s="71">
        <v>3</v>
      </c>
      <c r="CI33" s="71">
        <v>0</v>
      </c>
      <c r="CJ33" s="71">
        <v>2</v>
      </c>
      <c r="CK33" s="72">
        <v>6</v>
      </c>
      <c r="CL33" s="73">
        <v>6</v>
      </c>
      <c r="CM33" s="70">
        <v>21</v>
      </c>
      <c r="CN33" s="71">
        <v>12</v>
      </c>
      <c r="CO33" s="72">
        <v>33</v>
      </c>
      <c r="CP33" s="244"/>
      <c r="CQ33" s="71">
        <v>43</v>
      </c>
      <c r="CR33" s="71">
        <v>32</v>
      </c>
      <c r="CS33" s="71">
        <v>29</v>
      </c>
      <c r="CT33" s="71">
        <v>32</v>
      </c>
      <c r="CU33" s="71">
        <v>13</v>
      </c>
      <c r="CV33" s="72">
        <v>149</v>
      </c>
      <c r="CW33" s="73">
        <v>182</v>
      </c>
      <c r="CX33" s="123">
        <v>50</v>
      </c>
      <c r="CY33" s="82">
        <v>35</v>
      </c>
      <c r="CZ33" s="83">
        <v>85</v>
      </c>
      <c r="DA33" s="241"/>
      <c r="DB33" s="82">
        <v>87</v>
      </c>
      <c r="DC33" s="82">
        <v>63</v>
      </c>
      <c r="DD33" s="82">
        <v>84</v>
      </c>
      <c r="DE33" s="82">
        <v>73</v>
      </c>
      <c r="DF33" s="82">
        <v>33</v>
      </c>
      <c r="DG33" s="84">
        <v>340</v>
      </c>
      <c r="DH33" s="85">
        <v>425</v>
      </c>
      <c r="DI33" s="70">
        <v>1</v>
      </c>
      <c r="DJ33" s="71">
        <v>0</v>
      </c>
      <c r="DK33" s="72">
        <v>1</v>
      </c>
      <c r="DL33" s="244"/>
      <c r="DM33" s="71">
        <v>1</v>
      </c>
      <c r="DN33" s="71">
        <v>1</v>
      </c>
      <c r="DO33" s="71">
        <v>2</v>
      </c>
      <c r="DP33" s="71">
        <v>1</v>
      </c>
      <c r="DQ33" s="71">
        <v>1</v>
      </c>
      <c r="DR33" s="72">
        <v>6</v>
      </c>
      <c r="DS33" s="73">
        <v>7</v>
      </c>
      <c r="DT33" s="70">
        <v>3</v>
      </c>
      <c r="DU33" s="71">
        <v>2</v>
      </c>
      <c r="DV33" s="72">
        <v>5</v>
      </c>
      <c r="DW33" s="244"/>
      <c r="DX33" s="71">
        <v>2</v>
      </c>
      <c r="DY33" s="71">
        <v>3</v>
      </c>
      <c r="DZ33" s="71">
        <v>2</v>
      </c>
      <c r="EA33" s="71">
        <v>3</v>
      </c>
      <c r="EB33" s="71">
        <v>2</v>
      </c>
      <c r="EC33" s="72">
        <v>12</v>
      </c>
      <c r="ED33" s="73">
        <v>17</v>
      </c>
      <c r="EE33" s="70">
        <v>10</v>
      </c>
      <c r="EF33" s="71">
        <v>3</v>
      </c>
      <c r="EG33" s="72">
        <v>13</v>
      </c>
      <c r="EH33" s="244"/>
      <c r="EI33" s="71">
        <v>13</v>
      </c>
      <c r="EJ33" s="71">
        <v>8</v>
      </c>
      <c r="EK33" s="71">
        <v>12</v>
      </c>
      <c r="EL33" s="71">
        <v>5</v>
      </c>
      <c r="EM33" s="71">
        <v>2</v>
      </c>
      <c r="EN33" s="72">
        <v>40</v>
      </c>
      <c r="EO33" s="73">
        <v>53</v>
      </c>
      <c r="EP33" s="70">
        <v>13</v>
      </c>
      <c r="EQ33" s="71">
        <v>6</v>
      </c>
      <c r="ER33" s="72">
        <v>19</v>
      </c>
      <c r="ES33" s="244"/>
      <c r="ET33" s="71">
        <v>25</v>
      </c>
      <c r="EU33" s="71">
        <v>10</v>
      </c>
      <c r="EV33" s="71">
        <v>15</v>
      </c>
      <c r="EW33" s="71">
        <v>8</v>
      </c>
      <c r="EX33" s="71">
        <v>5</v>
      </c>
      <c r="EY33" s="72">
        <v>63</v>
      </c>
      <c r="EZ33" s="73">
        <v>82</v>
      </c>
      <c r="FA33" s="70">
        <v>12</v>
      </c>
      <c r="FB33" s="71">
        <v>13</v>
      </c>
      <c r="FC33" s="72">
        <v>25</v>
      </c>
      <c r="FD33" s="244"/>
      <c r="FE33" s="71">
        <v>27</v>
      </c>
      <c r="FF33" s="71">
        <v>20</v>
      </c>
      <c r="FG33" s="71">
        <v>14</v>
      </c>
      <c r="FH33" s="71">
        <v>22</v>
      </c>
      <c r="FI33" s="71">
        <v>14</v>
      </c>
      <c r="FJ33" s="72">
        <v>97</v>
      </c>
      <c r="FK33" s="73">
        <v>122</v>
      </c>
      <c r="FL33" s="70">
        <v>11</v>
      </c>
      <c r="FM33" s="71">
        <v>11</v>
      </c>
      <c r="FN33" s="72">
        <v>22</v>
      </c>
      <c r="FO33" s="244"/>
      <c r="FP33" s="71">
        <v>19</v>
      </c>
      <c r="FQ33" s="71">
        <v>21</v>
      </c>
      <c r="FR33" s="71">
        <v>39</v>
      </c>
      <c r="FS33" s="71">
        <v>34</v>
      </c>
      <c r="FT33" s="71">
        <v>9</v>
      </c>
      <c r="FU33" s="72">
        <v>122</v>
      </c>
      <c r="FV33" s="73">
        <v>144</v>
      </c>
      <c r="FW33" s="70">
        <v>0</v>
      </c>
      <c r="FX33" s="71">
        <v>0</v>
      </c>
      <c r="FY33" s="72">
        <v>0</v>
      </c>
      <c r="FZ33" s="244"/>
      <c r="GA33" s="71">
        <v>2</v>
      </c>
      <c r="GB33" s="71">
        <v>0</v>
      </c>
      <c r="GC33" s="71">
        <v>1</v>
      </c>
      <c r="GD33" s="71">
        <v>1</v>
      </c>
      <c r="GE33" s="71">
        <v>1</v>
      </c>
      <c r="GF33" s="72">
        <v>5</v>
      </c>
      <c r="GG33" s="73">
        <v>5</v>
      </c>
      <c r="GH33" s="70">
        <v>50</v>
      </c>
      <c r="GI33" s="71">
        <v>35</v>
      </c>
      <c r="GJ33" s="72">
        <v>85</v>
      </c>
      <c r="GK33" s="244"/>
      <c r="GL33" s="71">
        <v>89</v>
      </c>
      <c r="GM33" s="71">
        <v>63</v>
      </c>
      <c r="GN33" s="71">
        <v>85</v>
      </c>
      <c r="GO33" s="71">
        <v>74</v>
      </c>
      <c r="GP33" s="71">
        <v>34</v>
      </c>
      <c r="GQ33" s="72">
        <v>345</v>
      </c>
      <c r="GR33" s="73">
        <v>430</v>
      </c>
      <c r="GS33" s="123">
        <v>71</v>
      </c>
      <c r="GT33" s="82">
        <v>47</v>
      </c>
      <c r="GU33" s="83">
        <v>118</v>
      </c>
      <c r="GV33" s="241"/>
      <c r="GW33" s="82">
        <v>129</v>
      </c>
      <c r="GX33" s="82">
        <v>95</v>
      </c>
      <c r="GY33" s="82">
        <v>110</v>
      </c>
      <c r="GZ33" s="82">
        <v>105</v>
      </c>
      <c r="HA33" s="82">
        <v>44</v>
      </c>
      <c r="HB33" s="84">
        <v>483</v>
      </c>
      <c r="HC33" s="85">
        <v>601</v>
      </c>
      <c r="HD33" s="70">
        <v>3</v>
      </c>
      <c r="HE33" s="71">
        <v>0</v>
      </c>
      <c r="HF33" s="72">
        <v>3</v>
      </c>
      <c r="HG33" s="244"/>
      <c r="HH33" s="71">
        <v>4</v>
      </c>
      <c r="HI33" s="71">
        <v>4</v>
      </c>
      <c r="HJ33" s="71">
        <v>4</v>
      </c>
      <c r="HK33" s="71">
        <v>3</v>
      </c>
      <c r="HL33" s="71">
        <v>3</v>
      </c>
      <c r="HM33" s="72">
        <v>18</v>
      </c>
      <c r="HN33" s="73">
        <v>21</v>
      </c>
      <c r="HO33" s="70">
        <v>8</v>
      </c>
      <c r="HP33" s="71">
        <v>3</v>
      </c>
      <c r="HQ33" s="72">
        <v>11</v>
      </c>
      <c r="HR33" s="244"/>
      <c r="HS33" s="71">
        <v>8</v>
      </c>
      <c r="HT33" s="71">
        <v>8</v>
      </c>
      <c r="HU33" s="71">
        <v>3</v>
      </c>
      <c r="HV33" s="71">
        <v>6</v>
      </c>
      <c r="HW33" s="71">
        <v>3</v>
      </c>
      <c r="HX33" s="72">
        <v>28</v>
      </c>
      <c r="HY33" s="73">
        <v>39</v>
      </c>
      <c r="HZ33" s="70">
        <v>12</v>
      </c>
      <c r="IA33" s="71">
        <v>4</v>
      </c>
      <c r="IB33" s="72">
        <v>16</v>
      </c>
      <c r="IC33" s="244"/>
      <c r="ID33" s="71">
        <v>15</v>
      </c>
      <c r="IE33" s="71">
        <v>12</v>
      </c>
      <c r="IF33" s="71">
        <v>16</v>
      </c>
      <c r="IG33" s="71">
        <v>12</v>
      </c>
      <c r="IH33" s="71">
        <v>2</v>
      </c>
      <c r="II33" s="72">
        <v>57</v>
      </c>
      <c r="IJ33" s="73">
        <v>73</v>
      </c>
      <c r="IK33" s="70">
        <v>16</v>
      </c>
      <c r="IL33" s="71">
        <v>12</v>
      </c>
      <c r="IM33" s="72">
        <v>28</v>
      </c>
      <c r="IN33" s="244"/>
      <c r="IO33" s="71">
        <v>33</v>
      </c>
      <c r="IP33" s="71">
        <v>18</v>
      </c>
      <c r="IQ33" s="71">
        <v>21</v>
      </c>
      <c r="IR33" s="71">
        <v>15</v>
      </c>
      <c r="IS33" s="71">
        <v>5</v>
      </c>
      <c r="IT33" s="72">
        <v>92</v>
      </c>
      <c r="IU33" s="73">
        <v>120</v>
      </c>
      <c r="IV33" s="70">
        <v>18</v>
      </c>
      <c r="IW33" s="71">
        <v>14</v>
      </c>
      <c r="IX33" s="72">
        <v>32</v>
      </c>
      <c r="IY33" s="244"/>
      <c r="IZ33" s="71">
        <v>39</v>
      </c>
      <c r="JA33" s="71">
        <v>26</v>
      </c>
      <c r="JB33" s="71">
        <v>19</v>
      </c>
      <c r="JC33" s="71">
        <v>30</v>
      </c>
      <c r="JD33" s="71">
        <v>17</v>
      </c>
      <c r="JE33" s="72">
        <v>131</v>
      </c>
      <c r="JF33" s="73">
        <v>163</v>
      </c>
      <c r="JG33" s="70">
        <v>14</v>
      </c>
      <c r="JH33" s="71">
        <v>14</v>
      </c>
      <c r="JI33" s="72">
        <v>28</v>
      </c>
      <c r="JJ33" s="244"/>
      <c r="JK33" s="71">
        <v>30</v>
      </c>
      <c r="JL33" s="71">
        <v>27</v>
      </c>
      <c r="JM33" s="71">
        <v>47</v>
      </c>
      <c r="JN33" s="71">
        <v>39</v>
      </c>
      <c r="JO33" s="71">
        <v>14</v>
      </c>
      <c r="JP33" s="72">
        <v>157</v>
      </c>
      <c r="JQ33" s="73">
        <v>185</v>
      </c>
      <c r="JR33" s="70">
        <v>0</v>
      </c>
      <c r="JS33" s="71">
        <v>0</v>
      </c>
      <c r="JT33" s="72">
        <v>0</v>
      </c>
      <c r="JU33" s="244"/>
      <c r="JV33" s="71">
        <v>3</v>
      </c>
      <c r="JW33" s="71">
        <v>0</v>
      </c>
      <c r="JX33" s="71">
        <v>4</v>
      </c>
      <c r="JY33" s="71">
        <v>1</v>
      </c>
      <c r="JZ33" s="71">
        <v>3</v>
      </c>
      <c r="KA33" s="72">
        <v>11</v>
      </c>
      <c r="KB33" s="73">
        <v>11</v>
      </c>
      <c r="KC33" s="70">
        <v>71</v>
      </c>
      <c r="KD33" s="71">
        <v>47</v>
      </c>
      <c r="KE33" s="72">
        <v>118</v>
      </c>
      <c r="KF33" s="244"/>
      <c r="KG33" s="71">
        <v>132</v>
      </c>
      <c r="KH33" s="71">
        <v>95</v>
      </c>
      <c r="KI33" s="71">
        <v>114</v>
      </c>
      <c r="KJ33" s="71">
        <v>106</v>
      </c>
      <c r="KK33" s="71">
        <v>47</v>
      </c>
      <c r="KL33" s="72">
        <v>494</v>
      </c>
      <c r="KM33" s="73">
        <v>612</v>
      </c>
    </row>
    <row r="34" spans="2:299" ht="21" customHeight="1" x14ac:dyDescent="0.2">
      <c r="B34" s="126" t="s">
        <v>31</v>
      </c>
      <c r="C34" s="315">
        <v>21</v>
      </c>
      <c r="D34" s="82">
        <v>38</v>
      </c>
      <c r="E34" s="83">
        <v>59</v>
      </c>
      <c r="F34" s="241"/>
      <c r="G34" s="82">
        <v>56</v>
      </c>
      <c r="H34" s="82">
        <v>44</v>
      </c>
      <c r="I34" s="82">
        <v>39</v>
      </c>
      <c r="J34" s="82">
        <v>30</v>
      </c>
      <c r="K34" s="82">
        <v>16</v>
      </c>
      <c r="L34" s="84">
        <v>185</v>
      </c>
      <c r="M34" s="85">
        <v>244</v>
      </c>
      <c r="N34" s="70">
        <v>0</v>
      </c>
      <c r="O34" s="71">
        <v>0</v>
      </c>
      <c r="P34" s="72">
        <v>0</v>
      </c>
      <c r="Q34" s="244"/>
      <c r="R34" s="71">
        <v>2</v>
      </c>
      <c r="S34" s="71">
        <v>3</v>
      </c>
      <c r="T34" s="71">
        <v>4</v>
      </c>
      <c r="U34" s="71">
        <v>2</v>
      </c>
      <c r="V34" s="71">
        <v>1</v>
      </c>
      <c r="W34" s="72">
        <v>12</v>
      </c>
      <c r="X34" s="73">
        <v>12</v>
      </c>
      <c r="Y34" s="70">
        <v>4</v>
      </c>
      <c r="Z34" s="71">
        <v>6</v>
      </c>
      <c r="AA34" s="72">
        <v>10</v>
      </c>
      <c r="AB34" s="244"/>
      <c r="AC34" s="71">
        <v>7</v>
      </c>
      <c r="AD34" s="71">
        <v>6</v>
      </c>
      <c r="AE34" s="71">
        <v>5</v>
      </c>
      <c r="AF34" s="71">
        <v>3</v>
      </c>
      <c r="AG34" s="71">
        <v>2</v>
      </c>
      <c r="AH34" s="72">
        <v>23</v>
      </c>
      <c r="AI34" s="73">
        <v>33</v>
      </c>
      <c r="AJ34" s="70">
        <v>2</v>
      </c>
      <c r="AK34" s="71">
        <v>5</v>
      </c>
      <c r="AL34" s="72">
        <v>7</v>
      </c>
      <c r="AM34" s="244"/>
      <c r="AN34" s="71">
        <v>7</v>
      </c>
      <c r="AO34" s="71">
        <v>3</v>
      </c>
      <c r="AP34" s="71">
        <v>9</v>
      </c>
      <c r="AQ34" s="71">
        <v>6</v>
      </c>
      <c r="AR34" s="71">
        <v>2</v>
      </c>
      <c r="AS34" s="72">
        <v>27</v>
      </c>
      <c r="AT34" s="73">
        <v>34</v>
      </c>
      <c r="AU34" s="70">
        <v>4</v>
      </c>
      <c r="AV34" s="71">
        <v>14</v>
      </c>
      <c r="AW34" s="72">
        <v>18</v>
      </c>
      <c r="AX34" s="244"/>
      <c r="AY34" s="71">
        <v>15</v>
      </c>
      <c r="AZ34" s="71">
        <v>10</v>
      </c>
      <c r="BA34" s="71">
        <v>6</v>
      </c>
      <c r="BB34" s="71">
        <v>3</v>
      </c>
      <c r="BC34" s="71">
        <v>2</v>
      </c>
      <c r="BD34" s="72">
        <v>36</v>
      </c>
      <c r="BE34" s="73">
        <v>54</v>
      </c>
      <c r="BF34" s="70">
        <v>7</v>
      </c>
      <c r="BG34" s="71">
        <v>7</v>
      </c>
      <c r="BH34" s="72">
        <v>14</v>
      </c>
      <c r="BI34" s="244"/>
      <c r="BJ34" s="71">
        <v>13</v>
      </c>
      <c r="BK34" s="71">
        <v>11</v>
      </c>
      <c r="BL34" s="71">
        <v>5</v>
      </c>
      <c r="BM34" s="71">
        <v>7</v>
      </c>
      <c r="BN34" s="71">
        <v>3</v>
      </c>
      <c r="BO34" s="72">
        <v>39</v>
      </c>
      <c r="BP34" s="73">
        <v>53</v>
      </c>
      <c r="BQ34" s="70">
        <v>4</v>
      </c>
      <c r="BR34" s="71">
        <v>6</v>
      </c>
      <c r="BS34" s="72">
        <v>10</v>
      </c>
      <c r="BT34" s="244"/>
      <c r="BU34" s="71">
        <v>12</v>
      </c>
      <c r="BV34" s="71">
        <v>11</v>
      </c>
      <c r="BW34" s="71">
        <v>10</v>
      </c>
      <c r="BX34" s="71">
        <v>9</v>
      </c>
      <c r="BY34" s="71">
        <v>6</v>
      </c>
      <c r="BZ34" s="72">
        <v>48</v>
      </c>
      <c r="CA34" s="73">
        <v>58</v>
      </c>
      <c r="CB34" s="70">
        <v>0</v>
      </c>
      <c r="CC34" s="71">
        <v>4</v>
      </c>
      <c r="CD34" s="72">
        <v>4</v>
      </c>
      <c r="CE34" s="244"/>
      <c r="CF34" s="71">
        <v>2</v>
      </c>
      <c r="CG34" s="71">
        <v>0</v>
      </c>
      <c r="CH34" s="71">
        <v>0</v>
      </c>
      <c r="CI34" s="71">
        <v>1</v>
      </c>
      <c r="CJ34" s="71">
        <v>0</v>
      </c>
      <c r="CK34" s="72">
        <v>3</v>
      </c>
      <c r="CL34" s="73">
        <v>7</v>
      </c>
      <c r="CM34" s="70">
        <v>21</v>
      </c>
      <c r="CN34" s="71">
        <v>42</v>
      </c>
      <c r="CO34" s="72">
        <v>63</v>
      </c>
      <c r="CP34" s="244"/>
      <c r="CQ34" s="71">
        <v>58</v>
      </c>
      <c r="CR34" s="71">
        <v>44</v>
      </c>
      <c r="CS34" s="71">
        <v>39</v>
      </c>
      <c r="CT34" s="71">
        <v>31</v>
      </c>
      <c r="CU34" s="71">
        <v>16</v>
      </c>
      <c r="CV34" s="72">
        <v>188</v>
      </c>
      <c r="CW34" s="73">
        <v>251</v>
      </c>
      <c r="CX34" s="123">
        <v>56</v>
      </c>
      <c r="CY34" s="82">
        <v>91</v>
      </c>
      <c r="CZ34" s="83">
        <v>147</v>
      </c>
      <c r="DA34" s="241"/>
      <c r="DB34" s="82">
        <v>109</v>
      </c>
      <c r="DC34" s="82">
        <v>86</v>
      </c>
      <c r="DD34" s="82">
        <v>79</v>
      </c>
      <c r="DE34" s="82">
        <v>65</v>
      </c>
      <c r="DF34" s="82">
        <v>37</v>
      </c>
      <c r="DG34" s="84">
        <v>376</v>
      </c>
      <c r="DH34" s="85">
        <v>523</v>
      </c>
      <c r="DI34" s="70">
        <v>0</v>
      </c>
      <c r="DJ34" s="71">
        <v>3</v>
      </c>
      <c r="DK34" s="72">
        <v>3</v>
      </c>
      <c r="DL34" s="244"/>
      <c r="DM34" s="71">
        <v>0</v>
      </c>
      <c r="DN34" s="71">
        <v>1</v>
      </c>
      <c r="DO34" s="71">
        <v>0</v>
      </c>
      <c r="DP34" s="71">
        <v>2</v>
      </c>
      <c r="DQ34" s="71">
        <v>2</v>
      </c>
      <c r="DR34" s="72">
        <v>5</v>
      </c>
      <c r="DS34" s="73">
        <v>8</v>
      </c>
      <c r="DT34" s="70">
        <v>2</v>
      </c>
      <c r="DU34" s="71">
        <v>4</v>
      </c>
      <c r="DV34" s="72">
        <v>6</v>
      </c>
      <c r="DW34" s="244"/>
      <c r="DX34" s="71">
        <v>14</v>
      </c>
      <c r="DY34" s="71">
        <v>6</v>
      </c>
      <c r="DZ34" s="71">
        <v>3</v>
      </c>
      <c r="EA34" s="71">
        <v>7</v>
      </c>
      <c r="EB34" s="71">
        <v>1</v>
      </c>
      <c r="EC34" s="72">
        <v>31</v>
      </c>
      <c r="ED34" s="73">
        <v>37</v>
      </c>
      <c r="EE34" s="70">
        <v>6</v>
      </c>
      <c r="EF34" s="71">
        <v>10</v>
      </c>
      <c r="EG34" s="72">
        <v>16</v>
      </c>
      <c r="EH34" s="244"/>
      <c r="EI34" s="71">
        <v>10</v>
      </c>
      <c r="EJ34" s="71">
        <v>5</v>
      </c>
      <c r="EK34" s="71">
        <v>4</v>
      </c>
      <c r="EL34" s="71">
        <v>5</v>
      </c>
      <c r="EM34" s="71">
        <v>0</v>
      </c>
      <c r="EN34" s="72">
        <v>24</v>
      </c>
      <c r="EO34" s="73">
        <v>40</v>
      </c>
      <c r="EP34" s="70">
        <v>17</v>
      </c>
      <c r="EQ34" s="71">
        <v>25</v>
      </c>
      <c r="ER34" s="72">
        <v>42</v>
      </c>
      <c r="ES34" s="244"/>
      <c r="ET34" s="71">
        <v>19</v>
      </c>
      <c r="EU34" s="71">
        <v>13</v>
      </c>
      <c r="EV34" s="71">
        <v>16</v>
      </c>
      <c r="EW34" s="71">
        <v>8</v>
      </c>
      <c r="EX34" s="71">
        <v>4</v>
      </c>
      <c r="EY34" s="72">
        <v>60</v>
      </c>
      <c r="EZ34" s="73">
        <v>102</v>
      </c>
      <c r="FA34" s="70">
        <v>23</v>
      </c>
      <c r="FB34" s="71">
        <v>29</v>
      </c>
      <c r="FC34" s="72">
        <v>52</v>
      </c>
      <c r="FD34" s="244"/>
      <c r="FE34" s="71">
        <v>28</v>
      </c>
      <c r="FF34" s="71">
        <v>34</v>
      </c>
      <c r="FG34" s="71">
        <v>21</v>
      </c>
      <c r="FH34" s="71">
        <v>14</v>
      </c>
      <c r="FI34" s="71">
        <v>10</v>
      </c>
      <c r="FJ34" s="72">
        <v>107</v>
      </c>
      <c r="FK34" s="73">
        <v>159</v>
      </c>
      <c r="FL34" s="70">
        <v>8</v>
      </c>
      <c r="FM34" s="71">
        <v>20</v>
      </c>
      <c r="FN34" s="72">
        <v>28</v>
      </c>
      <c r="FO34" s="244"/>
      <c r="FP34" s="71">
        <v>38</v>
      </c>
      <c r="FQ34" s="71">
        <v>27</v>
      </c>
      <c r="FR34" s="71">
        <v>35</v>
      </c>
      <c r="FS34" s="71">
        <v>29</v>
      </c>
      <c r="FT34" s="71">
        <v>20</v>
      </c>
      <c r="FU34" s="72">
        <v>149</v>
      </c>
      <c r="FV34" s="73">
        <v>177</v>
      </c>
      <c r="FW34" s="70">
        <v>0</v>
      </c>
      <c r="FX34" s="71">
        <v>0</v>
      </c>
      <c r="FY34" s="72">
        <v>0</v>
      </c>
      <c r="FZ34" s="244"/>
      <c r="GA34" s="71">
        <v>2</v>
      </c>
      <c r="GB34" s="71">
        <v>0</v>
      </c>
      <c r="GC34" s="71">
        <v>1</v>
      </c>
      <c r="GD34" s="71">
        <v>1</v>
      </c>
      <c r="GE34" s="71">
        <v>1</v>
      </c>
      <c r="GF34" s="72">
        <v>5</v>
      </c>
      <c r="GG34" s="73">
        <v>5</v>
      </c>
      <c r="GH34" s="70">
        <v>56</v>
      </c>
      <c r="GI34" s="71">
        <v>91</v>
      </c>
      <c r="GJ34" s="72">
        <v>147</v>
      </c>
      <c r="GK34" s="244"/>
      <c r="GL34" s="71">
        <v>111</v>
      </c>
      <c r="GM34" s="71">
        <v>86</v>
      </c>
      <c r="GN34" s="71">
        <v>80</v>
      </c>
      <c r="GO34" s="71">
        <v>66</v>
      </c>
      <c r="GP34" s="71">
        <v>38</v>
      </c>
      <c r="GQ34" s="72">
        <v>381</v>
      </c>
      <c r="GR34" s="73">
        <v>528</v>
      </c>
      <c r="GS34" s="123">
        <v>77</v>
      </c>
      <c r="GT34" s="82">
        <v>129</v>
      </c>
      <c r="GU34" s="83">
        <v>206</v>
      </c>
      <c r="GV34" s="241"/>
      <c r="GW34" s="82">
        <v>165</v>
      </c>
      <c r="GX34" s="82">
        <v>130</v>
      </c>
      <c r="GY34" s="82">
        <v>118</v>
      </c>
      <c r="GZ34" s="82">
        <v>95</v>
      </c>
      <c r="HA34" s="82">
        <v>53</v>
      </c>
      <c r="HB34" s="84">
        <v>561</v>
      </c>
      <c r="HC34" s="85">
        <v>767</v>
      </c>
      <c r="HD34" s="70">
        <v>0</v>
      </c>
      <c r="HE34" s="71">
        <v>3</v>
      </c>
      <c r="HF34" s="72">
        <v>3</v>
      </c>
      <c r="HG34" s="244"/>
      <c r="HH34" s="71">
        <v>2</v>
      </c>
      <c r="HI34" s="71">
        <v>4</v>
      </c>
      <c r="HJ34" s="71">
        <v>4</v>
      </c>
      <c r="HK34" s="71">
        <v>4</v>
      </c>
      <c r="HL34" s="71">
        <v>3</v>
      </c>
      <c r="HM34" s="72">
        <v>17</v>
      </c>
      <c r="HN34" s="73">
        <v>20</v>
      </c>
      <c r="HO34" s="70">
        <v>6</v>
      </c>
      <c r="HP34" s="71">
        <v>10</v>
      </c>
      <c r="HQ34" s="72">
        <v>16</v>
      </c>
      <c r="HR34" s="244"/>
      <c r="HS34" s="71">
        <v>21</v>
      </c>
      <c r="HT34" s="71">
        <v>12</v>
      </c>
      <c r="HU34" s="71">
        <v>8</v>
      </c>
      <c r="HV34" s="71">
        <v>10</v>
      </c>
      <c r="HW34" s="71">
        <v>3</v>
      </c>
      <c r="HX34" s="72">
        <v>54</v>
      </c>
      <c r="HY34" s="73">
        <v>70</v>
      </c>
      <c r="HZ34" s="70">
        <v>8</v>
      </c>
      <c r="IA34" s="71">
        <v>15</v>
      </c>
      <c r="IB34" s="72">
        <v>23</v>
      </c>
      <c r="IC34" s="244"/>
      <c r="ID34" s="71">
        <v>17</v>
      </c>
      <c r="IE34" s="71">
        <v>8</v>
      </c>
      <c r="IF34" s="71">
        <v>13</v>
      </c>
      <c r="IG34" s="71">
        <v>11</v>
      </c>
      <c r="IH34" s="71">
        <v>2</v>
      </c>
      <c r="II34" s="72">
        <v>51</v>
      </c>
      <c r="IJ34" s="73">
        <v>74</v>
      </c>
      <c r="IK34" s="70">
        <v>21</v>
      </c>
      <c r="IL34" s="71">
        <v>39</v>
      </c>
      <c r="IM34" s="72">
        <v>60</v>
      </c>
      <c r="IN34" s="244"/>
      <c r="IO34" s="71">
        <v>34</v>
      </c>
      <c r="IP34" s="71">
        <v>23</v>
      </c>
      <c r="IQ34" s="71">
        <v>22</v>
      </c>
      <c r="IR34" s="71">
        <v>11</v>
      </c>
      <c r="IS34" s="71">
        <v>6</v>
      </c>
      <c r="IT34" s="72">
        <v>96</v>
      </c>
      <c r="IU34" s="73">
        <v>156</v>
      </c>
      <c r="IV34" s="70">
        <v>30</v>
      </c>
      <c r="IW34" s="71">
        <v>36</v>
      </c>
      <c r="IX34" s="72">
        <v>66</v>
      </c>
      <c r="IY34" s="244"/>
      <c r="IZ34" s="71">
        <v>41</v>
      </c>
      <c r="JA34" s="71">
        <v>45</v>
      </c>
      <c r="JB34" s="71">
        <v>26</v>
      </c>
      <c r="JC34" s="71">
        <v>21</v>
      </c>
      <c r="JD34" s="71">
        <v>13</v>
      </c>
      <c r="JE34" s="72">
        <v>146</v>
      </c>
      <c r="JF34" s="73">
        <v>212</v>
      </c>
      <c r="JG34" s="70">
        <v>12</v>
      </c>
      <c r="JH34" s="71">
        <v>26</v>
      </c>
      <c r="JI34" s="72">
        <v>38</v>
      </c>
      <c r="JJ34" s="244"/>
      <c r="JK34" s="71">
        <v>50</v>
      </c>
      <c r="JL34" s="71">
        <v>38</v>
      </c>
      <c r="JM34" s="71">
        <v>45</v>
      </c>
      <c r="JN34" s="71">
        <v>38</v>
      </c>
      <c r="JO34" s="71">
        <v>26</v>
      </c>
      <c r="JP34" s="72">
        <v>197</v>
      </c>
      <c r="JQ34" s="73">
        <v>235</v>
      </c>
      <c r="JR34" s="70">
        <v>0</v>
      </c>
      <c r="JS34" s="71">
        <v>4</v>
      </c>
      <c r="JT34" s="72">
        <v>4</v>
      </c>
      <c r="JU34" s="244"/>
      <c r="JV34" s="71">
        <v>4</v>
      </c>
      <c r="JW34" s="71">
        <v>0</v>
      </c>
      <c r="JX34" s="71">
        <v>1</v>
      </c>
      <c r="JY34" s="71">
        <v>2</v>
      </c>
      <c r="JZ34" s="71">
        <v>1</v>
      </c>
      <c r="KA34" s="72">
        <v>8</v>
      </c>
      <c r="KB34" s="73">
        <v>12</v>
      </c>
      <c r="KC34" s="70">
        <v>77</v>
      </c>
      <c r="KD34" s="71">
        <v>133</v>
      </c>
      <c r="KE34" s="72">
        <v>210</v>
      </c>
      <c r="KF34" s="244"/>
      <c r="KG34" s="71">
        <v>169</v>
      </c>
      <c r="KH34" s="71">
        <v>130</v>
      </c>
      <c r="KI34" s="71">
        <v>119</v>
      </c>
      <c r="KJ34" s="71">
        <v>97</v>
      </c>
      <c r="KK34" s="71">
        <v>54</v>
      </c>
      <c r="KL34" s="72">
        <v>569</v>
      </c>
      <c r="KM34" s="73">
        <v>779</v>
      </c>
    </row>
    <row r="35" spans="2:299" ht="21" customHeight="1" x14ac:dyDescent="0.2">
      <c r="B35" s="126" t="s">
        <v>32</v>
      </c>
      <c r="C35" s="315">
        <v>28</v>
      </c>
      <c r="D35" s="82">
        <v>22</v>
      </c>
      <c r="E35" s="83">
        <v>50</v>
      </c>
      <c r="F35" s="241"/>
      <c r="G35" s="82">
        <v>60</v>
      </c>
      <c r="H35" s="82">
        <v>58</v>
      </c>
      <c r="I35" s="82">
        <v>38</v>
      </c>
      <c r="J35" s="82">
        <v>28</v>
      </c>
      <c r="K35" s="82">
        <v>24</v>
      </c>
      <c r="L35" s="84">
        <v>208</v>
      </c>
      <c r="M35" s="85">
        <v>258</v>
      </c>
      <c r="N35" s="70">
        <v>3</v>
      </c>
      <c r="O35" s="71">
        <v>1</v>
      </c>
      <c r="P35" s="72">
        <v>4</v>
      </c>
      <c r="Q35" s="244"/>
      <c r="R35" s="71">
        <v>5</v>
      </c>
      <c r="S35" s="71">
        <v>3</v>
      </c>
      <c r="T35" s="71">
        <v>2</v>
      </c>
      <c r="U35" s="71">
        <v>2</v>
      </c>
      <c r="V35" s="71">
        <v>1</v>
      </c>
      <c r="W35" s="72">
        <v>13</v>
      </c>
      <c r="X35" s="73">
        <v>17</v>
      </c>
      <c r="Y35" s="70">
        <v>8</v>
      </c>
      <c r="Z35" s="71">
        <v>1</v>
      </c>
      <c r="AA35" s="72">
        <v>9</v>
      </c>
      <c r="AB35" s="244"/>
      <c r="AC35" s="71">
        <v>2</v>
      </c>
      <c r="AD35" s="71">
        <v>5</v>
      </c>
      <c r="AE35" s="71">
        <v>3</v>
      </c>
      <c r="AF35" s="71">
        <v>6</v>
      </c>
      <c r="AG35" s="71">
        <v>2</v>
      </c>
      <c r="AH35" s="72">
        <v>18</v>
      </c>
      <c r="AI35" s="73">
        <v>27</v>
      </c>
      <c r="AJ35" s="70">
        <v>4</v>
      </c>
      <c r="AK35" s="71">
        <v>0</v>
      </c>
      <c r="AL35" s="72">
        <v>4</v>
      </c>
      <c r="AM35" s="244"/>
      <c r="AN35" s="71">
        <v>8</v>
      </c>
      <c r="AO35" s="71">
        <v>10</v>
      </c>
      <c r="AP35" s="71">
        <v>4</v>
      </c>
      <c r="AQ35" s="71">
        <v>1</v>
      </c>
      <c r="AR35" s="71">
        <v>7</v>
      </c>
      <c r="AS35" s="72">
        <v>30</v>
      </c>
      <c r="AT35" s="73">
        <v>34</v>
      </c>
      <c r="AU35" s="70">
        <v>5</v>
      </c>
      <c r="AV35" s="71">
        <v>8</v>
      </c>
      <c r="AW35" s="72">
        <v>13</v>
      </c>
      <c r="AX35" s="244"/>
      <c r="AY35" s="71">
        <v>20</v>
      </c>
      <c r="AZ35" s="71">
        <v>12</v>
      </c>
      <c r="BA35" s="71">
        <v>9</v>
      </c>
      <c r="BB35" s="71">
        <v>8</v>
      </c>
      <c r="BC35" s="71">
        <v>3</v>
      </c>
      <c r="BD35" s="72">
        <v>52</v>
      </c>
      <c r="BE35" s="73">
        <v>65</v>
      </c>
      <c r="BF35" s="70">
        <v>7</v>
      </c>
      <c r="BG35" s="71">
        <v>8</v>
      </c>
      <c r="BH35" s="72">
        <v>15</v>
      </c>
      <c r="BI35" s="244"/>
      <c r="BJ35" s="71">
        <v>17</v>
      </c>
      <c r="BK35" s="71">
        <v>14</v>
      </c>
      <c r="BL35" s="71">
        <v>13</v>
      </c>
      <c r="BM35" s="71">
        <v>6</v>
      </c>
      <c r="BN35" s="71">
        <v>9</v>
      </c>
      <c r="BO35" s="72">
        <v>59</v>
      </c>
      <c r="BP35" s="73">
        <v>74</v>
      </c>
      <c r="BQ35" s="70">
        <v>1</v>
      </c>
      <c r="BR35" s="71">
        <v>4</v>
      </c>
      <c r="BS35" s="72">
        <v>5</v>
      </c>
      <c r="BT35" s="244"/>
      <c r="BU35" s="71">
        <v>8</v>
      </c>
      <c r="BV35" s="71">
        <v>14</v>
      </c>
      <c r="BW35" s="71">
        <v>7</v>
      </c>
      <c r="BX35" s="71">
        <v>5</v>
      </c>
      <c r="BY35" s="71">
        <v>2</v>
      </c>
      <c r="BZ35" s="72">
        <v>36</v>
      </c>
      <c r="CA35" s="73">
        <v>41</v>
      </c>
      <c r="CB35" s="70">
        <v>1</v>
      </c>
      <c r="CC35" s="71">
        <v>1</v>
      </c>
      <c r="CD35" s="72">
        <v>2</v>
      </c>
      <c r="CE35" s="244"/>
      <c r="CF35" s="71">
        <v>5</v>
      </c>
      <c r="CG35" s="71">
        <v>4</v>
      </c>
      <c r="CH35" s="71">
        <v>2</v>
      </c>
      <c r="CI35" s="71">
        <v>1</v>
      </c>
      <c r="CJ35" s="71">
        <v>4</v>
      </c>
      <c r="CK35" s="72">
        <v>16</v>
      </c>
      <c r="CL35" s="73">
        <v>18</v>
      </c>
      <c r="CM35" s="70">
        <v>29</v>
      </c>
      <c r="CN35" s="71">
        <v>23</v>
      </c>
      <c r="CO35" s="72">
        <v>52</v>
      </c>
      <c r="CP35" s="244"/>
      <c r="CQ35" s="71">
        <v>65</v>
      </c>
      <c r="CR35" s="71">
        <v>62</v>
      </c>
      <c r="CS35" s="71">
        <v>40</v>
      </c>
      <c r="CT35" s="71">
        <v>29</v>
      </c>
      <c r="CU35" s="71">
        <v>28</v>
      </c>
      <c r="CV35" s="72">
        <v>224</v>
      </c>
      <c r="CW35" s="73">
        <v>276</v>
      </c>
      <c r="CX35" s="123">
        <v>35</v>
      </c>
      <c r="CY35" s="82">
        <v>72</v>
      </c>
      <c r="CZ35" s="83">
        <v>107</v>
      </c>
      <c r="DA35" s="241"/>
      <c r="DB35" s="82">
        <v>115</v>
      </c>
      <c r="DC35" s="82">
        <v>85</v>
      </c>
      <c r="DD35" s="82">
        <v>80</v>
      </c>
      <c r="DE35" s="82">
        <v>79</v>
      </c>
      <c r="DF35" s="82">
        <v>40</v>
      </c>
      <c r="DG35" s="84">
        <v>399</v>
      </c>
      <c r="DH35" s="85">
        <v>506</v>
      </c>
      <c r="DI35" s="70">
        <v>2</v>
      </c>
      <c r="DJ35" s="71">
        <v>2</v>
      </c>
      <c r="DK35" s="72">
        <v>4</v>
      </c>
      <c r="DL35" s="244"/>
      <c r="DM35" s="71">
        <v>1</v>
      </c>
      <c r="DN35" s="71">
        <v>3</v>
      </c>
      <c r="DO35" s="71">
        <v>2</v>
      </c>
      <c r="DP35" s="71">
        <v>0</v>
      </c>
      <c r="DQ35" s="71">
        <v>2</v>
      </c>
      <c r="DR35" s="72">
        <v>8</v>
      </c>
      <c r="DS35" s="73">
        <v>12</v>
      </c>
      <c r="DT35" s="70">
        <v>2</v>
      </c>
      <c r="DU35" s="71">
        <v>4</v>
      </c>
      <c r="DV35" s="72">
        <v>6</v>
      </c>
      <c r="DW35" s="244"/>
      <c r="DX35" s="71">
        <v>8</v>
      </c>
      <c r="DY35" s="71">
        <v>2</v>
      </c>
      <c r="DZ35" s="71">
        <v>2</v>
      </c>
      <c r="EA35" s="71">
        <v>5</v>
      </c>
      <c r="EB35" s="71">
        <v>2</v>
      </c>
      <c r="EC35" s="72">
        <v>19</v>
      </c>
      <c r="ED35" s="73">
        <v>25</v>
      </c>
      <c r="EE35" s="70">
        <v>6</v>
      </c>
      <c r="EF35" s="71">
        <v>11</v>
      </c>
      <c r="EG35" s="72">
        <v>17</v>
      </c>
      <c r="EH35" s="244"/>
      <c r="EI35" s="71">
        <v>19</v>
      </c>
      <c r="EJ35" s="71">
        <v>5</v>
      </c>
      <c r="EK35" s="71">
        <v>4</v>
      </c>
      <c r="EL35" s="71">
        <v>1</v>
      </c>
      <c r="EM35" s="71">
        <v>6</v>
      </c>
      <c r="EN35" s="72">
        <v>35</v>
      </c>
      <c r="EO35" s="73">
        <v>52</v>
      </c>
      <c r="EP35" s="70">
        <v>11</v>
      </c>
      <c r="EQ35" s="71">
        <v>13</v>
      </c>
      <c r="ER35" s="72">
        <v>24</v>
      </c>
      <c r="ES35" s="244"/>
      <c r="ET35" s="71">
        <v>21</v>
      </c>
      <c r="EU35" s="71">
        <v>23</v>
      </c>
      <c r="EV35" s="71">
        <v>21</v>
      </c>
      <c r="EW35" s="71">
        <v>11</v>
      </c>
      <c r="EX35" s="71">
        <v>7</v>
      </c>
      <c r="EY35" s="72">
        <v>83</v>
      </c>
      <c r="EZ35" s="73">
        <v>107</v>
      </c>
      <c r="FA35" s="70">
        <v>9</v>
      </c>
      <c r="FB35" s="71">
        <v>19</v>
      </c>
      <c r="FC35" s="72">
        <v>28</v>
      </c>
      <c r="FD35" s="244"/>
      <c r="FE35" s="71">
        <v>31</v>
      </c>
      <c r="FF35" s="71">
        <v>20</v>
      </c>
      <c r="FG35" s="71">
        <v>18</v>
      </c>
      <c r="FH35" s="71">
        <v>21</v>
      </c>
      <c r="FI35" s="71">
        <v>9</v>
      </c>
      <c r="FJ35" s="72">
        <v>99</v>
      </c>
      <c r="FK35" s="73">
        <v>127</v>
      </c>
      <c r="FL35" s="70">
        <v>5</v>
      </c>
      <c r="FM35" s="71">
        <v>23</v>
      </c>
      <c r="FN35" s="72">
        <v>28</v>
      </c>
      <c r="FO35" s="244"/>
      <c r="FP35" s="71">
        <v>35</v>
      </c>
      <c r="FQ35" s="71">
        <v>32</v>
      </c>
      <c r="FR35" s="71">
        <v>33</v>
      </c>
      <c r="FS35" s="71">
        <v>41</v>
      </c>
      <c r="FT35" s="71">
        <v>14</v>
      </c>
      <c r="FU35" s="72">
        <v>155</v>
      </c>
      <c r="FV35" s="73">
        <v>183</v>
      </c>
      <c r="FW35" s="70">
        <v>1</v>
      </c>
      <c r="FX35" s="71">
        <v>1</v>
      </c>
      <c r="FY35" s="72">
        <v>2</v>
      </c>
      <c r="FZ35" s="244"/>
      <c r="GA35" s="71">
        <v>3</v>
      </c>
      <c r="GB35" s="71">
        <v>3</v>
      </c>
      <c r="GC35" s="71">
        <v>1</v>
      </c>
      <c r="GD35" s="71">
        <v>0</v>
      </c>
      <c r="GE35" s="71">
        <v>2</v>
      </c>
      <c r="GF35" s="72">
        <v>9</v>
      </c>
      <c r="GG35" s="73">
        <v>11</v>
      </c>
      <c r="GH35" s="70">
        <v>36</v>
      </c>
      <c r="GI35" s="71">
        <v>73</v>
      </c>
      <c r="GJ35" s="72">
        <v>109</v>
      </c>
      <c r="GK35" s="244"/>
      <c r="GL35" s="71">
        <v>118</v>
      </c>
      <c r="GM35" s="71">
        <v>88</v>
      </c>
      <c r="GN35" s="71">
        <v>81</v>
      </c>
      <c r="GO35" s="71">
        <v>79</v>
      </c>
      <c r="GP35" s="71">
        <v>42</v>
      </c>
      <c r="GQ35" s="72">
        <v>408</v>
      </c>
      <c r="GR35" s="73">
        <v>517</v>
      </c>
      <c r="GS35" s="123">
        <v>63</v>
      </c>
      <c r="GT35" s="82">
        <v>94</v>
      </c>
      <c r="GU35" s="83">
        <v>157</v>
      </c>
      <c r="GV35" s="241"/>
      <c r="GW35" s="82">
        <v>175</v>
      </c>
      <c r="GX35" s="82">
        <v>143</v>
      </c>
      <c r="GY35" s="82">
        <v>118</v>
      </c>
      <c r="GZ35" s="82">
        <v>107</v>
      </c>
      <c r="HA35" s="82">
        <v>64</v>
      </c>
      <c r="HB35" s="84">
        <v>607</v>
      </c>
      <c r="HC35" s="85">
        <v>764</v>
      </c>
      <c r="HD35" s="70">
        <v>5</v>
      </c>
      <c r="HE35" s="71">
        <v>3</v>
      </c>
      <c r="HF35" s="72">
        <v>8</v>
      </c>
      <c r="HG35" s="244"/>
      <c r="HH35" s="71">
        <v>6</v>
      </c>
      <c r="HI35" s="71">
        <v>6</v>
      </c>
      <c r="HJ35" s="71">
        <v>4</v>
      </c>
      <c r="HK35" s="71">
        <v>2</v>
      </c>
      <c r="HL35" s="71">
        <v>3</v>
      </c>
      <c r="HM35" s="72">
        <v>21</v>
      </c>
      <c r="HN35" s="73">
        <v>29</v>
      </c>
      <c r="HO35" s="70">
        <v>10</v>
      </c>
      <c r="HP35" s="71">
        <v>5</v>
      </c>
      <c r="HQ35" s="72">
        <v>15</v>
      </c>
      <c r="HR35" s="244"/>
      <c r="HS35" s="71">
        <v>10</v>
      </c>
      <c r="HT35" s="71">
        <v>7</v>
      </c>
      <c r="HU35" s="71">
        <v>5</v>
      </c>
      <c r="HV35" s="71">
        <v>11</v>
      </c>
      <c r="HW35" s="71">
        <v>4</v>
      </c>
      <c r="HX35" s="72">
        <v>37</v>
      </c>
      <c r="HY35" s="73">
        <v>52</v>
      </c>
      <c r="HZ35" s="70">
        <v>10</v>
      </c>
      <c r="IA35" s="71">
        <v>11</v>
      </c>
      <c r="IB35" s="72">
        <v>21</v>
      </c>
      <c r="IC35" s="244"/>
      <c r="ID35" s="71">
        <v>27</v>
      </c>
      <c r="IE35" s="71">
        <v>15</v>
      </c>
      <c r="IF35" s="71">
        <v>8</v>
      </c>
      <c r="IG35" s="71">
        <v>2</v>
      </c>
      <c r="IH35" s="71">
        <v>13</v>
      </c>
      <c r="II35" s="72">
        <v>65</v>
      </c>
      <c r="IJ35" s="73">
        <v>86</v>
      </c>
      <c r="IK35" s="70">
        <v>16</v>
      </c>
      <c r="IL35" s="71">
        <v>21</v>
      </c>
      <c r="IM35" s="72">
        <v>37</v>
      </c>
      <c r="IN35" s="244"/>
      <c r="IO35" s="71">
        <v>41</v>
      </c>
      <c r="IP35" s="71">
        <v>35</v>
      </c>
      <c r="IQ35" s="71">
        <v>30</v>
      </c>
      <c r="IR35" s="71">
        <v>19</v>
      </c>
      <c r="IS35" s="71">
        <v>10</v>
      </c>
      <c r="IT35" s="72">
        <v>135</v>
      </c>
      <c r="IU35" s="73">
        <v>172</v>
      </c>
      <c r="IV35" s="70">
        <v>16</v>
      </c>
      <c r="IW35" s="71">
        <v>27</v>
      </c>
      <c r="IX35" s="72">
        <v>43</v>
      </c>
      <c r="IY35" s="244"/>
      <c r="IZ35" s="71">
        <v>48</v>
      </c>
      <c r="JA35" s="71">
        <v>34</v>
      </c>
      <c r="JB35" s="71">
        <v>31</v>
      </c>
      <c r="JC35" s="71">
        <v>27</v>
      </c>
      <c r="JD35" s="71">
        <v>18</v>
      </c>
      <c r="JE35" s="72">
        <v>158</v>
      </c>
      <c r="JF35" s="73">
        <v>201</v>
      </c>
      <c r="JG35" s="70">
        <v>6</v>
      </c>
      <c r="JH35" s="71">
        <v>27</v>
      </c>
      <c r="JI35" s="72">
        <v>33</v>
      </c>
      <c r="JJ35" s="244"/>
      <c r="JK35" s="71">
        <v>43</v>
      </c>
      <c r="JL35" s="71">
        <v>46</v>
      </c>
      <c r="JM35" s="71">
        <v>40</v>
      </c>
      <c r="JN35" s="71">
        <v>46</v>
      </c>
      <c r="JO35" s="71">
        <v>16</v>
      </c>
      <c r="JP35" s="72">
        <v>191</v>
      </c>
      <c r="JQ35" s="73">
        <v>224</v>
      </c>
      <c r="JR35" s="70">
        <v>2</v>
      </c>
      <c r="JS35" s="71">
        <v>2</v>
      </c>
      <c r="JT35" s="72">
        <v>4</v>
      </c>
      <c r="JU35" s="244"/>
      <c r="JV35" s="71">
        <v>8</v>
      </c>
      <c r="JW35" s="71">
        <v>7</v>
      </c>
      <c r="JX35" s="71">
        <v>3</v>
      </c>
      <c r="JY35" s="71">
        <v>1</v>
      </c>
      <c r="JZ35" s="71">
        <v>6</v>
      </c>
      <c r="KA35" s="72">
        <v>25</v>
      </c>
      <c r="KB35" s="73">
        <v>29</v>
      </c>
      <c r="KC35" s="70">
        <v>65</v>
      </c>
      <c r="KD35" s="71">
        <v>96</v>
      </c>
      <c r="KE35" s="72">
        <v>161</v>
      </c>
      <c r="KF35" s="244"/>
      <c r="KG35" s="71">
        <v>183</v>
      </c>
      <c r="KH35" s="71">
        <v>150</v>
      </c>
      <c r="KI35" s="71">
        <v>121</v>
      </c>
      <c r="KJ35" s="71">
        <v>108</v>
      </c>
      <c r="KK35" s="71">
        <v>70</v>
      </c>
      <c r="KL35" s="72">
        <v>632</v>
      </c>
      <c r="KM35" s="73">
        <v>793</v>
      </c>
    </row>
    <row r="36" spans="2:299" ht="21" customHeight="1" x14ac:dyDescent="0.2">
      <c r="B36" s="126" t="s">
        <v>33</v>
      </c>
      <c r="C36" s="315">
        <v>32</v>
      </c>
      <c r="D36" s="82">
        <v>19</v>
      </c>
      <c r="E36" s="83">
        <v>51</v>
      </c>
      <c r="F36" s="241"/>
      <c r="G36" s="82">
        <v>58</v>
      </c>
      <c r="H36" s="82">
        <v>42</v>
      </c>
      <c r="I36" s="82">
        <v>36</v>
      </c>
      <c r="J36" s="82">
        <v>27</v>
      </c>
      <c r="K36" s="82">
        <v>14</v>
      </c>
      <c r="L36" s="84">
        <v>177</v>
      </c>
      <c r="M36" s="85">
        <v>228</v>
      </c>
      <c r="N36" s="70">
        <v>0</v>
      </c>
      <c r="O36" s="71">
        <v>1</v>
      </c>
      <c r="P36" s="72">
        <v>1</v>
      </c>
      <c r="Q36" s="244"/>
      <c r="R36" s="71">
        <v>2</v>
      </c>
      <c r="S36" s="71">
        <v>2</v>
      </c>
      <c r="T36" s="71">
        <v>3</v>
      </c>
      <c r="U36" s="71">
        <v>3</v>
      </c>
      <c r="V36" s="71">
        <v>0</v>
      </c>
      <c r="W36" s="72">
        <v>10</v>
      </c>
      <c r="X36" s="73">
        <v>11</v>
      </c>
      <c r="Y36" s="70">
        <v>5</v>
      </c>
      <c r="Z36" s="71">
        <v>4</v>
      </c>
      <c r="AA36" s="72">
        <v>9</v>
      </c>
      <c r="AB36" s="244"/>
      <c r="AC36" s="71">
        <v>9</v>
      </c>
      <c r="AD36" s="71">
        <v>8</v>
      </c>
      <c r="AE36" s="71">
        <v>5</v>
      </c>
      <c r="AF36" s="71">
        <v>7</v>
      </c>
      <c r="AG36" s="71">
        <v>5</v>
      </c>
      <c r="AH36" s="72">
        <v>34</v>
      </c>
      <c r="AI36" s="73">
        <v>43</v>
      </c>
      <c r="AJ36" s="70">
        <v>5</v>
      </c>
      <c r="AK36" s="71">
        <v>3</v>
      </c>
      <c r="AL36" s="72">
        <v>8</v>
      </c>
      <c r="AM36" s="244"/>
      <c r="AN36" s="71">
        <v>13</v>
      </c>
      <c r="AO36" s="71">
        <v>3</v>
      </c>
      <c r="AP36" s="71">
        <v>10</v>
      </c>
      <c r="AQ36" s="71">
        <v>3</v>
      </c>
      <c r="AR36" s="71">
        <v>4</v>
      </c>
      <c r="AS36" s="72">
        <v>33</v>
      </c>
      <c r="AT36" s="73">
        <v>41</v>
      </c>
      <c r="AU36" s="70">
        <v>10</v>
      </c>
      <c r="AV36" s="71">
        <v>5</v>
      </c>
      <c r="AW36" s="72">
        <v>15</v>
      </c>
      <c r="AX36" s="244"/>
      <c r="AY36" s="71">
        <v>13</v>
      </c>
      <c r="AZ36" s="71">
        <v>15</v>
      </c>
      <c r="BA36" s="71">
        <v>3</v>
      </c>
      <c r="BB36" s="71">
        <v>3</v>
      </c>
      <c r="BC36" s="71">
        <v>1</v>
      </c>
      <c r="BD36" s="72">
        <v>35</v>
      </c>
      <c r="BE36" s="73">
        <v>50</v>
      </c>
      <c r="BF36" s="70">
        <v>3</v>
      </c>
      <c r="BG36" s="71">
        <v>4</v>
      </c>
      <c r="BH36" s="72">
        <v>7</v>
      </c>
      <c r="BI36" s="244"/>
      <c r="BJ36" s="71">
        <v>10</v>
      </c>
      <c r="BK36" s="71">
        <v>7</v>
      </c>
      <c r="BL36" s="71">
        <v>11</v>
      </c>
      <c r="BM36" s="71">
        <v>8</v>
      </c>
      <c r="BN36" s="71">
        <v>3</v>
      </c>
      <c r="BO36" s="72">
        <v>39</v>
      </c>
      <c r="BP36" s="73">
        <v>46</v>
      </c>
      <c r="BQ36" s="70">
        <v>9</v>
      </c>
      <c r="BR36" s="71">
        <v>2</v>
      </c>
      <c r="BS36" s="72">
        <v>11</v>
      </c>
      <c r="BT36" s="244"/>
      <c r="BU36" s="71">
        <v>11</v>
      </c>
      <c r="BV36" s="71">
        <v>7</v>
      </c>
      <c r="BW36" s="71">
        <v>4</v>
      </c>
      <c r="BX36" s="71">
        <v>3</v>
      </c>
      <c r="BY36" s="71">
        <v>1</v>
      </c>
      <c r="BZ36" s="72">
        <v>26</v>
      </c>
      <c r="CA36" s="73">
        <v>37</v>
      </c>
      <c r="CB36" s="70">
        <v>1</v>
      </c>
      <c r="CC36" s="71">
        <v>0</v>
      </c>
      <c r="CD36" s="72">
        <v>1</v>
      </c>
      <c r="CE36" s="244"/>
      <c r="CF36" s="71">
        <v>1</v>
      </c>
      <c r="CG36" s="71">
        <v>1</v>
      </c>
      <c r="CH36" s="71">
        <v>0</v>
      </c>
      <c r="CI36" s="71">
        <v>1</v>
      </c>
      <c r="CJ36" s="71">
        <v>1</v>
      </c>
      <c r="CK36" s="72">
        <v>4</v>
      </c>
      <c r="CL36" s="73">
        <v>5</v>
      </c>
      <c r="CM36" s="70">
        <v>33</v>
      </c>
      <c r="CN36" s="71">
        <v>19</v>
      </c>
      <c r="CO36" s="72">
        <v>52</v>
      </c>
      <c r="CP36" s="244"/>
      <c r="CQ36" s="71">
        <v>59</v>
      </c>
      <c r="CR36" s="71">
        <v>43</v>
      </c>
      <c r="CS36" s="71">
        <v>36</v>
      </c>
      <c r="CT36" s="71">
        <v>28</v>
      </c>
      <c r="CU36" s="71">
        <v>15</v>
      </c>
      <c r="CV36" s="72">
        <v>181</v>
      </c>
      <c r="CW36" s="73">
        <v>233</v>
      </c>
      <c r="CX36" s="123">
        <v>51</v>
      </c>
      <c r="CY36" s="82">
        <v>79</v>
      </c>
      <c r="CZ36" s="83">
        <v>130</v>
      </c>
      <c r="DA36" s="241"/>
      <c r="DB36" s="82">
        <v>114</v>
      </c>
      <c r="DC36" s="82">
        <v>84</v>
      </c>
      <c r="DD36" s="82">
        <v>76</v>
      </c>
      <c r="DE36" s="82">
        <v>63</v>
      </c>
      <c r="DF36" s="82">
        <v>58</v>
      </c>
      <c r="DG36" s="84">
        <v>395</v>
      </c>
      <c r="DH36" s="85">
        <v>525</v>
      </c>
      <c r="DI36" s="70">
        <v>0</v>
      </c>
      <c r="DJ36" s="71">
        <v>2</v>
      </c>
      <c r="DK36" s="72">
        <v>2</v>
      </c>
      <c r="DL36" s="244"/>
      <c r="DM36" s="71">
        <v>2</v>
      </c>
      <c r="DN36" s="71">
        <v>2</v>
      </c>
      <c r="DO36" s="71">
        <v>1</v>
      </c>
      <c r="DP36" s="71">
        <v>2</v>
      </c>
      <c r="DQ36" s="71">
        <v>3</v>
      </c>
      <c r="DR36" s="72">
        <v>10</v>
      </c>
      <c r="DS36" s="73">
        <v>12</v>
      </c>
      <c r="DT36" s="70">
        <v>5</v>
      </c>
      <c r="DU36" s="71">
        <v>10</v>
      </c>
      <c r="DV36" s="72">
        <v>15</v>
      </c>
      <c r="DW36" s="244"/>
      <c r="DX36" s="71">
        <v>3</v>
      </c>
      <c r="DY36" s="71">
        <v>5</v>
      </c>
      <c r="DZ36" s="71">
        <v>4</v>
      </c>
      <c r="EA36" s="71">
        <v>1</v>
      </c>
      <c r="EB36" s="71">
        <v>3</v>
      </c>
      <c r="EC36" s="72">
        <v>16</v>
      </c>
      <c r="ED36" s="73">
        <v>31</v>
      </c>
      <c r="EE36" s="70">
        <v>3</v>
      </c>
      <c r="EF36" s="71">
        <v>8</v>
      </c>
      <c r="EG36" s="72">
        <v>11</v>
      </c>
      <c r="EH36" s="244"/>
      <c r="EI36" s="71">
        <v>16</v>
      </c>
      <c r="EJ36" s="71">
        <v>10</v>
      </c>
      <c r="EK36" s="71">
        <v>12</v>
      </c>
      <c r="EL36" s="71">
        <v>4</v>
      </c>
      <c r="EM36" s="71">
        <v>7</v>
      </c>
      <c r="EN36" s="72">
        <v>49</v>
      </c>
      <c r="EO36" s="73">
        <v>60</v>
      </c>
      <c r="EP36" s="70">
        <v>10</v>
      </c>
      <c r="EQ36" s="71">
        <v>15</v>
      </c>
      <c r="ER36" s="72">
        <v>25</v>
      </c>
      <c r="ES36" s="244"/>
      <c r="ET36" s="71">
        <v>28</v>
      </c>
      <c r="EU36" s="71">
        <v>14</v>
      </c>
      <c r="EV36" s="71">
        <v>10</v>
      </c>
      <c r="EW36" s="71">
        <v>16</v>
      </c>
      <c r="EX36" s="71">
        <v>9</v>
      </c>
      <c r="EY36" s="72">
        <v>77</v>
      </c>
      <c r="EZ36" s="73">
        <v>102</v>
      </c>
      <c r="FA36" s="70">
        <v>23</v>
      </c>
      <c r="FB36" s="71">
        <v>25</v>
      </c>
      <c r="FC36" s="72">
        <v>48</v>
      </c>
      <c r="FD36" s="244"/>
      <c r="FE36" s="71">
        <v>33</v>
      </c>
      <c r="FF36" s="71">
        <v>19</v>
      </c>
      <c r="FG36" s="71">
        <v>18</v>
      </c>
      <c r="FH36" s="71">
        <v>12</v>
      </c>
      <c r="FI36" s="71">
        <v>15</v>
      </c>
      <c r="FJ36" s="72">
        <v>97</v>
      </c>
      <c r="FK36" s="73">
        <v>145</v>
      </c>
      <c r="FL36" s="70">
        <v>10</v>
      </c>
      <c r="FM36" s="71">
        <v>19</v>
      </c>
      <c r="FN36" s="72">
        <v>29</v>
      </c>
      <c r="FO36" s="244"/>
      <c r="FP36" s="71">
        <v>32</v>
      </c>
      <c r="FQ36" s="71">
        <v>34</v>
      </c>
      <c r="FR36" s="71">
        <v>31</v>
      </c>
      <c r="FS36" s="71">
        <v>28</v>
      </c>
      <c r="FT36" s="71">
        <v>21</v>
      </c>
      <c r="FU36" s="72">
        <v>146</v>
      </c>
      <c r="FV36" s="73">
        <v>175</v>
      </c>
      <c r="FW36" s="70">
        <v>0</v>
      </c>
      <c r="FX36" s="71">
        <v>0</v>
      </c>
      <c r="FY36" s="72">
        <v>0</v>
      </c>
      <c r="FZ36" s="244"/>
      <c r="GA36" s="71">
        <v>1</v>
      </c>
      <c r="GB36" s="71">
        <v>0</v>
      </c>
      <c r="GC36" s="71">
        <v>0</v>
      </c>
      <c r="GD36" s="71">
        <v>1</v>
      </c>
      <c r="GE36" s="71">
        <v>1</v>
      </c>
      <c r="GF36" s="72">
        <v>3</v>
      </c>
      <c r="GG36" s="73">
        <v>3</v>
      </c>
      <c r="GH36" s="70">
        <v>51</v>
      </c>
      <c r="GI36" s="71">
        <v>79</v>
      </c>
      <c r="GJ36" s="72">
        <v>130</v>
      </c>
      <c r="GK36" s="244"/>
      <c r="GL36" s="71">
        <v>115</v>
      </c>
      <c r="GM36" s="71">
        <v>84</v>
      </c>
      <c r="GN36" s="71">
        <v>76</v>
      </c>
      <c r="GO36" s="71">
        <v>64</v>
      </c>
      <c r="GP36" s="71">
        <v>59</v>
      </c>
      <c r="GQ36" s="72">
        <v>398</v>
      </c>
      <c r="GR36" s="73">
        <v>528</v>
      </c>
      <c r="GS36" s="123">
        <v>83</v>
      </c>
      <c r="GT36" s="82">
        <v>98</v>
      </c>
      <c r="GU36" s="83">
        <v>181</v>
      </c>
      <c r="GV36" s="241"/>
      <c r="GW36" s="82">
        <v>172</v>
      </c>
      <c r="GX36" s="82">
        <v>126</v>
      </c>
      <c r="GY36" s="82">
        <v>112</v>
      </c>
      <c r="GZ36" s="82">
        <v>90</v>
      </c>
      <c r="HA36" s="82">
        <v>72</v>
      </c>
      <c r="HB36" s="84">
        <v>572</v>
      </c>
      <c r="HC36" s="85">
        <v>753</v>
      </c>
      <c r="HD36" s="70">
        <v>0</v>
      </c>
      <c r="HE36" s="71">
        <v>3</v>
      </c>
      <c r="HF36" s="72">
        <v>3</v>
      </c>
      <c r="HG36" s="244"/>
      <c r="HH36" s="71">
        <v>4</v>
      </c>
      <c r="HI36" s="71">
        <v>4</v>
      </c>
      <c r="HJ36" s="71">
        <v>4</v>
      </c>
      <c r="HK36" s="71">
        <v>5</v>
      </c>
      <c r="HL36" s="71">
        <v>3</v>
      </c>
      <c r="HM36" s="72">
        <v>20</v>
      </c>
      <c r="HN36" s="73">
        <v>23</v>
      </c>
      <c r="HO36" s="70">
        <v>10</v>
      </c>
      <c r="HP36" s="71">
        <v>14</v>
      </c>
      <c r="HQ36" s="72">
        <v>24</v>
      </c>
      <c r="HR36" s="244"/>
      <c r="HS36" s="71">
        <v>12</v>
      </c>
      <c r="HT36" s="71">
        <v>13</v>
      </c>
      <c r="HU36" s="71">
        <v>9</v>
      </c>
      <c r="HV36" s="71">
        <v>8</v>
      </c>
      <c r="HW36" s="71">
        <v>8</v>
      </c>
      <c r="HX36" s="72">
        <v>50</v>
      </c>
      <c r="HY36" s="73">
        <v>74</v>
      </c>
      <c r="HZ36" s="70">
        <v>8</v>
      </c>
      <c r="IA36" s="71">
        <v>11</v>
      </c>
      <c r="IB36" s="72">
        <v>19</v>
      </c>
      <c r="IC36" s="244"/>
      <c r="ID36" s="71">
        <v>29</v>
      </c>
      <c r="IE36" s="71">
        <v>13</v>
      </c>
      <c r="IF36" s="71">
        <v>22</v>
      </c>
      <c r="IG36" s="71">
        <v>7</v>
      </c>
      <c r="IH36" s="71">
        <v>11</v>
      </c>
      <c r="II36" s="72">
        <v>82</v>
      </c>
      <c r="IJ36" s="73">
        <v>101</v>
      </c>
      <c r="IK36" s="70">
        <v>20</v>
      </c>
      <c r="IL36" s="71">
        <v>20</v>
      </c>
      <c r="IM36" s="72">
        <v>40</v>
      </c>
      <c r="IN36" s="244"/>
      <c r="IO36" s="71">
        <v>41</v>
      </c>
      <c r="IP36" s="71">
        <v>29</v>
      </c>
      <c r="IQ36" s="71">
        <v>13</v>
      </c>
      <c r="IR36" s="71">
        <v>19</v>
      </c>
      <c r="IS36" s="71">
        <v>10</v>
      </c>
      <c r="IT36" s="72">
        <v>112</v>
      </c>
      <c r="IU36" s="73">
        <v>152</v>
      </c>
      <c r="IV36" s="70">
        <v>26</v>
      </c>
      <c r="IW36" s="71">
        <v>29</v>
      </c>
      <c r="IX36" s="72">
        <v>55</v>
      </c>
      <c r="IY36" s="244"/>
      <c r="IZ36" s="71">
        <v>43</v>
      </c>
      <c r="JA36" s="71">
        <v>26</v>
      </c>
      <c r="JB36" s="71">
        <v>29</v>
      </c>
      <c r="JC36" s="71">
        <v>20</v>
      </c>
      <c r="JD36" s="71">
        <v>18</v>
      </c>
      <c r="JE36" s="72">
        <v>136</v>
      </c>
      <c r="JF36" s="73">
        <v>191</v>
      </c>
      <c r="JG36" s="70">
        <v>19</v>
      </c>
      <c r="JH36" s="71">
        <v>21</v>
      </c>
      <c r="JI36" s="72">
        <v>40</v>
      </c>
      <c r="JJ36" s="244"/>
      <c r="JK36" s="71">
        <v>43</v>
      </c>
      <c r="JL36" s="71">
        <v>41</v>
      </c>
      <c r="JM36" s="71">
        <v>35</v>
      </c>
      <c r="JN36" s="71">
        <v>31</v>
      </c>
      <c r="JO36" s="71">
        <v>22</v>
      </c>
      <c r="JP36" s="72">
        <v>172</v>
      </c>
      <c r="JQ36" s="73">
        <v>212</v>
      </c>
      <c r="JR36" s="70">
        <v>1</v>
      </c>
      <c r="JS36" s="71">
        <v>0</v>
      </c>
      <c r="JT36" s="72">
        <v>1</v>
      </c>
      <c r="JU36" s="244"/>
      <c r="JV36" s="71">
        <v>2</v>
      </c>
      <c r="JW36" s="71">
        <v>1</v>
      </c>
      <c r="JX36" s="71">
        <v>0</v>
      </c>
      <c r="JY36" s="71">
        <v>2</v>
      </c>
      <c r="JZ36" s="71">
        <v>2</v>
      </c>
      <c r="KA36" s="72">
        <v>7</v>
      </c>
      <c r="KB36" s="73">
        <v>8</v>
      </c>
      <c r="KC36" s="70">
        <v>84</v>
      </c>
      <c r="KD36" s="71">
        <v>98</v>
      </c>
      <c r="KE36" s="72">
        <v>182</v>
      </c>
      <c r="KF36" s="244"/>
      <c r="KG36" s="71">
        <v>174</v>
      </c>
      <c r="KH36" s="71">
        <v>127</v>
      </c>
      <c r="KI36" s="71">
        <v>112</v>
      </c>
      <c r="KJ36" s="71">
        <v>92</v>
      </c>
      <c r="KK36" s="71">
        <v>74</v>
      </c>
      <c r="KL36" s="72">
        <v>579</v>
      </c>
      <c r="KM36" s="73">
        <v>761</v>
      </c>
    </row>
    <row r="37" spans="2:299" ht="21" customHeight="1" x14ac:dyDescent="0.2">
      <c r="B37" s="126" t="s">
        <v>34</v>
      </c>
      <c r="C37" s="315">
        <v>15</v>
      </c>
      <c r="D37" s="82">
        <v>20</v>
      </c>
      <c r="E37" s="83">
        <v>35</v>
      </c>
      <c r="F37" s="241"/>
      <c r="G37" s="82">
        <v>36</v>
      </c>
      <c r="H37" s="82">
        <v>37</v>
      </c>
      <c r="I37" s="82">
        <v>15</v>
      </c>
      <c r="J37" s="82">
        <v>29</v>
      </c>
      <c r="K37" s="82">
        <v>12</v>
      </c>
      <c r="L37" s="84">
        <v>129</v>
      </c>
      <c r="M37" s="85">
        <v>164</v>
      </c>
      <c r="N37" s="70">
        <v>0</v>
      </c>
      <c r="O37" s="71">
        <v>4</v>
      </c>
      <c r="P37" s="72">
        <v>4</v>
      </c>
      <c r="Q37" s="244"/>
      <c r="R37" s="71">
        <v>1</v>
      </c>
      <c r="S37" s="71">
        <v>2</v>
      </c>
      <c r="T37" s="71">
        <v>1</v>
      </c>
      <c r="U37" s="71">
        <v>3</v>
      </c>
      <c r="V37" s="71">
        <v>0</v>
      </c>
      <c r="W37" s="72">
        <v>7</v>
      </c>
      <c r="X37" s="73">
        <v>11</v>
      </c>
      <c r="Y37" s="70">
        <v>1</v>
      </c>
      <c r="Z37" s="71">
        <v>2</v>
      </c>
      <c r="AA37" s="72">
        <v>3</v>
      </c>
      <c r="AB37" s="244"/>
      <c r="AC37" s="71">
        <v>1</v>
      </c>
      <c r="AD37" s="71">
        <v>3</v>
      </c>
      <c r="AE37" s="71">
        <v>1</v>
      </c>
      <c r="AF37" s="71">
        <v>0</v>
      </c>
      <c r="AG37" s="71">
        <v>1</v>
      </c>
      <c r="AH37" s="72">
        <v>6</v>
      </c>
      <c r="AI37" s="73">
        <v>9</v>
      </c>
      <c r="AJ37" s="70">
        <v>1</v>
      </c>
      <c r="AK37" s="71">
        <v>3</v>
      </c>
      <c r="AL37" s="72">
        <v>4</v>
      </c>
      <c r="AM37" s="244"/>
      <c r="AN37" s="71">
        <v>5</v>
      </c>
      <c r="AO37" s="71">
        <v>6</v>
      </c>
      <c r="AP37" s="71">
        <v>1</v>
      </c>
      <c r="AQ37" s="71">
        <v>10</v>
      </c>
      <c r="AR37" s="71">
        <v>2</v>
      </c>
      <c r="AS37" s="72">
        <v>24</v>
      </c>
      <c r="AT37" s="73">
        <v>28</v>
      </c>
      <c r="AU37" s="70">
        <v>7</v>
      </c>
      <c r="AV37" s="71">
        <v>3</v>
      </c>
      <c r="AW37" s="72">
        <v>10</v>
      </c>
      <c r="AX37" s="244"/>
      <c r="AY37" s="71">
        <v>12</v>
      </c>
      <c r="AZ37" s="71">
        <v>11</v>
      </c>
      <c r="BA37" s="71">
        <v>1</v>
      </c>
      <c r="BB37" s="71">
        <v>5</v>
      </c>
      <c r="BC37" s="71">
        <v>1</v>
      </c>
      <c r="BD37" s="72">
        <v>30</v>
      </c>
      <c r="BE37" s="73">
        <v>40</v>
      </c>
      <c r="BF37" s="70">
        <v>4</v>
      </c>
      <c r="BG37" s="71">
        <v>6</v>
      </c>
      <c r="BH37" s="72">
        <v>10</v>
      </c>
      <c r="BI37" s="244"/>
      <c r="BJ37" s="71">
        <v>12</v>
      </c>
      <c r="BK37" s="71">
        <v>6</v>
      </c>
      <c r="BL37" s="71">
        <v>6</v>
      </c>
      <c r="BM37" s="71">
        <v>8</v>
      </c>
      <c r="BN37" s="71">
        <v>5</v>
      </c>
      <c r="BO37" s="72">
        <v>37</v>
      </c>
      <c r="BP37" s="73">
        <v>47</v>
      </c>
      <c r="BQ37" s="70">
        <v>2</v>
      </c>
      <c r="BR37" s="71">
        <v>2</v>
      </c>
      <c r="BS37" s="72">
        <v>4</v>
      </c>
      <c r="BT37" s="244"/>
      <c r="BU37" s="71">
        <v>5</v>
      </c>
      <c r="BV37" s="71">
        <v>9</v>
      </c>
      <c r="BW37" s="71">
        <v>5</v>
      </c>
      <c r="BX37" s="71">
        <v>3</v>
      </c>
      <c r="BY37" s="71">
        <v>3</v>
      </c>
      <c r="BZ37" s="72">
        <v>25</v>
      </c>
      <c r="CA37" s="73">
        <v>29</v>
      </c>
      <c r="CB37" s="70">
        <v>0</v>
      </c>
      <c r="CC37" s="71">
        <v>0</v>
      </c>
      <c r="CD37" s="72">
        <v>0</v>
      </c>
      <c r="CE37" s="244"/>
      <c r="CF37" s="71">
        <v>3</v>
      </c>
      <c r="CG37" s="71">
        <v>2</v>
      </c>
      <c r="CH37" s="71">
        <v>0</v>
      </c>
      <c r="CI37" s="71">
        <v>1</v>
      </c>
      <c r="CJ37" s="71">
        <v>2</v>
      </c>
      <c r="CK37" s="72">
        <v>8</v>
      </c>
      <c r="CL37" s="73">
        <v>8</v>
      </c>
      <c r="CM37" s="70">
        <v>15</v>
      </c>
      <c r="CN37" s="71">
        <v>20</v>
      </c>
      <c r="CO37" s="72">
        <v>35</v>
      </c>
      <c r="CP37" s="244"/>
      <c r="CQ37" s="71">
        <v>39</v>
      </c>
      <c r="CR37" s="71">
        <v>39</v>
      </c>
      <c r="CS37" s="71">
        <v>15</v>
      </c>
      <c r="CT37" s="71">
        <v>30</v>
      </c>
      <c r="CU37" s="71">
        <v>14</v>
      </c>
      <c r="CV37" s="72">
        <v>137</v>
      </c>
      <c r="CW37" s="73">
        <v>172</v>
      </c>
      <c r="CX37" s="123">
        <v>46</v>
      </c>
      <c r="CY37" s="82">
        <v>38</v>
      </c>
      <c r="CZ37" s="83">
        <v>84</v>
      </c>
      <c r="DA37" s="241"/>
      <c r="DB37" s="82">
        <v>91</v>
      </c>
      <c r="DC37" s="82">
        <v>55</v>
      </c>
      <c r="DD37" s="82">
        <v>43</v>
      </c>
      <c r="DE37" s="82">
        <v>53</v>
      </c>
      <c r="DF37" s="82">
        <v>25</v>
      </c>
      <c r="DG37" s="84">
        <v>267</v>
      </c>
      <c r="DH37" s="85">
        <v>351</v>
      </c>
      <c r="DI37" s="70">
        <v>1</v>
      </c>
      <c r="DJ37" s="71">
        <v>0</v>
      </c>
      <c r="DK37" s="72">
        <v>1</v>
      </c>
      <c r="DL37" s="244"/>
      <c r="DM37" s="71">
        <v>1</v>
      </c>
      <c r="DN37" s="71">
        <v>0</v>
      </c>
      <c r="DO37" s="71">
        <v>2</v>
      </c>
      <c r="DP37" s="71">
        <v>0</v>
      </c>
      <c r="DQ37" s="71">
        <v>1</v>
      </c>
      <c r="DR37" s="72">
        <v>4</v>
      </c>
      <c r="DS37" s="73">
        <v>5</v>
      </c>
      <c r="DT37" s="70">
        <v>2</v>
      </c>
      <c r="DU37" s="71">
        <v>0</v>
      </c>
      <c r="DV37" s="72">
        <v>2</v>
      </c>
      <c r="DW37" s="244"/>
      <c r="DX37" s="71">
        <v>8</v>
      </c>
      <c r="DY37" s="71">
        <v>2</v>
      </c>
      <c r="DZ37" s="71">
        <v>1</v>
      </c>
      <c r="EA37" s="71">
        <v>0</v>
      </c>
      <c r="EB37" s="71">
        <v>3</v>
      </c>
      <c r="EC37" s="72">
        <v>14</v>
      </c>
      <c r="ED37" s="73">
        <v>16</v>
      </c>
      <c r="EE37" s="70">
        <v>5</v>
      </c>
      <c r="EF37" s="71">
        <v>2</v>
      </c>
      <c r="EG37" s="72">
        <v>7</v>
      </c>
      <c r="EH37" s="244"/>
      <c r="EI37" s="71">
        <v>8</v>
      </c>
      <c r="EJ37" s="71">
        <v>4</v>
      </c>
      <c r="EK37" s="71">
        <v>4</v>
      </c>
      <c r="EL37" s="71">
        <v>6</v>
      </c>
      <c r="EM37" s="71">
        <v>0</v>
      </c>
      <c r="EN37" s="72">
        <v>22</v>
      </c>
      <c r="EO37" s="73">
        <v>29</v>
      </c>
      <c r="EP37" s="70">
        <v>11</v>
      </c>
      <c r="EQ37" s="71">
        <v>12</v>
      </c>
      <c r="ER37" s="72">
        <v>23</v>
      </c>
      <c r="ES37" s="244"/>
      <c r="ET37" s="71">
        <v>16</v>
      </c>
      <c r="EU37" s="71">
        <v>14</v>
      </c>
      <c r="EV37" s="71">
        <v>6</v>
      </c>
      <c r="EW37" s="71">
        <v>9</v>
      </c>
      <c r="EX37" s="71">
        <v>3</v>
      </c>
      <c r="EY37" s="72">
        <v>48</v>
      </c>
      <c r="EZ37" s="73">
        <v>71</v>
      </c>
      <c r="FA37" s="70">
        <v>17</v>
      </c>
      <c r="FB37" s="71">
        <v>15</v>
      </c>
      <c r="FC37" s="72">
        <v>32</v>
      </c>
      <c r="FD37" s="244"/>
      <c r="FE37" s="71">
        <v>30</v>
      </c>
      <c r="FF37" s="71">
        <v>9</v>
      </c>
      <c r="FG37" s="71">
        <v>11</v>
      </c>
      <c r="FH37" s="71">
        <v>17</v>
      </c>
      <c r="FI37" s="71">
        <v>4</v>
      </c>
      <c r="FJ37" s="72">
        <v>71</v>
      </c>
      <c r="FK37" s="73">
        <v>103</v>
      </c>
      <c r="FL37" s="70">
        <v>10</v>
      </c>
      <c r="FM37" s="71">
        <v>9</v>
      </c>
      <c r="FN37" s="72">
        <v>19</v>
      </c>
      <c r="FO37" s="244"/>
      <c r="FP37" s="71">
        <v>28</v>
      </c>
      <c r="FQ37" s="71">
        <v>26</v>
      </c>
      <c r="FR37" s="71">
        <v>19</v>
      </c>
      <c r="FS37" s="71">
        <v>21</v>
      </c>
      <c r="FT37" s="71">
        <v>14</v>
      </c>
      <c r="FU37" s="72">
        <v>108</v>
      </c>
      <c r="FV37" s="73">
        <v>127</v>
      </c>
      <c r="FW37" s="70">
        <v>0</v>
      </c>
      <c r="FX37" s="71">
        <v>0</v>
      </c>
      <c r="FY37" s="72">
        <v>0</v>
      </c>
      <c r="FZ37" s="244"/>
      <c r="GA37" s="71">
        <v>1</v>
      </c>
      <c r="GB37" s="71">
        <v>1</v>
      </c>
      <c r="GC37" s="71">
        <v>1</v>
      </c>
      <c r="GD37" s="71">
        <v>0</v>
      </c>
      <c r="GE37" s="71">
        <v>2</v>
      </c>
      <c r="GF37" s="72">
        <v>5</v>
      </c>
      <c r="GG37" s="73">
        <v>5</v>
      </c>
      <c r="GH37" s="70">
        <v>46</v>
      </c>
      <c r="GI37" s="71">
        <v>38</v>
      </c>
      <c r="GJ37" s="72">
        <v>84</v>
      </c>
      <c r="GK37" s="244"/>
      <c r="GL37" s="71">
        <v>92</v>
      </c>
      <c r="GM37" s="71">
        <v>56</v>
      </c>
      <c r="GN37" s="71">
        <v>44</v>
      </c>
      <c r="GO37" s="71">
        <v>53</v>
      </c>
      <c r="GP37" s="71">
        <v>27</v>
      </c>
      <c r="GQ37" s="72">
        <v>272</v>
      </c>
      <c r="GR37" s="73">
        <v>356</v>
      </c>
      <c r="GS37" s="123">
        <v>61</v>
      </c>
      <c r="GT37" s="82">
        <v>58</v>
      </c>
      <c r="GU37" s="83">
        <v>119</v>
      </c>
      <c r="GV37" s="241"/>
      <c r="GW37" s="82">
        <v>127</v>
      </c>
      <c r="GX37" s="82">
        <v>92</v>
      </c>
      <c r="GY37" s="82">
        <v>58</v>
      </c>
      <c r="GZ37" s="82">
        <v>82</v>
      </c>
      <c r="HA37" s="82">
        <v>37</v>
      </c>
      <c r="HB37" s="84">
        <v>396</v>
      </c>
      <c r="HC37" s="85">
        <v>515</v>
      </c>
      <c r="HD37" s="70">
        <v>1</v>
      </c>
      <c r="HE37" s="71">
        <v>4</v>
      </c>
      <c r="HF37" s="72">
        <v>5</v>
      </c>
      <c r="HG37" s="244"/>
      <c r="HH37" s="71">
        <v>2</v>
      </c>
      <c r="HI37" s="71">
        <v>2</v>
      </c>
      <c r="HJ37" s="71">
        <v>3</v>
      </c>
      <c r="HK37" s="71">
        <v>3</v>
      </c>
      <c r="HL37" s="71">
        <v>1</v>
      </c>
      <c r="HM37" s="72">
        <v>11</v>
      </c>
      <c r="HN37" s="73">
        <v>16</v>
      </c>
      <c r="HO37" s="70">
        <v>3</v>
      </c>
      <c r="HP37" s="71">
        <v>2</v>
      </c>
      <c r="HQ37" s="72">
        <v>5</v>
      </c>
      <c r="HR37" s="244"/>
      <c r="HS37" s="71">
        <v>9</v>
      </c>
      <c r="HT37" s="71">
        <v>5</v>
      </c>
      <c r="HU37" s="71">
        <v>2</v>
      </c>
      <c r="HV37" s="71">
        <v>0</v>
      </c>
      <c r="HW37" s="71">
        <v>4</v>
      </c>
      <c r="HX37" s="72">
        <v>20</v>
      </c>
      <c r="HY37" s="73">
        <v>25</v>
      </c>
      <c r="HZ37" s="70">
        <v>6</v>
      </c>
      <c r="IA37" s="71">
        <v>5</v>
      </c>
      <c r="IB37" s="72">
        <v>11</v>
      </c>
      <c r="IC37" s="244"/>
      <c r="ID37" s="71">
        <v>13</v>
      </c>
      <c r="IE37" s="71">
        <v>10</v>
      </c>
      <c r="IF37" s="71">
        <v>5</v>
      </c>
      <c r="IG37" s="71">
        <v>16</v>
      </c>
      <c r="IH37" s="71">
        <v>2</v>
      </c>
      <c r="II37" s="72">
        <v>46</v>
      </c>
      <c r="IJ37" s="73">
        <v>57</v>
      </c>
      <c r="IK37" s="70">
        <v>18</v>
      </c>
      <c r="IL37" s="71">
        <v>15</v>
      </c>
      <c r="IM37" s="72">
        <v>33</v>
      </c>
      <c r="IN37" s="244"/>
      <c r="IO37" s="71">
        <v>28</v>
      </c>
      <c r="IP37" s="71">
        <v>25</v>
      </c>
      <c r="IQ37" s="71">
        <v>7</v>
      </c>
      <c r="IR37" s="71">
        <v>14</v>
      </c>
      <c r="IS37" s="71">
        <v>4</v>
      </c>
      <c r="IT37" s="72">
        <v>78</v>
      </c>
      <c r="IU37" s="73">
        <v>111</v>
      </c>
      <c r="IV37" s="70">
        <v>21</v>
      </c>
      <c r="IW37" s="71">
        <v>21</v>
      </c>
      <c r="IX37" s="72">
        <v>42</v>
      </c>
      <c r="IY37" s="244"/>
      <c r="IZ37" s="71">
        <v>42</v>
      </c>
      <c r="JA37" s="71">
        <v>15</v>
      </c>
      <c r="JB37" s="71">
        <v>17</v>
      </c>
      <c r="JC37" s="71">
        <v>25</v>
      </c>
      <c r="JD37" s="71">
        <v>9</v>
      </c>
      <c r="JE37" s="72">
        <v>108</v>
      </c>
      <c r="JF37" s="73">
        <v>150</v>
      </c>
      <c r="JG37" s="70">
        <v>12</v>
      </c>
      <c r="JH37" s="71">
        <v>11</v>
      </c>
      <c r="JI37" s="72">
        <v>23</v>
      </c>
      <c r="JJ37" s="244"/>
      <c r="JK37" s="71">
        <v>33</v>
      </c>
      <c r="JL37" s="71">
        <v>35</v>
      </c>
      <c r="JM37" s="71">
        <v>24</v>
      </c>
      <c r="JN37" s="71">
        <v>24</v>
      </c>
      <c r="JO37" s="71">
        <v>17</v>
      </c>
      <c r="JP37" s="72">
        <v>133</v>
      </c>
      <c r="JQ37" s="73">
        <v>156</v>
      </c>
      <c r="JR37" s="70">
        <v>0</v>
      </c>
      <c r="JS37" s="71">
        <v>0</v>
      </c>
      <c r="JT37" s="72">
        <v>0</v>
      </c>
      <c r="JU37" s="244"/>
      <c r="JV37" s="71">
        <v>4</v>
      </c>
      <c r="JW37" s="71">
        <v>3</v>
      </c>
      <c r="JX37" s="71">
        <v>1</v>
      </c>
      <c r="JY37" s="71">
        <v>1</v>
      </c>
      <c r="JZ37" s="71">
        <v>4</v>
      </c>
      <c r="KA37" s="72">
        <v>13</v>
      </c>
      <c r="KB37" s="73">
        <v>13</v>
      </c>
      <c r="KC37" s="70">
        <v>61</v>
      </c>
      <c r="KD37" s="71">
        <v>58</v>
      </c>
      <c r="KE37" s="72">
        <v>119</v>
      </c>
      <c r="KF37" s="244"/>
      <c r="KG37" s="71">
        <v>131</v>
      </c>
      <c r="KH37" s="71">
        <v>95</v>
      </c>
      <c r="KI37" s="71">
        <v>59</v>
      </c>
      <c r="KJ37" s="71">
        <v>83</v>
      </c>
      <c r="KK37" s="71">
        <v>41</v>
      </c>
      <c r="KL37" s="72">
        <v>409</v>
      </c>
      <c r="KM37" s="73">
        <v>528</v>
      </c>
    </row>
    <row r="38" spans="2:299" ht="21" customHeight="1" x14ac:dyDescent="0.2">
      <c r="B38" s="126" t="s">
        <v>35</v>
      </c>
      <c r="C38" s="315">
        <v>47</v>
      </c>
      <c r="D38" s="82">
        <v>53</v>
      </c>
      <c r="E38" s="83">
        <v>100</v>
      </c>
      <c r="F38" s="241"/>
      <c r="G38" s="82">
        <v>178</v>
      </c>
      <c r="H38" s="82">
        <v>86</v>
      </c>
      <c r="I38" s="82">
        <v>60</v>
      </c>
      <c r="J38" s="82">
        <v>49</v>
      </c>
      <c r="K38" s="82">
        <v>25</v>
      </c>
      <c r="L38" s="84">
        <v>398</v>
      </c>
      <c r="M38" s="85">
        <v>498</v>
      </c>
      <c r="N38" s="70">
        <v>1</v>
      </c>
      <c r="O38" s="71">
        <v>2</v>
      </c>
      <c r="P38" s="72">
        <v>3</v>
      </c>
      <c r="Q38" s="244"/>
      <c r="R38" s="71">
        <v>10</v>
      </c>
      <c r="S38" s="71">
        <v>3</v>
      </c>
      <c r="T38" s="71">
        <v>7</v>
      </c>
      <c r="U38" s="71">
        <v>4</v>
      </c>
      <c r="V38" s="71">
        <v>3</v>
      </c>
      <c r="W38" s="72">
        <v>27</v>
      </c>
      <c r="X38" s="73">
        <v>30</v>
      </c>
      <c r="Y38" s="70">
        <v>7</v>
      </c>
      <c r="Z38" s="71">
        <v>4</v>
      </c>
      <c r="AA38" s="72">
        <v>11</v>
      </c>
      <c r="AB38" s="244"/>
      <c r="AC38" s="71">
        <v>10</v>
      </c>
      <c r="AD38" s="71">
        <v>9</v>
      </c>
      <c r="AE38" s="71">
        <v>6</v>
      </c>
      <c r="AF38" s="71">
        <v>3</v>
      </c>
      <c r="AG38" s="71">
        <v>2</v>
      </c>
      <c r="AH38" s="72">
        <v>30</v>
      </c>
      <c r="AI38" s="73">
        <v>41</v>
      </c>
      <c r="AJ38" s="70">
        <v>9</v>
      </c>
      <c r="AK38" s="71">
        <v>15</v>
      </c>
      <c r="AL38" s="72">
        <v>24</v>
      </c>
      <c r="AM38" s="244"/>
      <c r="AN38" s="71">
        <v>32</v>
      </c>
      <c r="AO38" s="71">
        <v>15</v>
      </c>
      <c r="AP38" s="71">
        <v>9</v>
      </c>
      <c r="AQ38" s="71">
        <v>10</v>
      </c>
      <c r="AR38" s="71">
        <v>5</v>
      </c>
      <c r="AS38" s="72">
        <v>71</v>
      </c>
      <c r="AT38" s="73">
        <v>95</v>
      </c>
      <c r="AU38" s="70">
        <v>13</v>
      </c>
      <c r="AV38" s="71">
        <v>10</v>
      </c>
      <c r="AW38" s="72">
        <v>23</v>
      </c>
      <c r="AX38" s="244"/>
      <c r="AY38" s="71">
        <v>48</v>
      </c>
      <c r="AZ38" s="71">
        <v>23</v>
      </c>
      <c r="BA38" s="71">
        <v>13</v>
      </c>
      <c r="BB38" s="71">
        <v>9</v>
      </c>
      <c r="BC38" s="71">
        <v>5</v>
      </c>
      <c r="BD38" s="72">
        <v>98</v>
      </c>
      <c r="BE38" s="73">
        <v>121</v>
      </c>
      <c r="BF38" s="70">
        <v>8</v>
      </c>
      <c r="BG38" s="71">
        <v>16</v>
      </c>
      <c r="BH38" s="72">
        <v>24</v>
      </c>
      <c r="BI38" s="244"/>
      <c r="BJ38" s="71">
        <v>49</v>
      </c>
      <c r="BK38" s="71">
        <v>15</v>
      </c>
      <c r="BL38" s="71">
        <v>12</v>
      </c>
      <c r="BM38" s="71">
        <v>13</v>
      </c>
      <c r="BN38" s="71">
        <v>4</v>
      </c>
      <c r="BO38" s="72">
        <v>93</v>
      </c>
      <c r="BP38" s="73">
        <v>117</v>
      </c>
      <c r="BQ38" s="70">
        <v>9</v>
      </c>
      <c r="BR38" s="71">
        <v>6</v>
      </c>
      <c r="BS38" s="72">
        <v>15</v>
      </c>
      <c r="BT38" s="244"/>
      <c r="BU38" s="71">
        <v>29</v>
      </c>
      <c r="BV38" s="71">
        <v>21</v>
      </c>
      <c r="BW38" s="71">
        <v>13</v>
      </c>
      <c r="BX38" s="71">
        <v>10</v>
      </c>
      <c r="BY38" s="71">
        <v>6</v>
      </c>
      <c r="BZ38" s="72">
        <v>79</v>
      </c>
      <c r="CA38" s="73">
        <v>94</v>
      </c>
      <c r="CB38" s="70">
        <v>1</v>
      </c>
      <c r="CC38" s="71">
        <v>2</v>
      </c>
      <c r="CD38" s="72">
        <v>3</v>
      </c>
      <c r="CE38" s="244"/>
      <c r="CF38" s="71">
        <v>3</v>
      </c>
      <c r="CG38" s="71">
        <v>1</v>
      </c>
      <c r="CH38" s="71">
        <v>0</v>
      </c>
      <c r="CI38" s="71">
        <v>3</v>
      </c>
      <c r="CJ38" s="71">
        <v>1</v>
      </c>
      <c r="CK38" s="72">
        <v>8</v>
      </c>
      <c r="CL38" s="73">
        <v>11</v>
      </c>
      <c r="CM38" s="70">
        <v>48</v>
      </c>
      <c r="CN38" s="71">
        <v>55</v>
      </c>
      <c r="CO38" s="72">
        <v>103</v>
      </c>
      <c r="CP38" s="244"/>
      <c r="CQ38" s="71">
        <v>181</v>
      </c>
      <c r="CR38" s="71">
        <v>87</v>
      </c>
      <c r="CS38" s="71">
        <v>60</v>
      </c>
      <c r="CT38" s="71">
        <v>52</v>
      </c>
      <c r="CU38" s="71">
        <v>26</v>
      </c>
      <c r="CV38" s="72">
        <v>406</v>
      </c>
      <c r="CW38" s="73">
        <v>509</v>
      </c>
      <c r="CX38" s="123">
        <v>126</v>
      </c>
      <c r="CY38" s="82">
        <v>149</v>
      </c>
      <c r="CZ38" s="83">
        <v>275</v>
      </c>
      <c r="DA38" s="241"/>
      <c r="DB38" s="82">
        <v>320</v>
      </c>
      <c r="DC38" s="82">
        <v>202</v>
      </c>
      <c r="DD38" s="82">
        <v>146</v>
      </c>
      <c r="DE38" s="82">
        <v>168</v>
      </c>
      <c r="DF38" s="82">
        <v>86</v>
      </c>
      <c r="DG38" s="84">
        <v>922</v>
      </c>
      <c r="DH38" s="85">
        <v>1197</v>
      </c>
      <c r="DI38" s="70">
        <v>3</v>
      </c>
      <c r="DJ38" s="71">
        <v>5</v>
      </c>
      <c r="DK38" s="72">
        <v>8</v>
      </c>
      <c r="DL38" s="244"/>
      <c r="DM38" s="71">
        <v>3</v>
      </c>
      <c r="DN38" s="71">
        <v>4</v>
      </c>
      <c r="DO38" s="71">
        <v>2</v>
      </c>
      <c r="DP38" s="71">
        <v>6</v>
      </c>
      <c r="DQ38" s="71">
        <v>0</v>
      </c>
      <c r="DR38" s="72">
        <v>15</v>
      </c>
      <c r="DS38" s="73">
        <v>23</v>
      </c>
      <c r="DT38" s="70">
        <v>3</v>
      </c>
      <c r="DU38" s="71">
        <v>12</v>
      </c>
      <c r="DV38" s="72">
        <v>15</v>
      </c>
      <c r="DW38" s="244"/>
      <c r="DX38" s="71">
        <v>14</v>
      </c>
      <c r="DY38" s="71">
        <v>10</v>
      </c>
      <c r="DZ38" s="71">
        <v>10</v>
      </c>
      <c r="EA38" s="71">
        <v>7</v>
      </c>
      <c r="EB38" s="71">
        <v>3</v>
      </c>
      <c r="EC38" s="72">
        <v>44</v>
      </c>
      <c r="ED38" s="73">
        <v>59</v>
      </c>
      <c r="EE38" s="70">
        <v>16</v>
      </c>
      <c r="EF38" s="71">
        <v>25</v>
      </c>
      <c r="EG38" s="72">
        <v>41</v>
      </c>
      <c r="EH38" s="244"/>
      <c r="EI38" s="71">
        <v>40</v>
      </c>
      <c r="EJ38" s="71">
        <v>19</v>
      </c>
      <c r="EK38" s="71">
        <v>6</v>
      </c>
      <c r="EL38" s="71">
        <v>13</v>
      </c>
      <c r="EM38" s="71">
        <v>11</v>
      </c>
      <c r="EN38" s="72">
        <v>89</v>
      </c>
      <c r="EO38" s="73">
        <v>130</v>
      </c>
      <c r="EP38" s="70">
        <v>46</v>
      </c>
      <c r="EQ38" s="71">
        <v>33</v>
      </c>
      <c r="ER38" s="72">
        <v>79</v>
      </c>
      <c r="ES38" s="244"/>
      <c r="ET38" s="71">
        <v>78</v>
      </c>
      <c r="EU38" s="71">
        <v>38</v>
      </c>
      <c r="EV38" s="71">
        <v>26</v>
      </c>
      <c r="EW38" s="71">
        <v>25</v>
      </c>
      <c r="EX38" s="71">
        <v>17</v>
      </c>
      <c r="EY38" s="72">
        <v>184</v>
      </c>
      <c r="EZ38" s="73">
        <v>263</v>
      </c>
      <c r="FA38" s="70">
        <v>32</v>
      </c>
      <c r="FB38" s="71">
        <v>47</v>
      </c>
      <c r="FC38" s="72">
        <v>79</v>
      </c>
      <c r="FD38" s="244"/>
      <c r="FE38" s="71">
        <v>94</v>
      </c>
      <c r="FF38" s="71">
        <v>58</v>
      </c>
      <c r="FG38" s="71">
        <v>43</v>
      </c>
      <c r="FH38" s="71">
        <v>37</v>
      </c>
      <c r="FI38" s="71">
        <v>23</v>
      </c>
      <c r="FJ38" s="72">
        <v>255</v>
      </c>
      <c r="FK38" s="73">
        <v>334</v>
      </c>
      <c r="FL38" s="70">
        <v>26</v>
      </c>
      <c r="FM38" s="71">
        <v>27</v>
      </c>
      <c r="FN38" s="72">
        <v>53</v>
      </c>
      <c r="FO38" s="244"/>
      <c r="FP38" s="71">
        <v>91</v>
      </c>
      <c r="FQ38" s="71">
        <v>73</v>
      </c>
      <c r="FR38" s="71">
        <v>59</v>
      </c>
      <c r="FS38" s="71">
        <v>80</v>
      </c>
      <c r="FT38" s="71">
        <v>32</v>
      </c>
      <c r="FU38" s="72">
        <v>335</v>
      </c>
      <c r="FV38" s="73">
        <v>388</v>
      </c>
      <c r="FW38" s="70">
        <v>0</v>
      </c>
      <c r="FX38" s="71">
        <v>1</v>
      </c>
      <c r="FY38" s="72">
        <v>1</v>
      </c>
      <c r="FZ38" s="244"/>
      <c r="GA38" s="71">
        <v>0</v>
      </c>
      <c r="GB38" s="71">
        <v>5</v>
      </c>
      <c r="GC38" s="71">
        <v>2</v>
      </c>
      <c r="GD38" s="71">
        <v>0</v>
      </c>
      <c r="GE38" s="71">
        <v>1</v>
      </c>
      <c r="GF38" s="72">
        <v>8</v>
      </c>
      <c r="GG38" s="73">
        <v>9</v>
      </c>
      <c r="GH38" s="70">
        <v>126</v>
      </c>
      <c r="GI38" s="71">
        <v>150</v>
      </c>
      <c r="GJ38" s="72">
        <v>276</v>
      </c>
      <c r="GK38" s="244"/>
      <c r="GL38" s="71">
        <v>320</v>
      </c>
      <c r="GM38" s="71">
        <v>207</v>
      </c>
      <c r="GN38" s="71">
        <v>148</v>
      </c>
      <c r="GO38" s="71">
        <v>168</v>
      </c>
      <c r="GP38" s="71">
        <v>87</v>
      </c>
      <c r="GQ38" s="72">
        <v>930</v>
      </c>
      <c r="GR38" s="73">
        <v>1206</v>
      </c>
      <c r="GS38" s="123">
        <v>173</v>
      </c>
      <c r="GT38" s="82">
        <v>202</v>
      </c>
      <c r="GU38" s="83">
        <v>375</v>
      </c>
      <c r="GV38" s="241"/>
      <c r="GW38" s="82">
        <v>498</v>
      </c>
      <c r="GX38" s="82">
        <v>288</v>
      </c>
      <c r="GY38" s="82">
        <v>206</v>
      </c>
      <c r="GZ38" s="82">
        <v>217</v>
      </c>
      <c r="HA38" s="82">
        <v>111</v>
      </c>
      <c r="HB38" s="84">
        <v>1320</v>
      </c>
      <c r="HC38" s="85">
        <v>1695</v>
      </c>
      <c r="HD38" s="70">
        <v>4</v>
      </c>
      <c r="HE38" s="71">
        <v>7</v>
      </c>
      <c r="HF38" s="72">
        <v>11</v>
      </c>
      <c r="HG38" s="244"/>
      <c r="HH38" s="71">
        <v>13</v>
      </c>
      <c r="HI38" s="71">
        <v>7</v>
      </c>
      <c r="HJ38" s="71">
        <v>9</v>
      </c>
      <c r="HK38" s="71">
        <v>10</v>
      </c>
      <c r="HL38" s="71">
        <v>3</v>
      </c>
      <c r="HM38" s="72">
        <v>42</v>
      </c>
      <c r="HN38" s="73">
        <v>53</v>
      </c>
      <c r="HO38" s="70">
        <v>10</v>
      </c>
      <c r="HP38" s="71">
        <v>16</v>
      </c>
      <c r="HQ38" s="72">
        <v>26</v>
      </c>
      <c r="HR38" s="244"/>
      <c r="HS38" s="71">
        <v>24</v>
      </c>
      <c r="HT38" s="71">
        <v>19</v>
      </c>
      <c r="HU38" s="71">
        <v>16</v>
      </c>
      <c r="HV38" s="71">
        <v>10</v>
      </c>
      <c r="HW38" s="71">
        <v>5</v>
      </c>
      <c r="HX38" s="72">
        <v>74</v>
      </c>
      <c r="HY38" s="73">
        <v>100</v>
      </c>
      <c r="HZ38" s="70">
        <v>25</v>
      </c>
      <c r="IA38" s="71">
        <v>40</v>
      </c>
      <c r="IB38" s="72">
        <v>65</v>
      </c>
      <c r="IC38" s="244"/>
      <c r="ID38" s="71">
        <v>72</v>
      </c>
      <c r="IE38" s="71">
        <v>34</v>
      </c>
      <c r="IF38" s="71">
        <v>15</v>
      </c>
      <c r="IG38" s="71">
        <v>23</v>
      </c>
      <c r="IH38" s="71">
        <v>16</v>
      </c>
      <c r="II38" s="72">
        <v>160</v>
      </c>
      <c r="IJ38" s="73">
        <v>225</v>
      </c>
      <c r="IK38" s="70">
        <v>59</v>
      </c>
      <c r="IL38" s="71">
        <v>43</v>
      </c>
      <c r="IM38" s="72">
        <v>102</v>
      </c>
      <c r="IN38" s="244"/>
      <c r="IO38" s="71">
        <v>126</v>
      </c>
      <c r="IP38" s="71">
        <v>61</v>
      </c>
      <c r="IQ38" s="71">
        <v>39</v>
      </c>
      <c r="IR38" s="71">
        <v>34</v>
      </c>
      <c r="IS38" s="71">
        <v>22</v>
      </c>
      <c r="IT38" s="72">
        <v>282</v>
      </c>
      <c r="IU38" s="73">
        <v>384</v>
      </c>
      <c r="IV38" s="70">
        <v>40</v>
      </c>
      <c r="IW38" s="71">
        <v>63</v>
      </c>
      <c r="IX38" s="72">
        <v>103</v>
      </c>
      <c r="IY38" s="244"/>
      <c r="IZ38" s="71">
        <v>143</v>
      </c>
      <c r="JA38" s="71">
        <v>73</v>
      </c>
      <c r="JB38" s="71">
        <v>55</v>
      </c>
      <c r="JC38" s="71">
        <v>50</v>
      </c>
      <c r="JD38" s="71">
        <v>27</v>
      </c>
      <c r="JE38" s="72">
        <v>348</v>
      </c>
      <c r="JF38" s="73">
        <v>451</v>
      </c>
      <c r="JG38" s="70">
        <v>35</v>
      </c>
      <c r="JH38" s="71">
        <v>33</v>
      </c>
      <c r="JI38" s="72">
        <v>68</v>
      </c>
      <c r="JJ38" s="244"/>
      <c r="JK38" s="71">
        <v>120</v>
      </c>
      <c r="JL38" s="71">
        <v>94</v>
      </c>
      <c r="JM38" s="71">
        <v>72</v>
      </c>
      <c r="JN38" s="71">
        <v>90</v>
      </c>
      <c r="JO38" s="71">
        <v>38</v>
      </c>
      <c r="JP38" s="72">
        <v>414</v>
      </c>
      <c r="JQ38" s="73">
        <v>482</v>
      </c>
      <c r="JR38" s="70">
        <v>1</v>
      </c>
      <c r="JS38" s="71">
        <v>3</v>
      </c>
      <c r="JT38" s="72">
        <v>4</v>
      </c>
      <c r="JU38" s="244"/>
      <c r="JV38" s="71">
        <v>3</v>
      </c>
      <c r="JW38" s="71">
        <v>6</v>
      </c>
      <c r="JX38" s="71">
        <v>2</v>
      </c>
      <c r="JY38" s="71">
        <v>3</v>
      </c>
      <c r="JZ38" s="71">
        <v>2</v>
      </c>
      <c r="KA38" s="72">
        <v>16</v>
      </c>
      <c r="KB38" s="73">
        <v>20</v>
      </c>
      <c r="KC38" s="70">
        <v>174</v>
      </c>
      <c r="KD38" s="71">
        <v>205</v>
      </c>
      <c r="KE38" s="72">
        <v>379</v>
      </c>
      <c r="KF38" s="244"/>
      <c r="KG38" s="71">
        <v>501</v>
      </c>
      <c r="KH38" s="71">
        <v>294</v>
      </c>
      <c r="KI38" s="71">
        <v>208</v>
      </c>
      <c r="KJ38" s="71">
        <v>220</v>
      </c>
      <c r="KK38" s="71">
        <v>113</v>
      </c>
      <c r="KL38" s="72">
        <v>1336</v>
      </c>
      <c r="KM38" s="73">
        <v>1715</v>
      </c>
    </row>
    <row r="39" spans="2:299" ht="21" customHeight="1" x14ac:dyDescent="0.2">
      <c r="B39" s="126" t="s">
        <v>36</v>
      </c>
      <c r="C39" s="315">
        <v>64</v>
      </c>
      <c r="D39" s="82">
        <v>84</v>
      </c>
      <c r="E39" s="83">
        <v>148</v>
      </c>
      <c r="F39" s="241"/>
      <c r="G39" s="82">
        <v>141</v>
      </c>
      <c r="H39" s="82">
        <v>145</v>
      </c>
      <c r="I39" s="82">
        <v>101</v>
      </c>
      <c r="J39" s="82">
        <v>84</v>
      </c>
      <c r="K39" s="82">
        <v>53</v>
      </c>
      <c r="L39" s="84">
        <v>524</v>
      </c>
      <c r="M39" s="85">
        <v>672</v>
      </c>
      <c r="N39" s="70">
        <v>6</v>
      </c>
      <c r="O39" s="71">
        <v>5</v>
      </c>
      <c r="P39" s="72">
        <v>11</v>
      </c>
      <c r="Q39" s="244"/>
      <c r="R39" s="71">
        <v>9</v>
      </c>
      <c r="S39" s="71">
        <v>15</v>
      </c>
      <c r="T39" s="71">
        <v>7</v>
      </c>
      <c r="U39" s="71">
        <v>5</v>
      </c>
      <c r="V39" s="71">
        <v>2</v>
      </c>
      <c r="W39" s="72">
        <v>38</v>
      </c>
      <c r="X39" s="73">
        <v>49</v>
      </c>
      <c r="Y39" s="70">
        <v>7</v>
      </c>
      <c r="Z39" s="71">
        <v>12</v>
      </c>
      <c r="AA39" s="72">
        <v>19</v>
      </c>
      <c r="AB39" s="244"/>
      <c r="AC39" s="71">
        <v>21</v>
      </c>
      <c r="AD39" s="71">
        <v>24</v>
      </c>
      <c r="AE39" s="71">
        <v>12</v>
      </c>
      <c r="AF39" s="71">
        <v>15</v>
      </c>
      <c r="AG39" s="71">
        <v>11</v>
      </c>
      <c r="AH39" s="72">
        <v>83</v>
      </c>
      <c r="AI39" s="73">
        <v>102</v>
      </c>
      <c r="AJ39" s="70">
        <v>15</v>
      </c>
      <c r="AK39" s="71">
        <v>15</v>
      </c>
      <c r="AL39" s="72">
        <v>30</v>
      </c>
      <c r="AM39" s="244"/>
      <c r="AN39" s="71">
        <v>28</v>
      </c>
      <c r="AO39" s="71">
        <v>22</v>
      </c>
      <c r="AP39" s="71">
        <v>16</v>
      </c>
      <c r="AQ39" s="71">
        <v>16</v>
      </c>
      <c r="AR39" s="71">
        <v>10</v>
      </c>
      <c r="AS39" s="72">
        <v>92</v>
      </c>
      <c r="AT39" s="73">
        <v>122</v>
      </c>
      <c r="AU39" s="70">
        <v>15</v>
      </c>
      <c r="AV39" s="71">
        <v>22</v>
      </c>
      <c r="AW39" s="72">
        <v>37</v>
      </c>
      <c r="AX39" s="244"/>
      <c r="AY39" s="71">
        <v>42</v>
      </c>
      <c r="AZ39" s="71">
        <v>34</v>
      </c>
      <c r="BA39" s="71">
        <v>25</v>
      </c>
      <c r="BB39" s="71">
        <v>20</v>
      </c>
      <c r="BC39" s="71">
        <v>14</v>
      </c>
      <c r="BD39" s="72">
        <v>135</v>
      </c>
      <c r="BE39" s="73">
        <v>172</v>
      </c>
      <c r="BF39" s="70">
        <v>16</v>
      </c>
      <c r="BG39" s="71">
        <v>19</v>
      </c>
      <c r="BH39" s="72">
        <v>35</v>
      </c>
      <c r="BI39" s="244"/>
      <c r="BJ39" s="71">
        <v>25</v>
      </c>
      <c r="BK39" s="71">
        <v>28</v>
      </c>
      <c r="BL39" s="71">
        <v>26</v>
      </c>
      <c r="BM39" s="71">
        <v>18</v>
      </c>
      <c r="BN39" s="71">
        <v>5</v>
      </c>
      <c r="BO39" s="72">
        <v>102</v>
      </c>
      <c r="BP39" s="73">
        <v>137</v>
      </c>
      <c r="BQ39" s="70">
        <v>5</v>
      </c>
      <c r="BR39" s="71">
        <v>11</v>
      </c>
      <c r="BS39" s="72">
        <v>16</v>
      </c>
      <c r="BT39" s="244"/>
      <c r="BU39" s="71">
        <v>16</v>
      </c>
      <c r="BV39" s="71">
        <v>22</v>
      </c>
      <c r="BW39" s="71">
        <v>15</v>
      </c>
      <c r="BX39" s="71">
        <v>10</v>
      </c>
      <c r="BY39" s="71">
        <v>11</v>
      </c>
      <c r="BZ39" s="72">
        <v>74</v>
      </c>
      <c r="CA39" s="73">
        <v>90</v>
      </c>
      <c r="CB39" s="70">
        <v>1</v>
      </c>
      <c r="CC39" s="71">
        <v>4</v>
      </c>
      <c r="CD39" s="72">
        <v>5</v>
      </c>
      <c r="CE39" s="244"/>
      <c r="CF39" s="71">
        <v>7</v>
      </c>
      <c r="CG39" s="71">
        <v>2</v>
      </c>
      <c r="CH39" s="71">
        <v>7</v>
      </c>
      <c r="CI39" s="71">
        <v>8</v>
      </c>
      <c r="CJ39" s="71">
        <v>2</v>
      </c>
      <c r="CK39" s="72">
        <v>26</v>
      </c>
      <c r="CL39" s="73">
        <v>31</v>
      </c>
      <c r="CM39" s="70">
        <v>65</v>
      </c>
      <c r="CN39" s="71">
        <v>88</v>
      </c>
      <c r="CO39" s="72">
        <v>153</v>
      </c>
      <c r="CP39" s="244"/>
      <c r="CQ39" s="71">
        <v>148</v>
      </c>
      <c r="CR39" s="71">
        <v>147</v>
      </c>
      <c r="CS39" s="71">
        <v>108</v>
      </c>
      <c r="CT39" s="71">
        <v>92</v>
      </c>
      <c r="CU39" s="71">
        <v>55</v>
      </c>
      <c r="CV39" s="72">
        <v>550</v>
      </c>
      <c r="CW39" s="73">
        <v>703</v>
      </c>
      <c r="CX39" s="123">
        <v>101</v>
      </c>
      <c r="CY39" s="82">
        <v>171</v>
      </c>
      <c r="CZ39" s="83">
        <v>272</v>
      </c>
      <c r="DA39" s="241"/>
      <c r="DB39" s="82">
        <v>266</v>
      </c>
      <c r="DC39" s="82">
        <v>200</v>
      </c>
      <c r="DD39" s="82">
        <v>158</v>
      </c>
      <c r="DE39" s="82">
        <v>181</v>
      </c>
      <c r="DF39" s="82">
        <v>142</v>
      </c>
      <c r="DG39" s="84">
        <v>947</v>
      </c>
      <c r="DH39" s="85">
        <v>1219</v>
      </c>
      <c r="DI39" s="70">
        <v>1</v>
      </c>
      <c r="DJ39" s="71">
        <v>8</v>
      </c>
      <c r="DK39" s="72">
        <v>9</v>
      </c>
      <c r="DL39" s="244"/>
      <c r="DM39" s="71">
        <v>3</v>
      </c>
      <c r="DN39" s="71">
        <v>9</v>
      </c>
      <c r="DO39" s="71">
        <v>5</v>
      </c>
      <c r="DP39" s="71">
        <v>4</v>
      </c>
      <c r="DQ39" s="71">
        <v>6</v>
      </c>
      <c r="DR39" s="72">
        <v>27</v>
      </c>
      <c r="DS39" s="73">
        <v>36</v>
      </c>
      <c r="DT39" s="70">
        <v>7</v>
      </c>
      <c r="DU39" s="71">
        <v>21</v>
      </c>
      <c r="DV39" s="72">
        <v>28</v>
      </c>
      <c r="DW39" s="244"/>
      <c r="DX39" s="71">
        <v>23</v>
      </c>
      <c r="DY39" s="71">
        <v>16</v>
      </c>
      <c r="DZ39" s="71">
        <v>11</v>
      </c>
      <c r="EA39" s="71">
        <v>14</v>
      </c>
      <c r="EB39" s="71">
        <v>7</v>
      </c>
      <c r="EC39" s="72">
        <v>71</v>
      </c>
      <c r="ED39" s="73">
        <v>99</v>
      </c>
      <c r="EE39" s="70">
        <v>19</v>
      </c>
      <c r="EF39" s="71">
        <v>24</v>
      </c>
      <c r="EG39" s="72">
        <v>43</v>
      </c>
      <c r="EH39" s="244"/>
      <c r="EI39" s="71">
        <v>40</v>
      </c>
      <c r="EJ39" s="71">
        <v>23</v>
      </c>
      <c r="EK39" s="71">
        <v>11</v>
      </c>
      <c r="EL39" s="71">
        <v>19</v>
      </c>
      <c r="EM39" s="71">
        <v>22</v>
      </c>
      <c r="EN39" s="72">
        <v>115</v>
      </c>
      <c r="EO39" s="73">
        <v>158</v>
      </c>
      <c r="EP39" s="70">
        <v>34</v>
      </c>
      <c r="EQ39" s="71">
        <v>58</v>
      </c>
      <c r="ER39" s="72">
        <v>92</v>
      </c>
      <c r="ES39" s="244"/>
      <c r="ET39" s="71">
        <v>75</v>
      </c>
      <c r="EU39" s="71">
        <v>51</v>
      </c>
      <c r="EV39" s="71">
        <v>34</v>
      </c>
      <c r="EW39" s="71">
        <v>30</v>
      </c>
      <c r="EX39" s="71">
        <v>36</v>
      </c>
      <c r="EY39" s="72">
        <v>226</v>
      </c>
      <c r="EZ39" s="73">
        <v>318</v>
      </c>
      <c r="FA39" s="70">
        <v>27</v>
      </c>
      <c r="FB39" s="71">
        <v>39</v>
      </c>
      <c r="FC39" s="72">
        <v>66</v>
      </c>
      <c r="FD39" s="244"/>
      <c r="FE39" s="71">
        <v>67</v>
      </c>
      <c r="FF39" s="71">
        <v>46</v>
      </c>
      <c r="FG39" s="71">
        <v>44</v>
      </c>
      <c r="FH39" s="71">
        <v>41</v>
      </c>
      <c r="FI39" s="71">
        <v>30</v>
      </c>
      <c r="FJ39" s="72">
        <v>228</v>
      </c>
      <c r="FK39" s="73">
        <v>294</v>
      </c>
      <c r="FL39" s="70">
        <v>13</v>
      </c>
      <c r="FM39" s="71">
        <v>21</v>
      </c>
      <c r="FN39" s="72">
        <v>34</v>
      </c>
      <c r="FO39" s="244"/>
      <c r="FP39" s="71">
        <v>58</v>
      </c>
      <c r="FQ39" s="71">
        <v>55</v>
      </c>
      <c r="FR39" s="71">
        <v>53</v>
      </c>
      <c r="FS39" s="71">
        <v>73</v>
      </c>
      <c r="FT39" s="71">
        <v>41</v>
      </c>
      <c r="FU39" s="72">
        <v>280</v>
      </c>
      <c r="FV39" s="73">
        <v>314</v>
      </c>
      <c r="FW39" s="70">
        <v>1</v>
      </c>
      <c r="FX39" s="71">
        <v>3</v>
      </c>
      <c r="FY39" s="72">
        <v>4</v>
      </c>
      <c r="FZ39" s="244"/>
      <c r="GA39" s="71">
        <v>3</v>
      </c>
      <c r="GB39" s="71">
        <v>1</v>
      </c>
      <c r="GC39" s="71">
        <v>1</v>
      </c>
      <c r="GD39" s="71">
        <v>5</v>
      </c>
      <c r="GE39" s="71">
        <v>2</v>
      </c>
      <c r="GF39" s="72">
        <v>12</v>
      </c>
      <c r="GG39" s="73">
        <v>16</v>
      </c>
      <c r="GH39" s="70">
        <v>102</v>
      </c>
      <c r="GI39" s="71">
        <v>174</v>
      </c>
      <c r="GJ39" s="72">
        <v>276</v>
      </c>
      <c r="GK39" s="244"/>
      <c r="GL39" s="71">
        <v>269</v>
      </c>
      <c r="GM39" s="71">
        <v>201</v>
      </c>
      <c r="GN39" s="71">
        <v>159</v>
      </c>
      <c r="GO39" s="71">
        <v>186</v>
      </c>
      <c r="GP39" s="71">
        <v>144</v>
      </c>
      <c r="GQ39" s="72">
        <v>959</v>
      </c>
      <c r="GR39" s="73">
        <v>1235</v>
      </c>
      <c r="GS39" s="123">
        <v>165</v>
      </c>
      <c r="GT39" s="82">
        <v>255</v>
      </c>
      <c r="GU39" s="83">
        <v>420</v>
      </c>
      <c r="GV39" s="241"/>
      <c r="GW39" s="82">
        <v>407</v>
      </c>
      <c r="GX39" s="82">
        <v>345</v>
      </c>
      <c r="GY39" s="82">
        <v>259</v>
      </c>
      <c r="GZ39" s="82">
        <v>265</v>
      </c>
      <c r="HA39" s="82">
        <v>195</v>
      </c>
      <c r="HB39" s="84">
        <v>1471</v>
      </c>
      <c r="HC39" s="85">
        <v>1891</v>
      </c>
      <c r="HD39" s="70">
        <v>7</v>
      </c>
      <c r="HE39" s="71">
        <v>13</v>
      </c>
      <c r="HF39" s="72">
        <v>20</v>
      </c>
      <c r="HG39" s="244"/>
      <c r="HH39" s="71">
        <v>12</v>
      </c>
      <c r="HI39" s="71">
        <v>24</v>
      </c>
      <c r="HJ39" s="71">
        <v>12</v>
      </c>
      <c r="HK39" s="71">
        <v>9</v>
      </c>
      <c r="HL39" s="71">
        <v>8</v>
      </c>
      <c r="HM39" s="72">
        <v>65</v>
      </c>
      <c r="HN39" s="73">
        <v>85</v>
      </c>
      <c r="HO39" s="70">
        <v>14</v>
      </c>
      <c r="HP39" s="71">
        <v>33</v>
      </c>
      <c r="HQ39" s="72">
        <v>47</v>
      </c>
      <c r="HR39" s="244"/>
      <c r="HS39" s="71">
        <v>44</v>
      </c>
      <c r="HT39" s="71">
        <v>40</v>
      </c>
      <c r="HU39" s="71">
        <v>23</v>
      </c>
      <c r="HV39" s="71">
        <v>29</v>
      </c>
      <c r="HW39" s="71">
        <v>18</v>
      </c>
      <c r="HX39" s="72">
        <v>154</v>
      </c>
      <c r="HY39" s="73">
        <v>201</v>
      </c>
      <c r="HZ39" s="70">
        <v>34</v>
      </c>
      <c r="IA39" s="71">
        <v>39</v>
      </c>
      <c r="IB39" s="72">
        <v>73</v>
      </c>
      <c r="IC39" s="244"/>
      <c r="ID39" s="71">
        <v>68</v>
      </c>
      <c r="IE39" s="71">
        <v>45</v>
      </c>
      <c r="IF39" s="71">
        <v>27</v>
      </c>
      <c r="IG39" s="71">
        <v>35</v>
      </c>
      <c r="IH39" s="71">
        <v>32</v>
      </c>
      <c r="II39" s="72">
        <v>207</v>
      </c>
      <c r="IJ39" s="73">
        <v>280</v>
      </c>
      <c r="IK39" s="70">
        <v>49</v>
      </c>
      <c r="IL39" s="71">
        <v>80</v>
      </c>
      <c r="IM39" s="72">
        <v>129</v>
      </c>
      <c r="IN39" s="244"/>
      <c r="IO39" s="71">
        <v>117</v>
      </c>
      <c r="IP39" s="71">
        <v>85</v>
      </c>
      <c r="IQ39" s="71">
        <v>59</v>
      </c>
      <c r="IR39" s="71">
        <v>50</v>
      </c>
      <c r="IS39" s="71">
        <v>50</v>
      </c>
      <c r="IT39" s="72">
        <v>361</v>
      </c>
      <c r="IU39" s="73">
        <v>490</v>
      </c>
      <c r="IV39" s="70">
        <v>43</v>
      </c>
      <c r="IW39" s="71">
        <v>58</v>
      </c>
      <c r="IX39" s="72">
        <v>101</v>
      </c>
      <c r="IY39" s="244"/>
      <c r="IZ39" s="71">
        <v>92</v>
      </c>
      <c r="JA39" s="71">
        <v>74</v>
      </c>
      <c r="JB39" s="71">
        <v>70</v>
      </c>
      <c r="JC39" s="71">
        <v>59</v>
      </c>
      <c r="JD39" s="71">
        <v>35</v>
      </c>
      <c r="JE39" s="72">
        <v>330</v>
      </c>
      <c r="JF39" s="73">
        <v>431</v>
      </c>
      <c r="JG39" s="70">
        <v>18</v>
      </c>
      <c r="JH39" s="71">
        <v>32</v>
      </c>
      <c r="JI39" s="72">
        <v>50</v>
      </c>
      <c r="JJ39" s="244"/>
      <c r="JK39" s="71">
        <v>74</v>
      </c>
      <c r="JL39" s="71">
        <v>77</v>
      </c>
      <c r="JM39" s="71">
        <v>68</v>
      </c>
      <c r="JN39" s="71">
        <v>83</v>
      </c>
      <c r="JO39" s="71">
        <v>52</v>
      </c>
      <c r="JP39" s="72">
        <v>354</v>
      </c>
      <c r="JQ39" s="73">
        <v>404</v>
      </c>
      <c r="JR39" s="70">
        <v>2</v>
      </c>
      <c r="JS39" s="71">
        <v>7</v>
      </c>
      <c r="JT39" s="72">
        <v>9</v>
      </c>
      <c r="JU39" s="244"/>
      <c r="JV39" s="71">
        <v>10</v>
      </c>
      <c r="JW39" s="71">
        <v>3</v>
      </c>
      <c r="JX39" s="71">
        <v>8</v>
      </c>
      <c r="JY39" s="71">
        <v>13</v>
      </c>
      <c r="JZ39" s="71">
        <v>4</v>
      </c>
      <c r="KA39" s="72">
        <v>38</v>
      </c>
      <c r="KB39" s="73">
        <v>47</v>
      </c>
      <c r="KC39" s="70">
        <v>167</v>
      </c>
      <c r="KD39" s="71">
        <v>262</v>
      </c>
      <c r="KE39" s="72">
        <v>429</v>
      </c>
      <c r="KF39" s="244"/>
      <c r="KG39" s="71">
        <v>417</v>
      </c>
      <c r="KH39" s="71">
        <v>348</v>
      </c>
      <c r="KI39" s="71">
        <v>267</v>
      </c>
      <c r="KJ39" s="71">
        <v>278</v>
      </c>
      <c r="KK39" s="71">
        <v>199</v>
      </c>
      <c r="KL39" s="72">
        <v>1509</v>
      </c>
      <c r="KM39" s="73">
        <v>1938</v>
      </c>
    </row>
    <row r="40" spans="2:299" ht="21" customHeight="1" thickBot="1" x14ac:dyDescent="0.25">
      <c r="B40" s="127" t="s">
        <v>37</v>
      </c>
      <c r="C40" s="316">
        <v>2</v>
      </c>
      <c r="D40" s="87">
        <v>5</v>
      </c>
      <c r="E40" s="88">
        <v>7</v>
      </c>
      <c r="F40" s="242"/>
      <c r="G40" s="87">
        <v>7</v>
      </c>
      <c r="H40" s="87">
        <v>4</v>
      </c>
      <c r="I40" s="87">
        <v>11</v>
      </c>
      <c r="J40" s="87">
        <v>7</v>
      </c>
      <c r="K40" s="87">
        <v>2</v>
      </c>
      <c r="L40" s="89">
        <v>31</v>
      </c>
      <c r="M40" s="90">
        <v>38</v>
      </c>
      <c r="N40" s="74">
        <v>1</v>
      </c>
      <c r="O40" s="75">
        <v>0</v>
      </c>
      <c r="P40" s="76">
        <v>1</v>
      </c>
      <c r="Q40" s="245"/>
      <c r="R40" s="75">
        <v>1</v>
      </c>
      <c r="S40" s="75">
        <v>1</v>
      </c>
      <c r="T40" s="75">
        <v>0</v>
      </c>
      <c r="U40" s="75">
        <v>1</v>
      </c>
      <c r="V40" s="75">
        <v>0</v>
      </c>
      <c r="W40" s="76">
        <v>3</v>
      </c>
      <c r="X40" s="77">
        <v>4</v>
      </c>
      <c r="Y40" s="74">
        <v>0</v>
      </c>
      <c r="Z40" s="75">
        <v>1</v>
      </c>
      <c r="AA40" s="76">
        <v>1</v>
      </c>
      <c r="AB40" s="245"/>
      <c r="AC40" s="75">
        <v>0</v>
      </c>
      <c r="AD40" s="75">
        <v>0</v>
      </c>
      <c r="AE40" s="75">
        <v>3</v>
      </c>
      <c r="AF40" s="75">
        <v>1</v>
      </c>
      <c r="AG40" s="75">
        <v>0</v>
      </c>
      <c r="AH40" s="76">
        <v>4</v>
      </c>
      <c r="AI40" s="77">
        <v>5</v>
      </c>
      <c r="AJ40" s="74">
        <v>0</v>
      </c>
      <c r="AK40" s="75">
        <v>1</v>
      </c>
      <c r="AL40" s="76">
        <v>1</v>
      </c>
      <c r="AM40" s="245"/>
      <c r="AN40" s="75">
        <v>1</v>
      </c>
      <c r="AO40" s="75">
        <v>0</v>
      </c>
      <c r="AP40" s="75">
        <v>2</v>
      </c>
      <c r="AQ40" s="75">
        <v>1</v>
      </c>
      <c r="AR40" s="75">
        <v>0</v>
      </c>
      <c r="AS40" s="76">
        <v>4</v>
      </c>
      <c r="AT40" s="77">
        <v>5</v>
      </c>
      <c r="AU40" s="74">
        <v>1</v>
      </c>
      <c r="AV40" s="75">
        <v>2</v>
      </c>
      <c r="AW40" s="76">
        <v>3</v>
      </c>
      <c r="AX40" s="245"/>
      <c r="AY40" s="75">
        <v>3</v>
      </c>
      <c r="AZ40" s="75">
        <v>0</v>
      </c>
      <c r="BA40" s="75">
        <v>1</v>
      </c>
      <c r="BB40" s="75">
        <v>1</v>
      </c>
      <c r="BC40" s="75">
        <v>0</v>
      </c>
      <c r="BD40" s="76">
        <v>5</v>
      </c>
      <c r="BE40" s="77">
        <v>8</v>
      </c>
      <c r="BF40" s="74">
        <v>0</v>
      </c>
      <c r="BG40" s="75">
        <v>1</v>
      </c>
      <c r="BH40" s="76">
        <v>1</v>
      </c>
      <c r="BI40" s="245"/>
      <c r="BJ40" s="75">
        <v>1</v>
      </c>
      <c r="BK40" s="75">
        <v>1</v>
      </c>
      <c r="BL40" s="75">
        <v>4</v>
      </c>
      <c r="BM40" s="75">
        <v>3</v>
      </c>
      <c r="BN40" s="75">
        <v>1</v>
      </c>
      <c r="BO40" s="76">
        <v>10</v>
      </c>
      <c r="BP40" s="77">
        <v>11</v>
      </c>
      <c r="BQ40" s="74">
        <v>0</v>
      </c>
      <c r="BR40" s="75">
        <v>0</v>
      </c>
      <c r="BS40" s="76">
        <v>0</v>
      </c>
      <c r="BT40" s="245"/>
      <c r="BU40" s="75">
        <v>1</v>
      </c>
      <c r="BV40" s="75">
        <v>2</v>
      </c>
      <c r="BW40" s="75">
        <v>1</v>
      </c>
      <c r="BX40" s="75">
        <v>0</v>
      </c>
      <c r="BY40" s="75">
        <v>1</v>
      </c>
      <c r="BZ40" s="76">
        <v>5</v>
      </c>
      <c r="CA40" s="77">
        <v>5</v>
      </c>
      <c r="CB40" s="74">
        <v>0</v>
      </c>
      <c r="CC40" s="75">
        <v>0</v>
      </c>
      <c r="CD40" s="76">
        <v>0</v>
      </c>
      <c r="CE40" s="245"/>
      <c r="CF40" s="75">
        <v>1</v>
      </c>
      <c r="CG40" s="75">
        <v>0</v>
      </c>
      <c r="CH40" s="75">
        <v>0</v>
      </c>
      <c r="CI40" s="75">
        <v>1</v>
      </c>
      <c r="CJ40" s="75">
        <v>0</v>
      </c>
      <c r="CK40" s="76">
        <v>2</v>
      </c>
      <c r="CL40" s="77">
        <v>2</v>
      </c>
      <c r="CM40" s="74">
        <v>2</v>
      </c>
      <c r="CN40" s="75">
        <v>5</v>
      </c>
      <c r="CO40" s="76">
        <v>7</v>
      </c>
      <c r="CP40" s="245"/>
      <c r="CQ40" s="75">
        <v>8</v>
      </c>
      <c r="CR40" s="75">
        <v>4</v>
      </c>
      <c r="CS40" s="75">
        <v>11</v>
      </c>
      <c r="CT40" s="75">
        <v>8</v>
      </c>
      <c r="CU40" s="75">
        <v>2</v>
      </c>
      <c r="CV40" s="76">
        <v>33</v>
      </c>
      <c r="CW40" s="77">
        <v>40</v>
      </c>
      <c r="CX40" s="124">
        <v>15</v>
      </c>
      <c r="CY40" s="87">
        <v>4</v>
      </c>
      <c r="CZ40" s="88">
        <v>19</v>
      </c>
      <c r="DA40" s="242"/>
      <c r="DB40" s="87">
        <v>21</v>
      </c>
      <c r="DC40" s="87">
        <v>15</v>
      </c>
      <c r="DD40" s="87">
        <v>30</v>
      </c>
      <c r="DE40" s="87">
        <v>15</v>
      </c>
      <c r="DF40" s="87">
        <v>9</v>
      </c>
      <c r="DG40" s="89">
        <v>90</v>
      </c>
      <c r="DH40" s="90">
        <v>109</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1</v>
      </c>
      <c r="DZ40" s="75">
        <v>0</v>
      </c>
      <c r="EA40" s="75">
        <v>1</v>
      </c>
      <c r="EB40" s="75">
        <v>0</v>
      </c>
      <c r="EC40" s="76">
        <v>3</v>
      </c>
      <c r="ED40" s="77">
        <v>4</v>
      </c>
      <c r="EE40" s="74">
        <v>2</v>
      </c>
      <c r="EF40" s="75">
        <v>1</v>
      </c>
      <c r="EG40" s="76">
        <v>3</v>
      </c>
      <c r="EH40" s="245"/>
      <c r="EI40" s="75">
        <v>1</v>
      </c>
      <c r="EJ40" s="75">
        <v>2</v>
      </c>
      <c r="EK40" s="75">
        <v>4</v>
      </c>
      <c r="EL40" s="75">
        <v>4</v>
      </c>
      <c r="EM40" s="75">
        <v>0</v>
      </c>
      <c r="EN40" s="76">
        <v>11</v>
      </c>
      <c r="EO40" s="77">
        <v>14</v>
      </c>
      <c r="EP40" s="74">
        <v>7</v>
      </c>
      <c r="EQ40" s="75">
        <v>0</v>
      </c>
      <c r="ER40" s="76">
        <v>7</v>
      </c>
      <c r="ES40" s="245"/>
      <c r="ET40" s="75">
        <v>4</v>
      </c>
      <c r="EU40" s="75">
        <v>4</v>
      </c>
      <c r="EV40" s="75">
        <v>5</v>
      </c>
      <c r="EW40" s="75">
        <v>2</v>
      </c>
      <c r="EX40" s="75">
        <v>2</v>
      </c>
      <c r="EY40" s="76">
        <v>17</v>
      </c>
      <c r="EZ40" s="77">
        <v>24</v>
      </c>
      <c r="FA40" s="74">
        <v>5</v>
      </c>
      <c r="FB40" s="75">
        <v>2</v>
      </c>
      <c r="FC40" s="76">
        <v>7</v>
      </c>
      <c r="FD40" s="245"/>
      <c r="FE40" s="75">
        <v>10</v>
      </c>
      <c r="FF40" s="75">
        <v>5</v>
      </c>
      <c r="FG40" s="75">
        <v>9</v>
      </c>
      <c r="FH40" s="75">
        <v>3</v>
      </c>
      <c r="FI40" s="75">
        <v>2</v>
      </c>
      <c r="FJ40" s="76">
        <v>29</v>
      </c>
      <c r="FK40" s="77">
        <v>36</v>
      </c>
      <c r="FL40" s="74">
        <v>0</v>
      </c>
      <c r="FM40" s="75">
        <v>1</v>
      </c>
      <c r="FN40" s="76">
        <v>1</v>
      </c>
      <c r="FO40" s="245"/>
      <c r="FP40" s="75">
        <v>5</v>
      </c>
      <c r="FQ40" s="75">
        <v>3</v>
      </c>
      <c r="FR40" s="75">
        <v>11</v>
      </c>
      <c r="FS40" s="75">
        <v>5</v>
      </c>
      <c r="FT40" s="75">
        <v>3</v>
      </c>
      <c r="FU40" s="76">
        <v>27</v>
      </c>
      <c r="FV40" s="77">
        <v>28</v>
      </c>
      <c r="FW40" s="74">
        <v>0</v>
      </c>
      <c r="FX40" s="75">
        <v>0</v>
      </c>
      <c r="FY40" s="76">
        <v>0</v>
      </c>
      <c r="FZ40" s="245"/>
      <c r="GA40" s="75">
        <v>0</v>
      </c>
      <c r="GB40" s="75">
        <v>1</v>
      </c>
      <c r="GC40" s="75">
        <v>1</v>
      </c>
      <c r="GD40" s="75">
        <v>1</v>
      </c>
      <c r="GE40" s="75">
        <v>0</v>
      </c>
      <c r="GF40" s="76">
        <v>3</v>
      </c>
      <c r="GG40" s="77">
        <v>3</v>
      </c>
      <c r="GH40" s="74">
        <v>15</v>
      </c>
      <c r="GI40" s="75">
        <v>4</v>
      </c>
      <c r="GJ40" s="76">
        <v>19</v>
      </c>
      <c r="GK40" s="245"/>
      <c r="GL40" s="75">
        <v>21</v>
      </c>
      <c r="GM40" s="75">
        <v>16</v>
      </c>
      <c r="GN40" s="75">
        <v>31</v>
      </c>
      <c r="GO40" s="75">
        <v>16</v>
      </c>
      <c r="GP40" s="75">
        <v>9</v>
      </c>
      <c r="GQ40" s="76">
        <v>93</v>
      </c>
      <c r="GR40" s="77">
        <v>112</v>
      </c>
      <c r="GS40" s="124">
        <v>17</v>
      </c>
      <c r="GT40" s="87">
        <v>9</v>
      </c>
      <c r="GU40" s="88">
        <v>26</v>
      </c>
      <c r="GV40" s="242"/>
      <c r="GW40" s="87">
        <v>28</v>
      </c>
      <c r="GX40" s="87">
        <v>19</v>
      </c>
      <c r="GY40" s="87">
        <v>41</v>
      </c>
      <c r="GZ40" s="87">
        <v>22</v>
      </c>
      <c r="HA40" s="87">
        <v>11</v>
      </c>
      <c r="HB40" s="89">
        <v>121</v>
      </c>
      <c r="HC40" s="90">
        <v>147</v>
      </c>
      <c r="HD40" s="74">
        <v>1</v>
      </c>
      <c r="HE40" s="75">
        <v>0</v>
      </c>
      <c r="HF40" s="76">
        <v>1</v>
      </c>
      <c r="HG40" s="245"/>
      <c r="HH40" s="75">
        <v>1</v>
      </c>
      <c r="HI40" s="75">
        <v>1</v>
      </c>
      <c r="HJ40" s="75">
        <v>1</v>
      </c>
      <c r="HK40" s="75">
        <v>1</v>
      </c>
      <c r="HL40" s="75">
        <v>2</v>
      </c>
      <c r="HM40" s="76">
        <v>6</v>
      </c>
      <c r="HN40" s="77">
        <v>7</v>
      </c>
      <c r="HO40" s="74">
        <v>1</v>
      </c>
      <c r="HP40" s="75">
        <v>1</v>
      </c>
      <c r="HQ40" s="76">
        <v>2</v>
      </c>
      <c r="HR40" s="245"/>
      <c r="HS40" s="75">
        <v>1</v>
      </c>
      <c r="HT40" s="75">
        <v>1</v>
      </c>
      <c r="HU40" s="75">
        <v>3</v>
      </c>
      <c r="HV40" s="75">
        <v>2</v>
      </c>
      <c r="HW40" s="75">
        <v>0</v>
      </c>
      <c r="HX40" s="76">
        <v>7</v>
      </c>
      <c r="HY40" s="77">
        <v>9</v>
      </c>
      <c r="HZ40" s="74">
        <v>2</v>
      </c>
      <c r="IA40" s="75">
        <v>2</v>
      </c>
      <c r="IB40" s="76">
        <v>4</v>
      </c>
      <c r="IC40" s="245"/>
      <c r="ID40" s="75">
        <v>2</v>
      </c>
      <c r="IE40" s="75">
        <v>2</v>
      </c>
      <c r="IF40" s="75">
        <v>6</v>
      </c>
      <c r="IG40" s="75">
        <v>5</v>
      </c>
      <c r="IH40" s="75">
        <v>0</v>
      </c>
      <c r="II40" s="76">
        <v>15</v>
      </c>
      <c r="IJ40" s="77">
        <v>19</v>
      </c>
      <c r="IK40" s="74">
        <v>8</v>
      </c>
      <c r="IL40" s="75">
        <v>2</v>
      </c>
      <c r="IM40" s="76">
        <v>10</v>
      </c>
      <c r="IN40" s="245"/>
      <c r="IO40" s="75">
        <v>7</v>
      </c>
      <c r="IP40" s="75">
        <v>4</v>
      </c>
      <c r="IQ40" s="75">
        <v>6</v>
      </c>
      <c r="IR40" s="75">
        <v>3</v>
      </c>
      <c r="IS40" s="75">
        <v>2</v>
      </c>
      <c r="IT40" s="76">
        <v>22</v>
      </c>
      <c r="IU40" s="77">
        <v>32</v>
      </c>
      <c r="IV40" s="74">
        <v>5</v>
      </c>
      <c r="IW40" s="75">
        <v>3</v>
      </c>
      <c r="IX40" s="76">
        <v>8</v>
      </c>
      <c r="IY40" s="245"/>
      <c r="IZ40" s="75">
        <v>11</v>
      </c>
      <c r="JA40" s="75">
        <v>6</v>
      </c>
      <c r="JB40" s="75">
        <v>13</v>
      </c>
      <c r="JC40" s="75">
        <v>6</v>
      </c>
      <c r="JD40" s="75">
        <v>3</v>
      </c>
      <c r="JE40" s="76">
        <v>39</v>
      </c>
      <c r="JF40" s="77">
        <v>47</v>
      </c>
      <c r="JG40" s="74">
        <v>0</v>
      </c>
      <c r="JH40" s="75">
        <v>1</v>
      </c>
      <c r="JI40" s="76">
        <v>1</v>
      </c>
      <c r="JJ40" s="245"/>
      <c r="JK40" s="75">
        <v>6</v>
      </c>
      <c r="JL40" s="75">
        <v>5</v>
      </c>
      <c r="JM40" s="75">
        <v>12</v>
      </c>
      <c r="JN40" s="75">
        <v>5</v>
      </c>
      <c r="JO40" s="75">
        <v>4</v>
      </c>
      <c r="JP40" s="76">
        <v>32</v>
      </c>
      <c r="JQ40" s="77">
        <v>33</v>
      </c>
      <c r="JR40" s="74">
        <v>0</v>
      </c>
      <c r="JS40" s="75">
        <v>0</v>
      </c>
      <c r="JT40" s="76">
        <v>0</v>
      </c>
      <c r="JU40" s="245"/>
      <c r="JV40" s="75">
        <v>1</v>
      </c>
      <c r="JW40" s="75">
        <v>1</v>
      </c>
      <c r="JX40" s="75">
        <v>1</v>
      </c>
      <c r="JY40" s="75">
        <v>2</v>
      </c>
      <c r="JZ40" s="75">
        <v>0</v>
      </c>
      <c r="KA40" s="76">
        <v>5</v>
      </c>
      <c r="KB40" s="77">
        <v>5</v>
      </c>
      <c r="KC40" s="74">
        <v>17</v>
      </c>
      <c r="KD40" s="75">
        <v>9</v>
      </c>
      <c r="KE40" s="76">
        <v>26</v>
      </c>
      <c r="KF40" s="245"/>
      <c r="KG40" s="75">
        <v>29</v>
      </c>
      <c r="KH40" s="75">
        <v>20</v>
      </c>
      <c r="KI40" s="75">
        <v>42</v>
      </c>
      <c r="KJ40" s="75">
        <v>24</v>
      </c>
      <c r="KK40" s="75">
        <v>11</v>
      </c>
      <c r="KL40" s="76">
        <v>126</v>
      </c>
      <c r="KM40" s="77">
        <v>152</v>
      </c>
    </row>
    <row r="41" spans="2:299" ht="32.25" customHeight="1" x14ac:dyDescent="0.2">
      <c r="C41" s="310" t="s">
        <v>126</v>
      </c>
      <c r="IL41" s="502">
        <f>SUM(IJ7,IU7,JF7,JQ7)</f>
        <v>391727</v>
      </c>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5</v>
      </c>
      <c r="I1" s="246">
        <f>第１表!G2</f>
        <v>3</v>
      </c>
      <c r="J1" s="556">
        <f>IF(I1&lt;3,I1-2+12,I1-2)</f>
        <v>1</v>
      </c>
      <c r="K1" s="556"/>
    </row>
    <row r="2" spans="2:43" ht="24" customHeight="1" thickBot="1" x14ac:dyDescent="0.25">
      <c r="B2" s="20" t="s">
        <v>158</v>
      </c>
      <c r="F2" s="20" t="s">
        <v>140</v>
      </c>
    </row>
    <row r="3" spans="2:43" ht="21" customHeight="1" x14ac:dyDescent="0.2">
      <c r="B3" s="602"/>
      <c r="C3" s="592" t="s">
        <v>57</v>
      </c>
      <c r="D3" s="593"/>
      <c r="E3" s="593"/>
      <c r="F3" s="593"/>
      <c r="G3" s="593"/>
      <c r="H3" s="593"/>
      <c r="I3" s="593"/>
      <c r="J3" s="593"/>
      <c r="K3" s="593"/>
      <c r="L3" s="593"/>
      <c r="M3" s="592" t="s">
        <v>58</v>
      </c>
      <c r="N3" s="605"/>
      <c r="O3" s="605"/>
      <c r="P3" s="605"/>
      <c r="Q3" s="605"/>
      <c r="R3" s="605"/>
      <c r="S3" s="605"/>
      <c r="T3" s="605"/>
      <c r="U3" s="605"/>
      <c r="V3" s="605"/>
      <c r="W3" s="592" t="s">
        <v>59</v>
      </c>
      <c r="X3" s="593"/>
      <c r="Y3" s="593"/>
      <c r="Z3" s="593"/>
      <c r="AA3" s="593"/>
      <c r="AB3" s="593"/>
      <c r="AC3" s="593"/>
      <c r="AD3" s="593"/>
      <c r="AE3" s="593"/>
      <c r="AF3" s="593"/>
      <c r="AG3" s="601" t="s">
        <v>151</v>
      </c>
      <c r="AH3" s="593"/>
      <c r="AI3" s="593"/>
      <c r="AJ3" s="593"/>
      <c r="AK3" s="593"/>
      <c r="AL3" s="593"/>
      <c r="AM3" s="593"/>
      <c r="AN3" s="593"/>
      <c r="AO3" s="593"/>
      <c r="AP3" s="594"/>
    </row>
    <row r="4" spans="2:43" ht="21" customHeight="1" x14ac:dyDescent="0.2">
      <c r="B4" s="604"/>
      <c r="C4" s="574" t="s">
        <v>61</v>
      </c>
      <c r="D4" s="575"/>
      <c r="E4" s="576"/>
      <c r="F4" s="577" t="s">
        <v>62</v>
      </c>
      <c r="G4" s="578"/>
      <c r="H4" s="578"/>
      <c r="I4" s="578"/>
      <c r="J4" s="578"/>
      <c r="K4" s="579"/>
      <c r="L4" s="589" t="s">
        <v>52</v>
      </c>
      <c r="M4" s="574" t="s">
        <v>61</v>
      </c>
      <c r="N4" s="575"/>
      <c r="O4" s="576"/>
      <c r="P4" s="577" t="s">
        <v>62</v>
      </c>
      <c r="Q4" s="578"/>
      <c r="R4" s="578"/>
      <c r="S4" s="578"/>
      <c r="T4" s="578"/>
      <c r="U4" s="579"/>
      <c r="V4" s="580" t="s">
        <v>52</v>
      </c>
      <c r="W4" s="574" t="s">
        <v>61</v>
      </c>
      <c r="X4" s="575"/>
      <c r="Y4" s="576"/>
      <c r="Z4" s="577" t="s">
        <v>62</v>
      </c>
      <c r="AA4" s="578"/>
      <c r="AB4" s="578"/>
      <c r="AC4" s="578"/>
      <c r="AD4" s="578"/>
      <c r="AE4" s="579"/>
      <c r="AF4" s="589" t="s">
        <v>52</v>
      </c>
      <c r="AG4" s="574" t="s">
        <v>61</v>
      </c>
      <c r="AH4" s="575"/>
      <c r="AI4" s="576"/>
      <c r="AJ4" s="577" t="s">
        <v>62</v>
      </c>
      <c r="AK4" s="578"/>
      <c r="AL4" s="578"/>
      <c r="AM4" s="578"/>
      <c r="AN4" s="578"/>
      <c r="AO4" s="579"/>
      <c r="AP4" s="580"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0"/>
      <c r="M5" s="31" t="s">
        <v>43</v>
      </c>
      <c r="N5" s="32" t="s">
        <v>44</v>
      </c>
      <c r="O5" s="36" t="s">
        <v>45</v>
      </c>
      <c r="P5" s="15" t="s">
        <v>47</v>
      </c>
      <c r="Q5" s="34" t="s">
        <v>48</v>
      </c>
      <c r="R5" s="34" t="s">
        <v>49</v>
      </c>
      <c r="S5" s="35" t="s">
        <v>50</v>
      </c>
      <c r="T5" s="32" t="s">
        <v>51</v>
      </c>
      <c r="U5" s="36" t="s">
        <v>45</v>
      </c>
      <c r="V5" s="581"/>
      <c r="W5" s="31" t="s">
        <v>43</v>
      </c>
      <c r="X5" s="32" t="s">
        <v>44</v>
      </c>
      <c r="Y5" s="32" t="s">
        <v>45</v>
      </c>
      <c r="Z5" s="33" t="s">
        <v>47</v>
      </c>
      <c r="AA5" s="34" t="s">
        <v>48</v>
      </c>
      <c r="AB5" s="34" t="s">
        <v>49</v>
      </c>
      <c r="AC5" s="35" t="s">
        <v>50</v>
      </c>
      <c r="AD5" s="32" t="s">
        <v>51</v>
      </c>
      <c r="AE5" s="36" t="s">
        <v>45</v>
      </c>
      <c r="AF5" s="590"/>
      <c r="AG5" s="31" t="s">
        <v>43</v>
      </c>
      <c r="AH5" s="32" t="s">
        <v>44</v>
      </c>
      <c r="AI5" s="32" t="s">
        <v>45</v>
      </c>
      <c r="AJ5" s="33" t="s">
        <v>47</v>
      </c>
      <c r="AK5" s="34" t="s">
        <v>48</v>
      </c>
      <c r="AL5" s="34" t="s">
        <v>49</v>
      </c>
      <c r="AM5" s="35" t="s">
        <v>50</v>
      </c>
      <c r="AN5" s="32" t="s">
        <v>51</v>
      </c>
      <c r="AO5" s="36" t="s">
        <v>45</v>
      </c>
      <c r="AP5" s="581"/>
    </row>
    <row r="6" spans="2:43" ht="21" customHeight="1" x14ac:dyDescent="0.2">
      <c r="B6" s="361" t="s">
        <v>4</v>
      </c>
      <c r="C6" s="185">
        <v>0</v>
      </c>
      <c r="D6" s="186">
        <v>0</v>
      </c>
      <c r="E6" s="186">
        <v>0</v>
      </c>
      <c r="F6" s="187">
        <v>14</v>
      </c>
      <c r="G6" s="188">
        <v>61</v>
      </c>
      <c r="H6" s="188">
        <v>442</v>
      </c>
      <c r="I6" s="188">
        <v>666</v>
      </c>
      <c r="J6" s="186">
        <v>378</v>
      </c>
      <c r="K6" s="189">
        <v>1561</v>
      </c>
      <c r="L6" s="190">
        <v>1561</v>
      </c>
      <c r="M6" s="185">
        <v>0</v>
      </c>
      <c r="N6" s="186">
        <v>0</v>
      </c>
      <c r="O6" s="189">
        <v>0</v>
      </c>
      <c r="P6" s="192">
        <v>74</v>
      </c>
      <c r="Q6" s="188">
        <v>188</v>
      </c>
      <c r="R6" s="188">
        <v>260</v>
      </c>
      <c r="S6" s="188">
        <v>296</v>
      </c>
      <c r="T6" s="186">
        <v>179</v>
      </c>
      <c r="U6" s="189">
        <v>997</v>
      </c>
      <c r="V6" s="193">
        <v>997</v>
      </c>
      <c r="W6" s="192">
        <v>0</v>
      </c>
      <c r="X6" s="186">
        <v>0</v>
      </c>
      <c r="Y6" s="186">
        <v>0</v>
      </c>
      <c r="Z6" s="187">
        <v>0</v>
      </c>
      <c r="AA6" s="188">
        <v>0</v>
      </c>
      <c r="AB6" s="188">
        <v>1</v>
      </c>
      <c r="AC6" s="188">
        <v>8</v>
      </c>
      <c r="AD6" s="186">
        <v>7</v>
      </c>
      <c r="AE6" s="189">
        <v>16</v>
      </c>
      <c r="AF6" s="190">
        <v>16</v>
      </c>
      <c r="AG6" s="185">
        <v>0</v>
      </c>
      <c r="AH6" s="186">
        <v>0</v>
      </c>
      <c r="AI6" s="186">
        <v>0</v>
      </c>
      <c r="AJ6" s="187">
        <v>0</v>
      </c>
      <c r="AK6" s="188">
        <v>2</v>
      </c>
      <c r="AL6" s="188">
        <v>2</v>
      </c>
      <c r="AM6" s="188">
        <v>14</v>
      </c>
      <c r="AN6" s="186">
        <v>27</v>
      </c>
      <c r="AO6" s="189">
        <v>45</v>
      </c>
      <c r="AP6" s="191">
        <v>45</v>
      </c>
      <c r="AQ6" s="37"/>
    </row>
    <row r="7" spans="2:43" ht="21" customHeight="1" x14ac:dyDescent="0.2">
      <c r="B7" s="62" t="s">
        <v>5</v>
      </c>
      <c r="C7" s="194">
        <v>0</v>
      </c>
      <c r="D7" s="195">
        <v>0</v>
      </c>
      <c r="E7" s="195">
        <v>0</v>
      </c>
      <c r="F7" s="196">
        <v>9</v>
      </c>
      <c r="G7" s="197">
        <v>43</v>
      </c>
      <c r="H7" s="197">
        <v>233</v>
      </c>
      <c r="I7" s="197">
        <v>270</v>
      </c>
      <c r="J7" s="195">
        <v>169</v>
      </c>
      <c r="K7" s="198">
        <v>724</v>
      </c>
      <c r="L7" s="199">
        <v>724</v>
      </c>
      <c r="M7" s="194">
        <v>0</v>
      </c>
      <c r="N7" s="195">
        <v>0</v>
      </c>
      <c r="O7" s="198">
        <v>0</v>
      </c>
      <c r="P7" s="201">
        <v>27</v>
      </c>
      <c r="Q7" s="197">
        <v>96</v>
      </c>
      <c r="R7" s="197">
        <v>127</v>
      </c>
      <c r="S7" s="197">
        <v>135</v>
      </c>
      <c r="T7" s="195">
        <v>90</v>
      </c>
      <c r="U7" s="198">
        <v>475</v>
      </c>
      <c r="V7" s="202">
        <v>475</v>
      </c>
      <c r="W7" s="201">
        <v>0</v>
      </c>
      <c r="X7" s="195">
        <v>0</v>
      </c>
      <c r="Y7" s="195">
        <v>0</v>
      </c>
      <c r="Z7" s="196">
        <v>0</v>
      </c>
      <c r="AA7" s="197">
        <v>0</v>
      </c>
      <c r="AB7" s="197">
        <v>0</v>
      </c>
      <c r="AC7" s="197">
        <v>3</v>
      </c>
      <c r="AD7" s="195">
        <v>2</v>
      </c>
      <c r="AE7" s="198">
        <v>5</v>
      </c>
      <c r="AF7" s="199">
        <v>5</v>
      </c>
      <c r="AG7" s="194">
        <v>0</v>
      </c>
      <c r="AH7" s="195">
        <v>0</v>
      </c>
      <c r="AI7" s="195">
        <v>0</v>
      </c>
      <c r="AJ7" s="196">
        <v>0</v>
      </c>
      <c r="AK7" s="197">
        <v>1</v>
      </c>
      <c r="AL7" s="197">
        <v>1</v>
      </c>
      <c r="AM7" s="197">
        <v>3</v>
      </c>
      <c r="AN7" s="195">
        <v>10</v>
      </c>
      <c r="AO7" s="198">
        <v>15</v>
      </c>
      <c r="AP7" s="200">
        <v>15</v>
      </c>
      <c r="AQ7" s="37"/>
    </row>
    <row r="8" spans="2:43" ht="21" customHeight="1" x14ac:dyDescent="0.2">
      <c r="B8" s="62" t="s">
        <v>6</v>
      </c>
      <c r="C8" s="194">
        <v>0</v>
      </c>
      <c r="D8" s="195">
        <v>0</v>
      </c>
      <c r="E8" s="195">
        <v>0</v>
      </c>
      <c r="F8" s="196">
        <v>1</v>
      </c>
      <c r="G8" s="197">
        <v>6</v>
      </c>
      <c r="H8" s="197">
        <v>43</v>
      </c>
      <c r="I8" s="197">
        <v>56</v>
      </c>
      <c r="J8" s="195">
        <v>46</v>
      </c>
      <c r="K8" s="198">
        <v>152</v>
      </c>
      <c r="L8" s="199">
        <v>152</v>
      </c>
      <c r="M8" s="194">
        <v>0</v>
      </c>
      <c r="N8" s="195">
        <v>0</v>
      </c>
      <c r="O8" s="198">
        <v>0</v>
      </c>
      <c r="P8" s="201">
        <v>12</v>
      </c>
      <c r="Q8" s="197">
        <v>23</v>
      </c>
      <c r="R8" s="197">
        <v>30</v>
      </c>
      <c r="S8" s="197">
        <v>35</v>
      </c>
      <c r="T8" s="195">
        <v>24</v>
      </c>
      <c r="U8" s="198">
        <v>124</v>
      </c>
      <c r="V8" s="202">
        <v>124</v>
      </c>
      <c r="W8" s="201">
        <v>0</v>
      </c>
      <c r="X8" s="195">
        <v>0</v>
      </c>
      <c r="Y8" s="195">
        <v>0</v>
      </c>
      <c r="Z8" s="196">
        <v>0</v>
      </c>
      <c r="AA8" s="197">
        <v>0</v>
      </c>
      <c r="AB8" s="197">
        <v>1</v>
      </c>
      <c r="AC8" s="197">
        <v>5</v>
      </c>
      <c r="AD8" s="195">
        <v>4</v>
      </c>
      <c r="AE8" s="198">
        <v>10</v>
      </c>
      <c r="AF8" s="199">
        <v>10</v>
      </c>
      <c r="AG8" s="194">
        <v>0</v>
      </c>
      <c r="AH8" s="195">
        <v>0</v>
      </c>
      <c r="AI8" s="195">
        <v>0</v>
      </c>
      <c r="AJ8" s="196">
        <v>0</v>
      </c>
      <c r="AK8" s="197">
        <v>0</v>
      </c>
      <c r="AL8" s="197">
        <v>0</v>
      </c>
      <c r="AM8" s="197">
        <v>3</v>
      </c>
      <c r="AN8" s="195">
        <v>6</v>
      </c>
      <c r="AO8" s="198">
        <v>9</v>
      </c>
      <c r="AP8" s="200">
        <v>9</v>
      </c>
      <c r="AQ8" s="37"/>
    </row>
    <row r="9" spans="2:43" ht="21" customHeight="1" x14ac:dyDescent="0.2">
      <c r="B9" s="62" t="s">
        <v>14</v>
      </c>
      <c r="C9" s="194">
        <v>0</v>
      </c>
      <c r="D9" s="195">
        <v>0</v>
      </c>
      <c r="E9" s="195">
        <v>0</v>
      </c>
      <c r="F9" s="196">
        <v>0</v>
      </c>
      <c r="G9" s="197">
        <v>1</v>
      </c>
      <c r="H9" s="197">
        <v>34</v>
      </c>
      <c r="I9" s="197">
        <v>61</v>
      </c>
      <c r="J9" s="195">
        <v>26</v>
      </c>
      <c r="K9" s="198">
        <v>122</v>
      </c>
      <c r="L9" s="199">
        <v>122</v>
      </c>
      <c r="M9" s="194">
        <v>0</v>
      </c>
      <c r="N9" s="195">
        <v>0</v>
      </c>
      <c r="O9" s="198">
        <v>0</v>
      </c>
      <c r="P9" s="201">
        <v>0</v>
      </c>
      <c r="Q9" s="197">
        <v>7</v>
      </c>
      <c r="R9" s="197">
        <v>14</v>
      </c>
      <c r="S9" s="197">
        <v>17</v>
      </c>
      <c r="T9" s="195">
        <v>5</v>
      </c>
      <c r="U9" s="198">
        <v>43</v>
      </c>
      <c r="V9" s="202">
        <v>43</v>
      </c>
      <c r="W9" s="201">
        <v>0</v>
      </c>
      <c r="X9" s="195">
        <v>0</v>
      </c>
      <c r="Y9" s="195">
        <v>0</v>
      </c>
      <c r="Z9" s="196">
        <v>0</v>
      </c>
      <c r="AA9" s="197">
        <v>0</v>
      </c>
      <c r="AB9" s="197">
        <v>0</v>
      </c>
      <c r="AC9" s="197">
        <v>0</v>
      </c>
      <c r="AD9" s="195">
        <v>1</v>
      </c>
      <c r="AE9" s="198">
        <v>1</v>
      </c>
      <c r="AF9" s="199">
        <v>1</v>
      </c>
      <c r="AG9" s="194">
        <v>0</v>
      </c>
      <c r="AH9" s="195">
        <v>0</v>
      </c>
      <c r="AI9" s="195">
        <v>0</v>
      </c>
      <c r="AJ9" s="196">
        <v>0</v>
      </c>
      <c r="AK9" s="197">
        <v>0</v>
      </c>
      <c r="AL9" s="197">
        <v>0</v>
      </c>
      <c r="AM9" s="197">
        <v>2</v>
      </c>
      <c r="AN9" s="195">
        <v>4</v>
      </c>
      <c r="AO9" s="198">
        <v>6</v>
      </c>
      <c r="AP9" s="200">
        <v>6</v>
      </c>
      <c r="AQ9" s="37"/>
    </row>
    <row r="10" spans="2:43" ht="21" customHeight="1" x14ac:dyDescent="0.2">
      <c r="B10" s="62" t="s">
        <v>7</v>
      </c>
      <c r="C10" s="194">
        <v>0</v>
      </c>
      <c r="D10" s="195">
        <v>0</v>
      </c>
      <c r="E10" s="195">
        <v>0</v>
      </c>
      <c r="F10" s="196">
        <v>0</v>
      </c>
      <c r="G10" s="197">
        <v>3</v>
      </c>
      <c r="H10" s="197">
        <v>15</v>
      </c>
      <c r="I10" s="197">
        <v>53</v>
      </c>
      <c r="J10" s="195">
        <v>30</v>
      </c>
      <c r="K10" s="198">
        <v>101</v>
      </c>
      <c r="L10" s="199">
        <v>101</v>
      </c>
      <c r="M10" s="194">
        <v>0</v>
      </c>
      <c r="N10" s="195">
        <v>0</v>
      </c>
      <c r="O10" s="198">
        <v>0</v>
      </c>
      <c r="P10" s="201">
        <v>13</v>
      </c>
      <c r="Q10" s="197">
        <v>14</v>
      </c>
      <c r="R10" s="197">
        <v>7</v>
      </c>
      <c r="S10" s="197">
        <v>23</v>
      </c>
      <c r="T10" s="195">
        <v>10</v>
      </c>
      <c r="U10" s="198">
        <v>67</v>
      </c>
      <c r="V10" s="202">
        <v>67</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2</v>
      </c>
      <c r="H11" s="197">
        <v>9</v>
      </c>
      <c r="I11" s="197">
        <v>12</v>
      </c>
      <c r="J11" s="195">
        <v>9</v>
      </c>
      <c r="K11" s="198">
        <v>34</v>
      </c>
      <c r="L11" s="199">
        <v>34</v>
      </c>
      <c r="M11" s="194">
        <v>0</v>
      </c>
      <c r="N11" s="195">
        <v>0</v>
      </c>
      <c r="O11" s="198">
        <v>0</v>
      </c>
      <c r="P11" s="201">
        <v>2</v>
      </c>
      <c r="Q11" s="197">
        <v>3</v>
      </c>
      <c r="R11" s="197">
        <v>7</v>
      </c>
      <c r="S11" s="197">
        <v>6</v>
      </c>
      <c r="T11" s="195">
        <v>2</v>
      </c>
      <c r="U11" s="198">
        <v>20</v>
      </c>
      <c r="V11" s="202">
        <v>20</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0</v>
      </c>
      <c r="H12" s="197">
        <v>14</v>
      </c>
      <c r="I12" s="197">
        <v>25</v>
      </c>
      <c r="J12" s="195">
        <v>10</v>
      </c>
      <c r="K12" s="198">
        <v>49</v>
      </c>
      <c r="L12" s="199">
        <v>49</v>
      </c>
      <c r="M12" s="194">
        <v>0</v>
      </c>
      <c r="N12" s="195">
        <v>0</v>
      </c>
      <c r="O12" s="198">
        <v>0</v>
      </c>
      <c r="P12" s="201">
        <v>1</v>
      </c>
      <c r="Q12" s="197">
        <v>5</v>
      </c>
      <c r="R12" s="197">
        <v>4</v>
      </c>
      <c r="S12" s="197">
        <v>9</v>
      </c>
      <c r="T12" s="195">
        <v>3</v>
      </c>
      <c r="U12" s="198">
        <v>22</v>
      </c>
      <c r="V12" s="202">
        <v>22</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4</v>
      </c>
      <c r="I13" s="197">
        <v>41</v>
      </c>
      <c r="J13" s="195">
        <v>19</v>
      </c>
      <c r="K13" s="198">
        <v>85</v>
      </c>
      <c r="L13" s="199">
        <v>85</v>
      </c>
      <c r="M13" s="194">
        <v>0</v>
      </c>
      <c r="N13" s="195">
        <v>0</v>
      </c>
      <c r="O13" s="198">
        <v>0</v>
      </c>
      <c r="P13" s="201">
        <v>3</v>
      </c>
      <c r="Q13" s="197">
        <v>6</v>
      </c>
      <c r="R13" s="197">
        <v>10</v>
      </c>
      <c r="S13" s="197">
        <v>13</v>
      </c>
      <c r="T13" s="195">
        <v>6</v>
      </c>
      <c r="U13" s="198">
        <v>38</v>
      </c>
      <c r="V13" s="202">
        <v>38</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6</v>
      </c>
      <c r="I14" s="197">
        <v>15</v>
      </c>
      <c r="J14" s="195">
        <v>6</v>
      </c>
      <c r="K14" s="198">
        <v>27</v>
      </c>
      <c r="L14" s="199">
        <v>27</v>
      </c>
      <c r="M14" s="194">
        <v>0</v>
      </c>
      <c r="N14" s="195">
        <v>0</v>
      </c>
      <c r="O14" s="198">
        <v>0</v>
      </c>
      <c r="P14" s="201">
        <v>1</v>
      </c>
      <c r="Q14" s="197">
        <v>3</v>
      </c>
      <c r="R14" s="197">
        <v>6</v>
      </c>
      <c r="S14" s="197">
        <v>4</v>
      </c>
      <c r="T14" s="195">
        <v>7</v>
      </c>
      <c r="U14" s="198">
        <v>21</v>
      </c>
      <c r="V14" s="202">
        <v>21</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1</v>
      </c>
      <c r="AO14" s="198">
        <v>1</v>
      </c>
      <c r="AP14" s="200">
        <v>1</v>
      </c>
      <c r="AQ14" s="37"/>
    </row>
    <row r="15" spans="2:43" ht="21" customHeight="1" x14ac:dyDescent="0.2">
      <c r="B15" s="62" t="s">
        <v>12</v>
      </c>
      <c r="C15" s="194">
        <v>0</v>
      </c>
      <c r="D15" s="195">
        <v>0</v>
      </c>
      <c r="E15" s="195">
        <v>0</v>
      </c>
      <c r="F15" s="196">
        <v>0</v>
      </c>
      <c r="G15" s="197">
        <v>0</v>
      </c>
      <c r="H15" s="197">
        <v>8</v>
      </c>
      <c r="I15" s="197">
        <v>17</v>
      </c>
      <c r="J15" s="195">
        <v>7</v>
      </c>
      <c r="K15" s="198">
        <v>32</v>
      </c>
      <c r="L15" s="199">
        <v>32</v>
      </c>
      <c r="M15" s="194">
        <v>0</v>
      </c>
      <c r="N15" s="195">
        <v>0</v>
      </c>
      <c r="O15" s="198">
        <v>0</v>
      </c>
      <c r="P15" s="201">
        <v>1</v>
      </c>
      <c r="Q15" s="197">
        <v>5</v>
      </c>
      <c r="R15" s="197">
        <v>6</v>
      </c>
      <c r="S15" s="197">
        <v>10</v>
      </c>
      <c r="T15" s="195">
        <v>7</v>
      </c>
      <c r="U15" s="198">
        <v>29</v>
      </c>
      <c r="V15" s="202">
        <v>29</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2</v>
      </c>
      <c r="I16" s="197">
        <v>11</v>
      </c>
      <c r="J16" s="195">
        <v>7</v>
      </c>
      <c r="K16" s="198">
        <v>20</v>
      </c>
      <c r="L16" s="199">
        <v>20</v>
      </c>
      <c r="M16" s="194">
        <v>0</v>
      </c>
      <c r="N16" s="195">
        <v>0</v>
      </c>
      <c r="O16" s="198">
        <v>0</v>
      </c>
      <c r="P16" s="201">
        <v>0</v>
      </c>
      <c r="Q16" s="197">
        <v>3</v>
      </c>
      <c r="R16" s="197">
        <v>2</v>
      </c>
      <c r="S16" s="197">
        <v>3</v>
      </c>
      <c r="T16" s="195">
        <v>1</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2</v>
      </c>
      <c r="I17" s="197">
        <v>6</v>
      </c>
      <c r="J17" s="195">
        <v>2</v>
      </c>
      <c r="K17" s="198">
        <v>10</v>
      </c>
      <c r="L17" s="199">
        <v>10</v>
      </c>
      <c r="M17" s="194">
        <v>0</v>
      </c>
      <c r="N17" s="195">
        <v>0</v>
      </c>
      <c r="O17" s="198">
        <v>0</v>
      </c>
      <c r="P17" s="201">
        <v>1</v>
      </c>
      <c r="Q17" s="197">
        <v>1</v>
      </c>
      <c r="R17" s="197">
        <v>2</v>
      </c>
      <c r="S17" s="197">
        <v>3</v>
      </c>
      <c r="T17" s="195">
        <v>3</v>
      </c>
      <c r="U17" s="198">
        <v>10</v>
      </c>
      <c r="V17" s="202">
        <v>10</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5</v>
      </c>
      <c r="I18" s="197">
        <v>10</v>
      </c>
      <c r="J18" s="195">
        <v>4</v>
      </c>
      <c r="K18" s="198">
        <v>20</v>
      </c>
      <c r="L18" s="199">
        <v>20</v>
      </c>
      <c r="M18" s="194">
        <v>0</v>
      </c>
      <c r="N18" s="195">
        <v>0</v>
      </c>
      <c r="O18" s="198">
        <v>0</v>
      </c>
      <c r="P18" s="201">
        <v>0</v>
      </c>
      <c r="Q18" s="197">
        <v>4</v>
      </c>
      <c r="R18" s="197">
        <v>5</v>
      </c>
      <c r="S18" s="197">
        <v>5</v>
      </c>
      <c r="T18" s="195">
        <v>1</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1" customHeight="1" x14ac:dyDescent="0.2">
      <c r="B19" s="62" t="s">
        <v>17</v>
      </c>
      <c r="C19" s="194">
        <v>0</v>
      </c>
      <c r="D19" s="195">
        <v>0</v>
      </c>
      <c r="E19" s="195">
        <v>0</v>
      </c>
      <c r="F19" s="196">
        <v>0</v>
      </c>
      <c r="G19" s="197">
        <v>1</v>
      </c>
      <c r="H19" s="197">
        <v>7</v>
      </c>
      <c r="I19" s="197">
        <v>13</v>
      </c>
      <c r="J19" s="195">
        <v>12</v>
      </c>
      <c r="K19" s="198">
        <v>33</v>
      </c>
      <c r="L19" s="199">
        <v>33</v>
      </c>
      <c r="M19" s="194">
        <v>0</v>
      </c>
      <c r="N19" s="195">
        <v>0</v>
      </c>
      <c r="O19" s="198">
        <v>0</v>
      </c>
      <c r="P19" s="201">
        <v>5</v>
      </c>
      <c r="Q19" s="197">
        <v>3</v>
      </c>
      <c r="R19" s="197">
        <v>11</v>
      </c>
      <c r="S19" s="197">
        <v>7</v>
      </c>
      <c r="T19" s="195">
        <v>6</v>
      </c>
      <c r="U19" s="198">
        <v>32</v>
      </c>
      <c r="V19" s="202">
        <v>32</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5</v>
      </c>
      <c r="I20" s="197">
        <v>24</v>
      </c>
      <c r="J20" s="195">
        <v>5</v>
      </c>
      <c r="K20" s="198">
        <v>35</v>
      </c>
      <c r="L20" s="199">
        <v>35</v>
      </c>
      <c r="M20" s="194">
        <v>0</v>
      </c>
      <c r="N20" s="195">
        <v>0</v>
      </c>
      <c r="O20" s="198">
        <v>0</v>
      </c>
      <c r="P20" s="201">
        <v>3</v>
      </c>
      <c r="Q20" s="197">
        <v>1</v>
      </c>
      <c r="R20" s="197">
        <v>6</v>
      </c>
      <c r="S20" s="197">
        <v>4</v>
      </c>
      <c r="T20" s="195">
        <v>5</v>
      </c>
      <c r="U20" s="198">
        <v>19</v>
      </c>
      <c r="V20" s="202">
        <v>19</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4</v>
      </c>
      <c r="I21" s="197">
        <v>4</v>
      </c>
      <c r="J21" s="195">
        <v>6</v>
      </c>
      <c r="K21" s="198">
        <v>14</v>
      </c>
      <c r="L21" s="199">
        <v>14</v>
      </c>
      <c r="M21" s="194">
        <v>0</v>
      </c>
      <c r="N21" s="195">
        <v>0</v>
      </c>
      <c r="O21" s="198">
        <v>0</v>
      </c>
      <c r="P21" s="201">
        <v>0</v>
      </c>
      <c r="Q21" s="197">
        <v>2</v>
      </c>
      <c r="R21" s="197">
        <v>5</v>
      </c>
      <c r="S21" s="197">
        <v>2</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8</v>
      </c>
      <c r="I22" s="197">
        <v>9</v>
      </c>
      <c r="J22" s="195">
        <v>5</v>
      </c>
      <c r="K22" s="198">
        <v>23</v>
      </c>
      <c r="L22" s="199">
        <v>23</v>
      </c>
      <c r="M22" s="194">
        <v>0</v>
      </c>
      <c r="N22" s="195">
        <v>0</v>
      </c>
      <c r="O22" s="198">
        <v>0</v>
      </c>
      <c r="P22" s="201">
        <v>0</v>
      </c>
      <c r="Q22" s="197">
        <v>0</v>
      </c>
      <c r="R22" s="197">
        <v>2</v>
      </c>
      <c r="S22" s="197">
        <v>1</v>
      </c>
      <c r="T22" s="195">
        <v>0</v>
      </c>
      <c r="U22" s="198">
        <v>3</v>
      </c>
      <c r="V22" s="202">
        <v>3</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9</v>
      </c>
      <c r="I23" s="197">
        <v>11</v>
      </c>
      <c r="J23" s="195">
        <v>6</v>
      </c>
      <c r="K23" s="198">
        <v>26</v>
      </c>
      <c r="L23" s="199">
        <v>26</v>
      </c>
      <c r="M23" s="194">
        <v>0</v>
      </c>
      <c r="N23" s="195">
        <v>0</v>
      </c>
      <c r="O23" s="198">
        <v>0</v>
      </c>
      <c r="P23" s="201">
        <v>0</v>
      </c>
      <c r="Q23" s="197">
        <v>1</v>
      </c>
      <c r="R23" s="197">
        <v>1</v>
      </c>
      <c r="S23" s="197">
        <v>1</v>
      </c>
      <c r="T23" s="195">
        <v>2</v>
      </c>
      <c r="U23" s="198">
        <v>5</v>
      </c>
      <c r="V23" s="202">
        <v>5</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1</v>
      </c>
      <c r="AN23" s="195">
        <v>0</v>
      </c>
      <c r="AO23" s="198">
        <v>1</v>
      </c>
      <c r="AP23" s="200">
        <v>1</v>
      </c>
      <c r="AQ23" s="37"/>
    </row>
    <row r="24" spans="2:43" ht="21" customHeight="1" x14ac:dyDescent="0.2">
      <c r="B24" s="62" t="s">
        <v>22</v>
      </c>
      <c r="C24" s="194">
        <v>0</v>
      </c>
      <c r="D24" s="195">
        <v>0</v>
      </c>
      <c r="E24" s="195">
        <v>0</v>
      </c>
      <c r="F24" s="196">
        <v>0</v>
      </c>
      <c r="G24" s="197">
        <v>0</v>
      </c>
      <c r="H24" s="197">
        <v>2</v>
      </c>
      <c r="I24" s="197">
        <v>3</v>
      </c>
      <c r="J24" s="195">
        <v>2</v>
      </c>
      <c r="K24" s="198">
        <v>7</v>
      </c>
      <c r="L24" s="199">
        <v>7</v>
      </c>
      <c r="M24" s="194">
        <v>0</v>
      </c>
      <c r="N24" s="195">
        <v>0</v>
      </c>
      <c r="O24" s="198">
        <v>0</v>
      </c>
      <c r="P24" s="201">
        <v>0</v>
      </c>
      <c r="Q24" s="197">
        <v>1</v>
      </c>
      <c r="R24" s="197">
        <v>1</v>
      </c>
      <c r="S24" s="197">
        <v>1</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1</v>
      </c>
      <c r="G25" s="197">
        <v>0</v>
      </c>
      <c r="H25" s="197">
        <v>2</v>
      </c>
      <c r="I25" s="197">
        <v>3</v>
      </c>
      <c r="J25" s="195">
        <v>0</v>
      </c>
      <c r="K25" s="198">
        <v>6</v>
      </c>
      <c r="L25" s="199">
        <v>6</v>
      </c>
      <c r="M25" s="194">
        <v>0</v>
      </c>
      <c r="N25" s="195">
        <v>0</v>
      </c>
      <c r="O25" s="198">
        <v>0</v>
      </c>
      <c r="P25" s="201">
        <v>1</v>
      </c>
      <c r="Q25" s="197">
        <v>1</v>
      </c>
      <c r="R25" s="197">
        <v>1</v>
      </c>
      <c r="S25" s="197">
        <v>2</v>
      </c>
      <c r="T25" s="195">
        <v>1</v>
      </c>
      <c r="U25" s="198">
        <v>6</v>
      </c>
      <c r="V25" s="202">
        <v>6</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4</v>
      </c>
      <c r="J26" s="195">
        <v>2</v>
      </c>
      <c r="K26" s="198">
        <v>6</v>
      </c>
      <c r="L26" s="199">
        <v>6</v>
      </c>
      <c r="M26" s="194">
        <v>0</v>
      </c>
      <c r="N26" s="195">
        <v>0</v>
      </c>
      <c r="O26" s="198">
        <v>0</v>
      </c>
      <c r="P26" s="201">
        <v>0</v>
      </c>
      <c r="Q26" s="197">
        <v>1</v>
      </c>
      <c r="R26" s="197">
        <v>3</v>
      </c>
      <c r="S26" s="197">
        <v>3</v>
      </c>
      <c r="T26" s="195">
        <v>0</v>
      </c>
      <c r="U26" s="198">
        <v>7</v>
      </c>
      <c r="V26" s="202">
        <v>7</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5</v>
      </c>
      <c r="I27" s="197">
        <v>2</v>
      </c>
      <c r="J27" s="195">
        <v>1</v>
      </c>
      <c r="K27" s="198">
        <v>9</v>
      </c>
      <c r="L27" s="199">
        <v>9</v>
      </c>
      <c r="M27" s="194">
        <v>0</v>
      </c>
      <c r="N27" s="195">
        <v>0</v>
      </c>
      <c r="O27" s="198">
        <v>0</v>
      </c>
      <c r="P27" s="201">
        <v>1</v>
      </c>
      <c r="Q27" s="197">
        <v>0</v>
      </c>
      <c r="R27" s="197">
        <v>0</v>
      </c>
      <c r="S27" s="197">
        <v>1</v>
      </c>
      <c r="T27" s="195">
        <v>4</v>
      </c>
      <c r="U27" s="198">
        <v>6</v>
      </c>
      <c r="V27" s="202">
        <v>6</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1</v>
      </c>
      <c r="I28" s="197">
        <v>4</v>
      </c>
      <c r="J28" s="195">
        <v>1</v>
      </c>
      <c r="K28" s="198">
        <v>6</v>
      </c>
      <c r="L28" s="199">
        <v>6</v>
      </c>
      <c r="M28" s="194">
        <v>0</v>
      </c>
      <c r="N28" s="195">
        <v>0</v>
      </c>
      <c r="O28" s="198">
        <v>0</v>
      </c>
      <c r="P28" s="201">
        <v>0</v>
      </c>
      <c r="Q28" s="197">
        <v>1</v>
      </c>
      <c r="R28" s="197">
        <v>1</v>
      </c>
      <c r="S28" s="197">
        <v>3</v>
      </c>
      <c r="T28" s="195">
        <v>0</v>
      </c>
      <c r="U28" s="198">
        <v>5</v>
      </c>
      <c r="V28" s="202">
        <v>5</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1</v>
      </c>
      <c r="I29" s="197">
        <v>0</v>
      </c>
      <c r="J29" s="195">
        <v>0</v>
      </c>
      <c r="K29" s="198">
        <v>2</v>
      </c>
      <c r="L29" s="199">
        <v>2</v>
      </c>
      <c r="M29" s="194">
        <v>0</v>
      </c>
      <c r="N29" s="195">
        <v>0</v>
      </c>
      <c r="O29" s="198">
        <v>0</v>
      </c>
      <c r="P29" s="201">
        <v>0</v>
      </c>
      <c r="Q29" s="197">
        <v>2</v>
      </c>
      <c r="R29" s="197">
        <v>3</v>
      </c>
      <c r="S29" s="197">
        <v>2</v>
      </c>
      <c r="T29" s="195">
        <v>0</v>
      </c>
      <c r="U29" s="198">
        <v>7</v>
      </c>
      <c r="V29" s="202">
        <v>7</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1</v>
      </c>
      <c r="J30" s="195">
        <v>0</v>
      </c>
      <c r="K30" s="198">
        <v>1</v>
      </c>
      <c r="L30" s="199">
        <v>1</v>
      </c>
      <c r="M30" s="194">
        <v>0</v>
      </c>
      <c r="N30" s="195">
        <v>0</v>
      </c>
      <c r="O30" s="198">
        <v>0</v>
      </c>
      <c r="P30" s="201">
        <v>0</v>
      </c>
      <c r="Q30" s="197">
        <v>1</v>
      </c>
      <c r="R30" s="197">
        <v>0</v>
      </c>
      <c r="S30" s="197">
        <v>3</v>
      </c>
      <c r="T30" s="195">
        <v>0</v>
      </c>
      <c r="U30" s="198">
        <v>4</v>
      </c>
      <c r="V30" s="202">
        <v>4</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1</v>
      </c>
      <c r="K31" s="198">
        <v>1</v>
      </c>
      <c r="L31" s="199">
        <v>1</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3</v>
      </c>
      <c r="J32" s="195">
        <v>0</v>
      </c>
      <c r="K32" s="198">
        <v>3</v>
      </c>
      <c r="L32" s="199">
        <v>3</v>
      </c>
      <c r="M32" s="194">
        <v>0</v>
      </c>
      <c r="N32" s="195">
        <v>0</v>
      </c>
      <c r="O32" s="198">
        <v>0</v>
      </c>
      <c r="P32" s="201">
        <v>2</v>
      </c>
      <c r="Q32" s="197">
        <v>0</v>
      </c>
      <c r="R32" s="197">
        <v>1</v>
      </c>
      <c r="S32" s="197">
        <v>2</v>
      </c>
      <c r="T32" s="195">
        <v>1</v>
      </c>
      <c r="U32" s="198">
        <v>6</v>
      </c>
      <c r="V32" s="202">
        <v>6</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1</v>
      </c>
      <c r="I33" s="197">
        <v>1</v>
      </c>
      <c r="J33" s="195">
        <v>0</v>
      </c>
      <c r="K33" s="198">
        <v>2</v>
      </c>
      <c r="L33" s="199">
        <v>2</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3</v>
      </c>
      <c r="J34" s="195">
        <v>0</v>
      </c>
      <c r="K34" s="198">
        <v>3</v>
      </c>
      <c r="L34" s="199">
        <v>3</v>
      </c>
      <c r="M34" s="194">
        <v>0</v>
      </c>
      <c r="N34" s="195">
        <v>0</v>
      </c>
      <c r="O34" s="198">
        <v>0</v>
      </c>
      <c r="P34" s="201">
        <v>0</v>
      </c>
      <c r="Q34" s="197">
        <v>0</v>
      </c>
      <c r="R34" s="197">
        <v>1</v>
      </c>
      <c r="S34" s="197">
        <v>1</v>
      </c>
      <c r="T34" s="195">
        <v>0</v>
      </c>
      <c r="U34" s="198">
        <v>2</v>
      </c>
      <c r="V34" s="202">
        <v>2</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1</v>
      </c>
      <c r="AM35" s="197">
        <v>0</v>
      </c>
      <c r="AN35" s="195">
        <v>0</v>
      </c>
      <c r="AO35" s="198">
        <v>2</v>
      </c>
      <c r="AP35" s="200">
        <v>2</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1</v>
      </c>
      <c r="J37" s="195">
        <v>1</v>
      </c>
      <c r="K37" s="198">
        <v>2</v>
      </c>
      <c r="L37" s="199">
        <v>2</v>
      </c>
      <c r="M37" s="194">
        <v>0</v>
      </c>
      <c r="N37" s="195">
        <v>0</v>
      </c>
      <c r="O37" s="198">
        <v>0</v>
      </c>
      <c r="P37" s="201">
        <v>1</v>
      </c>
      <c r="Q37" s="197">
        <v>1</v>
      </c>
      <c r="R37" s="197">
        <v>1</v>
      </c>
      <c r="S37" s="197">
        <v>0</v>
      </c>
      <c r="T37" s="195">
        <v>0</v>
      </c>
      <c r="U37" s="198">
        <v>3</v>
      </c>
      <c r="V37" s="202">
        <v>3</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3</v>
      </c>
      <c r="J38" s="195">
        <v>1</v>
      </c>
      <c r="K38" s="198">
        <v>4</v>
      </c>
      <c r="L38" s="199">
        <v>4</v>
      </c>
      <c r="M38" s="194">
        <v>0</v>
      </c>
      <c r="N38" s="195">
        <v>0</v>
      </c>
      <c r="O38" s="198">
        <v>0</v>
      </c>
      <c r="P38" s="201">
        <v>0</v>
      </c>
      <c r="Q38" s="197">
        <v>2</v>
      </c>
      <c r="R38" s="197">
        <v>2</v>
      </c>
      <c r="S38" s="197">
        <v>0</v>
      </c>
      <c r="T38" s="195">
        <v>0</v>
      </c>
      <c r="U38" s="198">
        <v>4</v>
      </c>
      <c r="V38" s="202">
        <v>4</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0</v>
      </c>
      <c r="J39" s="204">
        <v>0</v>
      </c>
      <c r="K39" s="207">
        <v>1</v>
      </c>
      <c r="L39" s="208">
        <v>1</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J1:K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5</v>
      </c>
      <c r="I1" s="246">
        <f>第１表!G2</f>
        <v>3</v>
      </c>
      <c r="J1" s="608">
        <f>IF(I1&lt;3,I1-2+12,I1-2)</f>
        <v>1</v>
      </c>
      <c r="K1" s="608"/>
    </row>
    <row r="2" spans="2:43" ht="24" customHeight="1" thickBot="1" x14ac:dyDescent="0.25">
      <c r="B2" s="20" t="s">
        <v>159</v>
      </c>
      <c r="F2" s="20" t="s">
        <v>140</v>
      </c>
    </row>
    <row r="3" spans="2:43" ht="21" customHeight="1" x14ac:dyDescent="0.2">
      <c r="B3" s="602"/>
      <c r="C3" s="592" t="s">
        <v>57</v>
      </c>
      <c r="D3" s="593"/>
      <c r="E3" s="593"/>
      <c r="F3" s="593"/>
      <c r="G3" s="593"/>
      <c r="H3" s="593"/>
      <c r="I3" s="593"/>
      <c r="J3" s="593"/>
      <c r="K3" s="593"/>
      <c r="L3" s="593"/>
      <c r="M3" s="592" t="s">
        <v>58</v>
      </c>
      <c r="N3" s="605"/>
      <c r="O3" s="605"/>
      <c r="P3" s="605"/>
      <c r="Q3" s="605"/>
      <c r="R3" s="605"/>
      <c r="S3" s="605"/>
      <c r="T3" s="605"/>
      <c r="U3" s="605"/>
      <c r="V3" s="605"/>
      <c r="W3" s="592" t="s">
        <v>59</v>
      </c>
      <c r="X3" s="593"/>
      <c r="Y3" s="593"/>
      <c r="Z3" s="593"/>
      <c r="AA3" s="593"/>
      <c r="AB3" s="593"/>
      <c r="AC3" s="593"/>
      <c r="AD3" s="593"/>
      <c r="AE3" s="593"/>
      <c r="AF3" s="593"/>
      <c r="AG3" s="601" t="s">
        <v>151</v>
      </c>
      <c r="AH3" s="593"/>
      <c r="AI3" s="593"/>
      <c r="AJ3" s="593"/>
      <c r="AK3" s="593"/>
      <c r="AL3" s="593"/>
      <c r="AM3" s="593"/>
      <c r="AN3" s="593"/>
      <c r="AO3" s="593"/>
      <c r="AP3" s="594"/>
    </row>
    <row r="4" spans="2:43" ht="21" customHeight="1" x14ac:dyDescent="0.2">
      <c r="B4" s="604"/>
      <c r="C4" s="574" t="s">
        <v>61</v>
      </c>
      <c r="D4" s="575"/>
      <c r="E4" s="576"/>
      <c r="F4" s="577" t="s">
        <v>62</v>
      </c>
      <c r="G4" s="578"/>
      <c r="H4" s="578"/>
      <c r="I4" s="578"/>
      <c r="J4" s="578"/>
      <c r="K4" s="579"/>
      <c r="L4" s="589" t="s">
        <v>52</v>
      </c>
      <c r="M4" s="574" t="s">
        <v>61</v>
      </c>
      <c r="N4" s="575"/>
      <c r="O4" s="576"/>
      <c r="P4" s="577" t="s">
        <v>62</v>
      </c>
      <c r="Q4" s="578"/>
      <c r="R4" s="578"/>
      <c r="S4" s="578"/>
      <c r="T4" s="578"/>
      <c r="U4" s="579"/>
      <c r="V4" s="580" t="s">
        <v>52</v>
      </c>
      <c r="W4" s="574" t="s">
        <v>61</v>
      </c>
      <c r="X4" s="575"/>
      <c r="Y4" s="576"/>
      <c r="Z4" s="577" t="s">
        <v>62</v>
      </c>
      <c r="AA4" s="578"/>
      <c r="AB4" s="578"/>
      <c r="AC4" s="578"/>
      <c r="AD4" s="578"/>
      <c r="AE4" s="579"/>
      <c r="AF4" s="589" t="s">
        <v>52</v>
      </c>
      <c r="AG4" s="574" t="s">
        <v>61</v>
      </c>
      <c r="AH4" s="575"/>
      <c r="AI4" s="576"/>
      <c r="AJ4" s="577" t="s">
        <v>62</v>
      </c>
      <c r="AK4" s="578"/>
      <c r="AL4" s="578"/>
      <c r="AM4" s="578"/>
      <c r="AN4" s="578"/>
      <c r="AO4" s="579"/>
      <c r="AP4" s="580" t="s">
        <v>52</v>
      </c>
    </row>
    <row r="5" spans="2:43" ht="30" customHeight="1" thickBot="1" x14ac:dyDescent="0.25">
      <c r="B5" s="364" t="s">
        <v>42</v>
      </c>
      <c r="C5" s="31" t="s">
        <v>43</v>
      </c>
      <c r="D5" s="32" t="s">
        <v>44</v>
      </c>
      <c r="E5" s="32" t="s">
        <v>45</v>
      </c>
      <c r="F5" s="33" t="s">
        <v>47</v>
      </c>
      <c r="G5" s="34" t="s">
        <v>48</v>
      </c>
      <c r="H5" s="34" t="s">
        <v>49</v>
      </c>
      <c r="I5" s="35" t="s">
        <v>50</v>
      </c>
      <c r="J5" s="32" t="s">
        <v>51</v>
      </c>
      <c r="K5" s="36" t="s">
        <v>95</v>
      </c>
      <c r="L5" s="590"/>
      <c r="M5" s="31" t="s">
        <v>43</v>
      </c>
      <c r="N5" s="32" t="s">
        <v>44</v>
      </c>
      <c r="O5" s="36" t="s">
        <v>45</v>
      </c>
      <c r="P5" s="15" t="s">
        <v>47</v>
      </c>
      <c r="Q5" s="34" t="s">
        <v>48</v>
      </c>
      <c r="R5" s="34" t="s">
        <v>49</v>
      </c>
      <c r="S5" s="35" t="s">
        <v>50</v>
      </c>
      <c r="T5" s="32" t="s">
        <v>51</v>
      </c>
      <c r="U5" s="36" t="s">
        <v>45</v>
      </c>
      <c r="V5" s="581"/>
      <c r="W5" s="31" t="s">
        <v>43</v>
      </c>
      <c r="X5" s="32" t="s">
        <v>44</v>
      </c>
      <c r="Y5" s="32" t="s">
        <v>45</v>
      </c>
      <c r="Z5" s="33" t="s">
        <v>47</v>
      </c>
      <c r="AA5" s="34" t="s">
        <v>48</v>
      </c>
      <c r="AB5" s="34" t="s">
        <v>49</v>
      </c>
      <c r="AC5" s="35" t="s">
        <v>50</v>
      </c>
      <c r="AD5" s="32" t="s">
        <v>51</v>
      </c>
      <c r="AE5" s="36" t="s">
        <v>45</v>
      </c>
      <c r="AF5" s="590"/>
      <c r="AG5" s="31" t="s">
        <v>43</v>
      </c>
      <c r="AH5" s="32" t="s">
        <v>44</v>
      </c>
      <c r="AI5" s="32" t="s">
        <v>45</v>
      </c>
      <c r="AJ5" s="33" t="s">
        <v>47</v>
      </c>
      <c r="AK5" s="34" t="s">
        <v>48</v>
      </c>
      <c r="AL5" s="34" t="s">
        <v>49</v>
      </c>
      <c r="AM5" s="35" t="s">
        <v>50</v>
      </c>
      <c r="AN5" s="32" t="s">
        <v>51</v>
      </c>
      <c r="AO5" s="36" t="s">
        <v>45</v>
      </c>
      <c r="AP5" s="581"/>
    </row>
    <row r="6" spans="2:43" ht="21" customHeight="1" x14ac:dyDescent="0.2">
      <c r="B6" s="363" t="s">
        <v>4</v>
      </c>
      <c r="C6" s="185">
        <v>0</v>
      </c>
      <c r="D6" s="186">
        <v>0</v>
      </c>
      <c r="E6" s="186">
        <v>0</v>
      </c>
      <c r="F6" s="187">
        <v>8</v>
      </c>
      <c r="G6" s="188">
        <v>32</v>
      </c>
      <c r="H6" s="188">
        <v>243</v>
      </c>
      <c r="I6" s="188">
        <v>399</v>
      </c>
      <c r="J6" s="186">
        <v>304</v>
      </c>
      <c r="K6" s="189">
        <v>986</v>
      </c>
      <c r="L6" s="190">
        <v>986</v>
      </c>
      <c r="M6" s="185">
        <v>0</v>
      </c>
      <c r="N6" s="186">
        <v>0</v>
      </c>
      <c r="O6" s="189">
        <v>0</v>
      </c>
      <c r="P6" s="192">
        <v>47</v>
      </c>
      <c r="Q6" s="188">
        <v>127</v>
      </c>
      <c r="R6" s="188">
        <v>187</v>
      </c>
      <c r="S6" s="188">
        <v>265</v>
      </c>
      <c r="T6" s="186">
        <v>122</v>
      </c>
      <c r="U6" s="189">
        <v>748</v>
      </c>
      <c r="V6" s="193">
        <v>748</v>
      </c>
      <c r="W6" s="192">
        <v>0</v>
      </c>
      <c r="X6" s="186">
        <v>0</v>
      </c>
      <c r="Y6" s="186">
        <v>0</v>
      </c>
      <c r="Z6" s="187">
        <v>0</v>
      </c>
      <c r="AA6" s="188">
        <v>0</v>
      </c>
      <c r="AB6" s="188">
        <v>1</v>
      </c>
      <c r="AC6" s="188">
        <v>10</v>
      </c>
      <c r="AD6" s="186">
        <v>17</v>
      </c>
      <c r="AE6" s="189">
        <v>28</v>
      </c>
      <c r="AF6" s="190">
        <v>28</v>
      </c>
      <c r="AG6" s="185">
        <v>0</v>
      </c>
      <c r="AH6" s="186">
        <v>0</v>
      </c>
      <c r="AI6" s="186">
        <v>0</v>
      </c>
      <c r="AJ6" s="187">
        <v>0</v>
      </c>
      <c r="AK6" s="188">
        <v>0</v>
      </c>
      <c r="AL6" s="188">
        <v>2</v>
      </c>
      <c r="AM6" s="188">
        <v>13</v>
      </c>
      <c r="AN6" s="186">
        <v>18</v>
      </c>
      <c r="AO6" s="189">
        <v>33</v>
      </c>
      <c r="AP6" s="191">
        <v>33</v>
      </c>
      <c r="AQ6" s="37"/>
    </row>
    <row r="7" spans="2:43" ht="21" customHeight="1" x14ac:dyDescent="0.2">
      <c r="B7" s="62" t="s">
        <v>5</v>
      </c>
      <c r="C7" s="194">
        <v>0</v>
      </c>
      <c r="D7" s="195">
        <v>0</v>
      </c>
      <c r="E7" s="195">
        <v>0</v>
      </c>
      <c r="F7" s="196">
        <v>4</v>
      </c>
      <c r="G7" s="197">
        <v>22</v>
      </c>
      <c r="H7" s="197">
        <v>129</v>
      </c>
      <c r="I7" s="197">
        <v>178</v>
      </c>
      <c r="J7" s="195">
        <v>132</v>
      </c>
      <c r="K7" s="198">
        <v>465</v>
      </c>
      <c r="L7" s="199">
        <v>465</v>
      </c>
      <c r="M7" s="194">
        <v>0</v>
      </c>
      <c r="N7" s="195">
        <v>0</v>
      </c>
      <c r="O7" s="198">
        <v>0</v>
      </c>
      <c r="P7" s="201">
        <v>23</v>
      </c>
      <c r="Q7" s="197">
        <v>60</v>
      </c>
      <c r="R7" s="197">
        <v>89</v>
      </c>
      <c r="S7" s="197">
        <v>124</v>
      </c>
      <c r="T7" s="195">
        <v>68</v>
      </c>
      <c r="U7" s="198">
        <v>364</v>
      </c>
      <c r="V7" s="202">
        <v>364</v>
      </c>
      <c r="W7" s="201">
        <v>0</v>
      </c>
      <c r="X7" s="195">
        <v>0</v>
      </c>
      <c r="Y7" s="195">
        <v>0</v>
      </c>
      <c r="Z7" s="196">
        <v>0</v>
      </c>
      <c r="AA7" s="197">
        <v>0</v>
      </c>
      <c r="AB7" s="197">
        <v>0</v>
      </c>
      <c r="AC7" s="197">
        <v>4</v>
      </c>
      <c r="AD7" s="195">
        <v>6</v>
      </c>
      <c r="AE7" s="198">
        <v>10</v>
      </c>
      <c r="AF7" s="199">
        <v>10</v>
      </c>
      <c r="AG7" s="194">
        <v>0</v>
      </c>
      <c r="AH7" s="195">
        <v>0</v>
      </c>
      <c r="AI7" s="195">
        <v>0</v>
      </c>
      <c r="AJ7" s="196">
        <v>0</v>
      </c>
      <c r="AK7" s="197">
        <v>0</v>
      </c>
      <c r="AL7" s="197">
        <v>0</v>
      </c>
      <c r="AM7" s="197">
        <v>6</v>
      </c>
      <c r="AN7" s="195">
        <v>5</v>
      </c>
      <c r="AO7" s="198">
        <v>11</v>
      </c>
      <c r="AP7" s="200">
        <v>11</v>
      </c>
      <c r="AQ7" s="37"/>
    </row>
    <row r="8" spans="2:43" ht="21" customHeight="1" x14ac:dyDescent="0.2">
      <c r="B8" s="62" t="s">
        <v>6</v>
      </c>
      <c r="C8" s="194">
        <v>0</v>
      </c>
      <c r="D8" s="195">
        <v>0</v>
      </c>
      <c r="E8" s="195">
        <v>0</v>
      </c>
      <c r="F8" s="196">
        <v>1</v>
      </c>
      <c r="G8" s="197">
        <v>3</v>
      </c>
      <c r="H8" s="197">
        <v>32</v>
      </c>
      <c r="I8" s="197">
        <v>58</v>
      </c>
      <c r="J8" s="195">
        <v>37</v>
      </c>
      <c r="K8" s="198">
        <v>131</v>
      </c>
      <c r="L8" s="199">
        <v>131</v>
      </c>
      <c r="M8" s="194">
        <v>0</v>
      </c>
      <c r="N8" s="195">
        <v>0</v>
      </c>
      <c r="O8" s="198">
        <v>0</v>
      </c>
      <c r="P8" s="201">
        <v>6</v>
      </c>
      <c r="Q8" s="197">
        <v>15</v>
      </c>
      <c r="R8" s="197">
        <v>21</v>
      </c>
      <c r="S8" s="197">
        <v>44</v>
      </c>
      <c r="T8" s="195">
        <v>17</v>
      </c>
      <c r="U8" s="198">
        <v>103</v>
      </c>
      <c r="V8" s="202">
        <v>103</v>
      </c>
      <c r="W8" s="201">
        <v>0</v>
      </c>
      <c r="X8" s="195">
        <v>0</v>
      </c>
      <c r="Y8" s="195">
        <v>0</v>
      </c>
      <c r="Z8" s="196">
        <v>0</v>
      </c>
      <c r="AA8" s="197">
        <v>0</v>
      </c>
      <c r="AB8" s="197">
        <v>1</v>
      </c>
      <c r="AC8" s="197">
        <v>5</v>
      </c>
      <c r="AD8" s="195">
        <v>7</v>
      </c>
      <c r="AE8" s="198">
        <v>13</v>
      </c>
      <c r="AF8" s="199">
        <v>13</v>
      </c>
      <c r="AG8" s="194">
        <v>0</v>
      </c>
      <c r="AH8" s="195">
        <v>0</v>
      </c>
      <c r="AI8" s="195">
        <v>0</v>
      </c>
      <c r="AJ8" s="196">
        <v>0</v>
      </c>
      <c r="AK8" s="197">
        <v>0</v>
      </c>
      <c r="AL8" s="197">
        <v>0</v>
      </c>
      <c r="AM8" s="197">
        <v>1</v>
      </c>
      <c r="AN8" s="195">
        <v>3</v>
      </c>
      <c r="AO8" s="198">
        <v>4</v>
      </c>
      <c r="AP8" s="200">
        <v>4</v>
      </c>
      <c r="AQ8" s="37"/>
    </row>
    <row r="9" spans="2:43" ht="21" customHeight="1" x14ac:dyDescent="0.2">
      <c r="B9" s="62" t="s">
        <v>14</v>
      </c>
      <c r="C9" s="194">
        <v>0</v>
      </c>
      <c r="D9" s="195">
        <v>0</v>
      </c>
      <c r="E9" s="195">
        <v>0</v>
      </c>
      <c r="F9" s="196">
        <v>0</v>
      </c>
      <c r="G9" s="197">
        <v>0</v>
      </c>
      <c r="H9" s="197">
        <v>13</v>
      </c>
      <c r="I9" s="197">
        <v>30</v>
      </c>
      <c r="J9" s="195">
        <v>22</v>
      </c>
      <c r="K9" s="198">
        <v>65</v>
      </c>
      <c r="L9" s="199">
        <v>65</v>
      </c>
      <c r="M9" s="194">
        <v>0</v>
      </c>
      <c r="N9" s="195">
        <v>0</v>
      </c>
      <c r="O9" s="198">
        <v>0</v>
      </c>
      <c r="P9" s="201">
        <v>0</v>
      </c>
      <c r="Q9" s="197">
        <v>9</v>
      </c>
      <c r="R9" s="197">
        <v>10</v>
      </c>
      <c r="S9" s="197">
        <v>14</v>
      </c>
      <c r="T9" s="195">
        <v>3</v>
      </c>
      <c r="U9" s="198">
        <v>36</v>
      </c>
      <c r="V9" s="202">
        <v>36</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1</v>
      </c>
      <c r="AM9" s="197">
        <v>1</v>
      </c>
      <c r="AN9" s="195">
        <v>1</v>
      </c>
      <c r="AO9" s="198">
        <v>3</v>
      </c>
      <c r="AP9" s="200">
        <v>3</v>
      </c>
      <c r="AQ9" s="37"/>
    </row>
    <row r="10" spans="2:43" ht="21" customHeight="1" x14ac:dyDescent="0.2">
      <c r="B10" s="62" t="s">
        <v>7</v>
      </c>
      <c r="C10" s="194">
        <v>0</v>
      </c>
      <c r="D10" s="195">
        <v>0</v>
      </c>
      <c r="E10" s="195">
        <v>0</v>
      </c>
      <c r="F10" s="196">
        <v>0</v>
      </c>
      <c r="G10" s="197">
        <v>0</v>
      </c>
      <c r="H10" s="197">
        <v>4</v>
      </c>
      <c r="I10" s="197">
        <v>21</v>
      </c>
      <c r="J10" s="195">
        <v>13</v>
      </c>
      <c r="K10" s="198">
        <v>38</v>
      </c>
      <c r="L10" s="199">
        <v>38</v>
      </c>
      <c r="M10" s="194">
        <v>0</v>
      </c>
      <c r="N10" s="195">
        <v>0</v>
      </c>
      <c r="O10" s="198">
        <v>0</v>
      </c>
      <c r="P10" s="201">
        <v>3</v>
      </c>
      <c r="Q10" s="197">
        <v>3</v>
      </c>
      <c r="R10" s="197">
        <v>4</v>
      </c>
      <c r="S10" s="197">
        <v>7</v>
      </c>
      <c r="T10" s="195">
        <v>2</v>
      </c>
      <c r="U10" s="198">
        <v>19</v>
      </c>
      <c r="V10" s="202">
        <v>19</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2</v>
      </c>
      <c r="H11" s="197">
        <v>7</v>
      </c>
      <c r="I11" s="197">
        <v>11</v>
      </c>
      <c r="J11" s="195">
        <v>6</v>
      </c>
      <c r="K11" s="198">
        <v>27</v>
      </c>
      <c r="L11" s="199">
        <v>27</v>
      </c>
      <c r="M11" s="194">
        <v>0</v>
      </c>
      <c r="N11" s="195">
        <v>0</v>
      </c>
      <c r="O11" s="198">
        <v>0</v>
      </c>
      <c r="P11" s="201">
        <v>0</v>
      </c>
      <c r="Q11" s="197">
        <v>5</v>
      </c>
      <c r="R11" s="197">
        <v>4</v>
      </c>
      <c r="S11" s="197">
        <v>6</v>
      </c>
      <c r="T11" s="195">
        <v>3</v>
      </c>
      <c r="U11" s="198">
        <v>18</v>
      </c>
      <c r="V11" s="202">
        <v>18</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1</v>
      </c>
      <c r="AN11" s="195">
        <v>0</v>
      </c>
      <c r="AO11" s="198">
        <v>1</v>
      </c>
      <c r="AP11" s="200">
        <v>1</v>
      </c>
      <c r="AQ11" s="37"/>
    </row>
    <row r="12" spans="2:43" ht="21" customHeight="1" x14ac:dyDescent="0.2">
      <c r="B12" s="62" t="s">
        <v>9</v>
      </c>
      <c r="C12" s="194">
        <v>0</v>
      </c>
      <c r="D12" s="195">
        <v>0</v>
      </c>
      <c r="E12" s="195">
        <v>0</v>
      </c>
      <c r="F12" s="196">
        <v>1</v>
      </c>
      <c r="G12" s="197">
        <v>0</v>
      </c>
      <c r="H12" s="197">
        <v>4</v>
      </c>
      <c r="I12" s="197">
        <v>18</v>
      </c>
      <c r="J12" s="195">
        <v>10</v>
      </c>
      <c r="K12" s="198">
        <v>33</v>
      </c>
      <c r="L12" s="199">
        <v>33</v>
      </c>
      <c r="M12" s="194">
        <v>0</v>
      </c>
      <c r="N12" s="195">
        <v>0</v>
      </c>
      <c r="O12" s="198">
        <v>0</v>
      </c>
      <c r="P12" s="201">
        <v>0</v>
      </c>
      <c r="Q12" s="197">
        <v>5</v>
      </c>
      <c r="R12" s="197">
        <v>11</v>
      </c>
      <c r="S12" s="197">
        <v>6</v>
      </c>
      <c r="T12" s="195">
        <v>4</v>
      </c>
      <c r="U12" s="198">
        <v>26</v>
      </c>
      <c r="V12" s="202">
        <v>26</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1</v>
      </c>
      <c r="AO12" s="198">
        <v>1</v>
      </c>
      <c r="AP12" s="200">
        <v>1</v>
      </c>
      <c r="AQ12" s="37"/>
    </row>
    <row r="13" spans="2:43" ht="21" customHeight="1" x14ac:dyDescent="0.2">
      <c r="B13" s="62" t="s">
        <v>10</v>
      </c>
      <c r="C13" s="194">
        <v>0</v>
      </c>
      <c r="D13" s="195">
        <v>0</v>
      </c>
      <c r="E13" s="195">
        <v>0</v>
      </c>
      <c r="F13" s="196">
        <v>0</v>
      </c>
      <c r="G13" s="197">
        <v>1</v>
      </c>
      <c r="H13" s="197">
        <v>16</v>
      </c>
      <c r="I13" s="197">
        <v>10</v>
      </c>
      <c r="J13" s="195">
        <v>18</v>
      </c>
      <c r="K13" s="198">
        <v>45</v>
      </c>
      <c r="L13" s="199">
        <v>45</v>
      </c>
      <c r="M13" s="194">
        <v>0</v>
      </c>
      <c r="N13" s="195">
        <v>0</v>
      </c>
      <c r="O13" s="198">
        <v>0</v>
      </c>
      <c r="P13" s="201">
        <v>1</v>
      </c>
      <c r="Q13" s="197">
        <v>3</v>
      </c>
      <c r="R13" s="197">
        <v>8</v>
      </c>
      <c r="S13" s="197">
        <v>6</v>
      </c>
      <c r="T13" s="195">
        <v>1</v>
      </c>
      <c r="U13" s="198">
        <v>19</v>
      </c>
      <c r="V13" s="202">
        <v>19</v>
      </c>
      <c r="W13" s="201">
        <v>0</v>
      </c>
      <c r="X13" s="195">
        <v>0</v>
      </c>
      <c r="Y13" s="195">
        <v>0</v>
      </c>
      <c r="Z13" s="196">
        <v>0</v>
      </c>
      <c r="AA13" s="197">
        <v>0</v>
      </c>
      <c r="AB13" s="197">
        <v>0</v>
      </c>
      <c r="AC13" s="197">
        <v>0</v>
      </c>
      <c r="AD13" s="195">
        <v>1</v>
      </c>
      <c r="AE13" s="198">
        <v>1</v>
      </c>
      <c r="AF13" s="199">
        <v>1</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1</v>
      </c>
      <c r="I14" s="197">
        <v>5</v>
      </c>
      <c r="J14" s="195">
        <v>8</v>
      </c>
      <c r="K14" s="198">
        <v>14</v>
      </c>
      <c r="L14" s="199">
        <v>14</v>
      </c>
      <c r="M14" s="194">
        <v>0</v>
      </c>
      <c r="N14" s="195">
        <v>0</v>
      </c>
      <c r="O14" s="198">
        <v>0</v>
      </c>
      <c r="P14" s="201">
        <v>2</v>
      </c>
      <c r="Q14" s="197">
        <v>0</v>
      </c>
      <c r="R14" s="197">
        <v>3</v>
      </c>
      <c r="S14" s="197">
        <v>5</v>
      </c>
      <c r="T14" s="195">
        <v>1</v>
      </c>
      <c r="U14" s="198">
        <v>11</v>
      </c>
      <c r="V14" s="202">
        <v>11</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1</v>
      </c>
      <c r="I15" s="197">
        <v>8</v>
      </c>
      <c r="J15" s="195">
        <v>7</v>
      </c>
      <c r="K15" s="198">
        <v>17</v>
      </c>
      <c r="L15" s="199">
        <v>17</v>
      </c>
      <c r="M15" s="194">
        <v>0</v>
      </c>
      <c r="N15" s="195">
        <v>0</v>
      </c>
      <c r="O15" s="198">
        <v>0</v>
      </c>
      <c r="P15" s="201">
        <v>0</v>
      </c>
      <c r="Q15" s="197">
        <v>4</v>
      </c>
      <c r="R15" s="197">
        <v>5</v>
      </c>
      <c r="S15" s="197">
        <v>5</v>
      </c>
      <c r="T15" s="195">
        <v>3</v>
      </c>
      <c r="U15" s="198">
        <v>17</v>
      </c>
      <c r="V15" s="202">
        <v>17</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1</v>
      </c>
      <c r="G16" s="197">
        <v>0</v>
      </c>
      <c r="H16" s="197">
        <v>3</v>
      </c>
      <c r="I16" s="197">
        <v>4</v>
      </c>
      <c r="J16" s="195">
        <v>4</v>
      </c>
      <c r="K16" s="198">
        <v>12</v>
      </c>
      <c r="L16" s="199">
        <v>12</v>
      </c>
      <c r="M16" s="194">
        <v>0</v>
      </c>
      <c r="N16" s="195">
        <v>0</v>
      </c>
      <c r="O16" s="198">
        <v>0</v>
      </c>
      <c r="P16" s="201">
        <v>0</v>
      </c>
      <c r="Q16" s="197">
        <v>1</v>
      </c>
      <c r="R16" s="197">
        <v>1</v>
      </c>
      <c r="S16" s="197">
        <v>4</v>
      </c>
      <c r="T16" s="195">
        <v>2</v>
      </c>
      <c r="U16" s="198">
        <v>8</v>
      </c>
      <c r="V16" s="202">
        <v>8</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0</v>
      </c>
      <c r="J17" s="195">
        <v>2</v>
      </c>
      <c r="K17" s="198">
        <v>3</v>
      </c>
      <c r="L17" s="199">
        <v>3</v>
      </c>
      <c r="M17" s="194">
        <v>0</v>
      </c>
      <c r="N17" s="195">
        <v>0</v>
      </c>
      <c r="O17" s="198">
        <v>0</v>
      </c>
      <c r="P17" s="201">
        <v>0</v>
      </c>
      <c r="Q17" s="197">
        <v>0</v>
      </c>
      <c r="R17" s="197">
        <v>2</v>
      </c>
      <c r="S17" s="197">
        <v>2</v>
      </c>
      <c r="T17" s="195">
        <v>0</v>
      </c>
      <c r="U17" s="198">
        <v>4</v>
      </c>
      <c r="V17" s="202">
        <v>4</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4</v>
      </c>
      <c r="I18" s="197">
        <v>9</v>
      </c>
      <c r="J18" s="195">
        <v>6</v>
      </c>
      <c r="K18" s="198">
        <v>19</v>
      </c>
      <c r="L18" s="199">
        <v>19</v>
      </c>
      <c r="M18" s="194">
        <v>0</v>
      </c>
      <c r="N18" s="195">
        <v>0</v>
      </c>
      <c r="O18" s="198">
        <v>0</v>
      </c>
      <c r="P18" s="201">
        <v>1</v>
      </c>
      <c r="Q18" s="197">
        <v>3</v>
      </c>
      <c r="R18" s="197">
        <v>2</v>
      </c>
      <c r="S18" s="197">
        <v>6</v>
      </c>
      <c r="T18" s="195">
        <v>2</v>
      </c>
      <c r="U18" s="198">
        <v>14</v>
      </c>
      <c r="V18" s="202">
        <v>14</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1</v>
      </c>
      <c r="AM18" s="197">
        <v>1</v>
      </c>
      <c r="AN18" s="195">
        <v>0</v>
      </c>
      <c r="AO18" s="198">
        <v>2</v>
      </c>
      <c r="AP18" s="200">
        <v>2</v>
      </c>
      <c r="AQ18" s="37"/>
    </row>
    <row r="19" spans="2:43" ht="21" customHeight="1" x14ac:dyDescent="0.2">
      <c r="B19" s="62" t="s">
        <v>17</v>
      </c>
      <c r="C19" s="194">
        <v>0</v>
      </c>
      <c r="D19" s="195">
        <v>0</v>
      </c>
      <c r="E19" s="195">
        <v>0</v>
      </c>
      <c r="F19" s="196">
        <v>0</v>
      </c>
      <c r="G19" s="197">
        <v>1</v>
      </c>
      <c r="H19" s="197">
        <v>7</v>
      </c>
      <c r="I19" s="197">
        <v>7</v>
      </c>
      <c r="J19" s="195">
        <v>7</v>
      </c>
      <c r="K19" s="198">
        <v>22</v>
      </c>
      <c r="L19" s="199">
        <v>22</v>
      </c>
      <c r="M19" s="194">
        <v>0</v>
      </c>
      <c r="N19" s="195">
        <v>0</v>
      </c>
      <c r="O19" s="198">
        <v>0</v>
      </c>
      <c r="P19" s="201">
        <v>0</v>
      </c>
      <c r="Q19" s="197">
        <v>7</v>
      </c>
      <c r="R19" s="197">
        <v>10</v>
      </c>
      <c r="S19" s="197">
        <v>8</v>
      </c>
      <c r="T19" s="195">
        <v>3</v>
      </c>
      <c r="U19" s="198">
        <v>28</v>
      </c>
      <c r="V19" s="202">
        <v>28</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6</v>
      </c>
      <c r="I20" s="197">
        <v>12</v>
      </c>
      <c r="J20" s="195">
        <v>8</v>
      </c>
      <c r="K20" s="198">
        <v>27</v>
      </c>
      <c r="L20" s="199">
        <v>27</v>
      </c>
      <c r="M20" s="194">
        <v>0</v>
      </c>
      <c r="N20" s="195">
        <v>0</v>
      </c>
      <c r="O20" s="198">
        <v>0</v>
      </c>
      <c r="P20" s="201">
        <v>3</v>
      </c>
      <c r="Q20" s="197">
        <v>1</v>
      </c>
      <c r="R20" s="197">
        <v>4</v>
      </c>
      <c r="S20" s="197">
        <v>7</v>
      </c>
      <c r="T20" s="195">
        <v>3</v>
      </c>
      <c r="U20" s="198">
        <v>18</v>
      </c>
      <c r="V20" s="202">
        <v>18</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2</v>
      </c>
      <c r="I21" s="197">
        <v>3</v>
      </c>
      <c r="J21" s="195">
        <v>3</v>
      </c>
      <c r="K21" s="198">
        <v>8</v>
      </c>
      <c r="L21" s="199">
        <v>8</v>
      </c>
      <c r="M21" s="194">
        <v>0</v>
      </c>
      <c r="N21" s="195">
        <v>0</v>
      </c>
      <c r="O21" s="198">
        <v>0</v>
      </c>
      <c r="P21" s="201">
        <v>0</v>
      </c>
      <c r="Q21" s="197">
        <v>3</v>
      </c>
      <c r="R21" s="197">
        <v>3</v>
      </c>
      <c r="S21" s="197">
        <v>3</v>
      </c>
      <c r="T21" s="195">
        <v>1</v>
      </c>
      <c r="U21" s="198">
        <v>10</v>
      </c>
      <c r="V21" s="202">
        <v>10</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1</v>
      </c>
      <c r="I22" s="197">
        <v>6</v>
      </c>
      <c r="J22" s="195">
        <v>5</v>
      </c>
      <c r="K22" s="198">
        <v>13</v>
      </c>
      <c r="L22" s="199">
        <v>13</v>
      </c>
      <c r="M22" s="194">
        <v>0</v>
      </c>
      <c r="N22" s="195">
        <v>0</v>
      </c>
      <c r="O22" s="198">
        <v>0</v>
      </c>
      <c r="P22" s="201">
        <v>1</v>
      </c>
      <c r="Q22" s="197">
        <v>2</v>
      </c>
      <c r="R22" s="197">
        <v>2</v>
      </c>
      <c r="S22" s="197">
        <v>4</v>
      </c>
      <c r="T22" s="195">
        <v>0</v>
      </c>
      <c r="U22" s="198">
        <v>9</v>
      </c>
      <c r="V22" s="202">
        <v>9</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3</v>
      </c>
      <c r="I23" s="197">
        <v>2</v>
      </c>
      <c r="J23" s="195">
        <v>6</v>
      </c>
      <c r="K23" s="198">
        <v>11</v>
      </c>
      <c r="L23" s="199">
        <v>11</v>
      </c>
      <c r="M23" s="194">
        <v>0</v>
      </c>
      <c r="N23" s="195">
        <v>0</v>
      </c>
      <c r="O23" s="198">
        <v>0</v>
      </c>
      <c r="P23" s="201">
        <v>0</v>
      </c>
      <c r="Q23" s="197">
        <v>3</v>
      </c>
      <c r="R23" s="197">
        <v>1</v>
      </c>
      <c r="S23" s="197">
        <v>2</v>
      </c>
      <c r="T23" s="195">
        <v>1</v>
      </c>
      <c r="U23" s="198">
        <v>7</v>
      </c>
      <c r="V23" s="202">
        <v>7</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2</v>
      </c>
      <c r="AO23" s="198">
        <v>2</v>
      </c>
      <c r="AP23" s="200">
        <v>2</v>
      </c>
      <c r="AQ23" s="37"/>
    </row>
    <row r="24" spans="2:43" ht="21" customHeight="1" x14ac:dyDescent="0.2">
      <c r="B24" s="62" t="s">
        <v>22</v>
      </c>
      <c r="C24" s="194">
        <v>0</v>
      </c>
      <c r="D24" s="195">
        <v>0</v>
      </c>
      <c r="E24" s="195">
        <v>0</v>
      </c>
      <c r="F24" s="196">
        <v>0</v>
      </c>
      <c r="G24" s="197">
        <v>0</v>
      </c>
      <c r="H24" s="197">
        <v>0</v>
      </c>
      <c r="I24" s="197">
        <v>2</v>
      </c>
      <c r="J24" s="195">
        <v>1</v>
      </c>
      <c r="K24" s="198">
        <v>3</v>
      </c>
      <c r="L24" s="199">
        <v>3</v>
      </c>
      <c r="M24" s="194">
        <v>0</v>
      </c>
      <c r="N24" s="195">
        <v>0</v>
      </c>
      <c r="O24" s="198">
        <v>0</v>
      </c>
      <c r="P24" s="201">
        <v>1</v>
      </c>
      <c r="Q24" s="197">
        <v>0</v>
      </c>
      <c r="R24" s="197">
        <v>2</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0</v>
      </c>
      <c r="H25" s="197">
        <v>1</v>
      </c>
      <c r="I25" s="197">
        <v>5</v>
      </c>
      <c r="J25" s="195">
        <v>2</v>
      </c>
      <c r="K25" s="198">
        <v>8</v>
      </c>
      <c r="L25" s="199">
        <v>8</v>
      </c>
      <c r="M25" s="194">
        <v>0</v>
      </c>
      <c r="N25" s="195">
        <v>0</v>
      </c>
      <c r="O25" s="198">
        <v>0</v>
      </c>
      <c r="P25" s="201">
        <v>0</v>
      </c>
      <c r="Q25" s="197">
        <v>0</v>
      </c>
      <c r="R25" s="197">
        <v>1</v>
      </c>
      <c r="S25" s="197">
        <v>1</v>
      </c>
      <c r="T25" s="195">
        <v>4</v>
      </c>
      <c r="U25" s="198">
        <v>6</v>
      </c>
      <c r="V25" s="202">
        <v>6</v>
      </c>
      <c r="W25" s="201">
        <v>0</v>
      </c>
      <c r="X25" s="195">
        <v>0</v>
      </c>
      <c r="Y25" s="195">
        <v>0</v>
      </c>
      <c r="Z25" s="196">
        <v>0</v>
      </c>
      <c r="AA25" s="197">
        <v>0</v>
      </c>
      <c r="AB25" s="197">
        <v>0</v>
      </c>
      <c r="AC25" s="197">
        <v>1</v>
      </c>
      <c r="AD25" s="195">
        <v>0</v>
      </c>
      <c r="AE25" s="198">
        <v>1</v>
      </c>
      <c r="AF25" s="199">
        <v>1</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1</v>
      </c>
      <c r="I26" s="197">
        <v>3</v>
      </c>
      <c r="J26" s="195">
        <v>2</v>
      </c>
      <c r="K26" s="198">
        <v>6</v>
      </c>
      <c r="L26" s="199">
        <v>6</v>
      </c>
      <c r="M26" s="194">
        <v>0</v>
      </c>
      <c r="N26" s="195">
        <v>0</v>
      </c>
      <c r="O26" s="198">
        <v>0</v>
      </c>
      <c r="P26" s="201">
        <v>0</v>
      </c>
      <c r="Q26" s="197">
        <v>0</v>
      </c>
      <c r="R26" s="197">
        <v>1</v>
      </c>
      <c r="S26" s="197">
        <v>2</v>
      </c>
      <c r="T26" s="195">
        <v>0</v>
      </c>
      <c r="U26" s="198">
        <v>3</v>
      </c>
      <c r="V26" s="202">
        <v>3</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1</v>
      </c>
      <c r="I27" s="197">
        <v>1</v>
      </c>
      <c r="J27" s="195">
        <v>1</v>
      </c>
      <c r="K27" s="198">
        <v>3</v>
      </c>
      <c r="L27" s="199">
        <v>3</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1</v>
      </c>
      <c r="AN27" s="195">
        <v>0</v>
      </c>
      <c r="AO27" s="198">
        <v>1</v>
      </c>
      <c r="AP27" s="200">
        <v>1</v>
      </c>
      <c r="AQ27" s="37"/>
    </row>
    <row r="28" spans="2:43" ht="21" customHeight="1" x14ac:dyDescent="0.2">
      <c r="B28" s="62" t="s">
        <v>26</v>
      </c>
      <c r="C28" s="194">
        <v>0</v>
      </c>
      <c r="D28" s="195">
        <v>0</v>
      </c>
      <c r="E28" s="195">
        <v>0</v>
      </c>
      <c r="F28" s="196">
        <v>0</v>
      </c>
      <c r="G28" s="197">
        <v>0</v>
      </c>
      <c r="H28" s="197">
        <v>1</v>
      </c>
      <c r="I28" s="197">
        <v>1</v>
      </c>
      <c r="J28" s="195">
        <v>1</v>
      </c>
      <c r="K28" s="198">
        <v>3</v>
      </c>
      <c r="L28" s="199">
        <v>3</v>
      </c>
      <c r="M28" s="194">
        <v>0</v>
      </c>
      <c r="N28" s="195">
        <v>0</v>
      </c>
      <c r="O28" s="198">
        <v>0</v>
      </c>
      <c r="P28" s="201">
        <v>2</v>
      </c>
      <c r="Q28" s="197">
        <v>1</v>
      </c>
      <c r="R28" s="197">
        <v>0</v>
      </c>
      <c r="S28" s="197">
        <v>0</v>
      </c>
      <c r="T28" s="195">
        <v>0</v>
      </c>
      <c r="U28" s="198">
        <v>3</v>
      </c>
      <c r="V28" s="202">
        <v>3</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1</v>
      </c>
      <c r="I29" s="197">
        <v>2</v>
      </c>
      <c r="J29" s="195">
        <v>0</v>
      </c>
      <c r="K29" s="198">
        <v>3</v>
      </c>
      <c r="L29" s="199">
        <v>3</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0</v>
      </c>
      <c r="S30" s="197">
        <v>0</v>
      </c>
      <c r="T30" s="195">
        <v>1</v>
      </c>
      <c r="U30" s="198">
        <v>1</v>
      </c>
      <c r="V30" s="202">
        <v>1</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0</v>
      </c>
      <c r="S31" s="197">
        <v>1</v>
      </c>
      <c r="T31" s="195">
        <v>0</v>
      </c>
      <c r="U31" s="198">
        <v>1</v>
      </c>
      <c r="V31" s="202">
        <v>1</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0</v>
      </c>
      <c r="J32" s="195">
        <v>0</v>
      </c>
      <c r="K32" s="198">
        <v>1</v>
      </c>
      <c r="L32" s="199">
        <v>1</v>
      </c>
      <c r="M32" s="194">
        <v>0</v>
      </c>
      <c r="N32" s="195">
        <v>0</v>
      </c>
      <c r="O32" s="198">
        <v>0</v>
      </c>
      <c r="P32" s="201">
        <v>1</v>
      </c>
      <c r="Q32" s="197">
        <v>0</v>
      </c>
      <c r="R32" s="197">
        <v>0</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1</v>
      </c>
      <c r="I33" s="197">
        <v>0</v>
      </c>
      <c r="J33" s="195">
        <v>0</v>
      </c>
      <c r="K33" s="198">
        <v>1</v>
      </c>
      <c r="L33" s="199">
        <v>1</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1</v>
      </c>
      <c r="T34" s="195">
        <v>1</v>
      </c>
      <c r="U34" s="198">
        <v>2</v>
      </c>
      <c r="V34" s="202">
        <v>2</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1</v>
      </c>
      <c r="S35" s="197">
        <v>1</v>
      </c>
      <c r="T35" s="195">
        <v>0</v>
      </c>
      <c r="U35" s="198">
        <v>2</v>
      </c>
      <c r="V35" s="202">
        <v>2</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1</v>
      </c>
      <c r="Q36" s="197">
        <v>1</v>
      </c>
      <c r="R36" s="197">
        <v>0</v>
      </c>
      <c r="S36" s="197">
        <v>0</v>
      </c>
      <c r="T36" s="195">
        <v>0</v>
      </c>
      <c r="U36" s="198">
        <v>2</v>
      </c>
      <c r="V36" s="202">
        <v>2</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1</v>
      </c>
      <c r="S37" s="197">
        <v>0</v>
      </c>
      <c r="T37" s="195">
        <v>0</v>
      </c>
      <c r="U37" s="198">
        <v>1</v>
      </c>
      <c r="V37" s="202">
        <v>1</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2</v>
      </c>
      <c r="I38" s="197">
        <v>0</v>
      </c>
      <c r="J38" s="195">
        <v>2</v>
      </c>
      <c r="K38" s="198">
        <v>4</v>
      </c>
      <c r="L38" s="199">
        <v>4</v>
      </c>
      <c r="M38" s="194">
        <v>0</v>
      </c>
      <c r="N38" s="195">
        <v>0</v>
      </c>
      <c r="O38" s="198">
        <v>0</v>
      </c>
      <c r="P38" s="201">
        <v>1</v>
      </c>
      <c r="Q38" s="197">
        <v>0</v>
      </c>
      <c r="R38" s="197">
        <v>1</v>
      </c>
      <c r="S38" s="197">
        <v>4</v>
      </c>
      <c r="T38" s="195">
        <v>0</v>
      </c>
      <c r="U38" s="198">
        <v>6</v>
      </c>
      <c r="V38" s="202">
        <v>6</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J1:K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E1" s="500">
        <f>第１表!F2</f>
        <v>5</v>
      </c>
      <c r="F1" s="246">
        <f>第１表!G2</f>
        <v>3</v>
      </c>
      <c r="G1" s="674">
        <f>IF(F1&lt;3,F1-2+12,F1-2)</f>
        <v>1</v>
      </c>
      <c r="H1" s="674"/>
      <c r="IB1" s="367"/>
      <c r="IC1" s="252"/>
      <c r="ID1" s="643"/>
      <c r="IE1" s="643"/>
    </row>
    <row r="2" spans="1:409" s="44" customFormat="1" ht="24" customHeight="1" x14ac:dyDescent="0.2">
      <c r="B2" s="20" t="s">
        <v>147</v>
      </c>
      <c r="E2" s="249"/>
      <c r="F2" s="250"/>
      <c r="G2" s="679"/>
      <c r="H2" s="679"/>
      <c r="CB2" s="324"/>
      <c r="CC2" s="324"/>
      <c r="CD2" s="324"/>
      <c r="CE2" s="324"/>
      <c r="CF2" s="324"/>
      <c r="CG2" s="324"/>
      <c r="CH2" s="324"/>
      <c r="CI2" s="324"/>
      <c r="CJ2" s="324"/>
      <c r="CK2" s="324"/>
      <c r="CL2" s="324"/>
      <c r="DI2" s="324"/>
      <c r="DJ2" s="324"/>
      <c r="DK2" s="324"/>
      <c r="DL2" s="324"/>
      <c r="DM2" s="324"/>
      <c r="DN2" s="324"/>
      <c r="DO2" s="324"/>
      <c r="DP2" s="324"/>
      <c r="DQ2" s="324"/>
      <c r="DR2" s="324"/>
      <c r="DS2" s="324"/>
      <c r="FL2" s="324"/>
      <c r="FM2" s="324"/>
      <c r="FN2" s="324"/>
      <c r="FO2" s="324"/>
      <c r="FP2" s="324"/>
      <c r="FQ2" s="324"/>
      <c r="FR2" s="324"/>
      <c r="FS2" s="324"/>
      <c r="FT2" s="324"/>
      <c r="FU2" s="324"/>
      <c r="FV2" s="324"/>
      <c r="HZ2" s="39"/>
      <c r="IA2" s="39"/>
      <c r="IB2" s="251"/>
      <c r="IC2" s="252"/>
      <c r="ID2" s="370"/>
      <c r="IE2" s="370"/>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4"/>
      <c r="CC3" s="324"/>
      <c r="CD3" s="324"/>
      <c r="CE3" s="324"/>
      <c r="CF3" s="324"/>
      <c r="CG3" s="324"/>
      <c r="CH3" s="324"/>
      <c r="CI3" s="324"/>
      <c r="CJ3" s="324"/>
      <c r="CK3" s="324"/>
      <c r="CL3" s="324"/>
      <c r="DI3" s="324"/>
      <c r="DJ3" s="324"/>
      <c r="DK3" s="324"/>
      <c r="DL3" s="324"/>
      <c r="DM3" s="324"/>
      <c r="DN3" s="324"/>
      <c r="DO3" s="324"/>
      <c r="DP3" s="324"/>
      <c r="DQ3" s="324"/>
      <c r="DR3" s="324"/>
      <c r="DS3" s="324"/>
      <c r="FL3" s="324"/>
      <c r="FM3" s="324"/>
      <c r="FN3" s="324"/>
      <c r="FO3" s="324"/>
      <c r="FP3" s="324"/>
      <c r="FQ3" s="324"/>
      <c r="FR3" s="324"/>
      <c r="FS3" s="324"/>
      <c r="FT3" s="324"/>
      <c r="FU3" s="324"/>
      <c r="FV3" s="324"/>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56" t="s">
        <v>42</v>
      </c>
      <c r="C4" s="659" t="s">
        <v>63</v>
      </c>
      <c r="D4" s="659"/>
      <c r="E4" s="659"/>
      <c r="F4" s="659"/>
      <c r="G4" s="659"/>
      <c r="H4" s="659"/>
      <c r="I4" s="659"/>
      <c r="J4" s="659"/>
      <c r="K4" s="659"/>
      <c r="L4" s="659"/>
      <c r="M4" s="659"/>
      <c r="N4" s="593"/>
      <c r="O4" s="593"/>
      <c r="P4" s="593"/>
      <c r="Q4" s="593"/>
      <c r="R4" s="593"/>
      <c r="S4" s="593"/>
      <c r="T4" s="593"/>
      <c r="U4" s="593"/>
      <c r="V4" s="593"/>
      <c r="W4" s="593"/>
      <c r="X4" s="593"/>
      <c r="Y4" s="593"/>
      <c r="Z4" s="593"/>
      <c r="AA4" s="593"/>
      <c r="AB4" s="593"/>
      <c r="AC4" s="593"/>
      <c r="AD4" s="593"/>
      <c r="AE4" s="593"/>
      <c r="AF4" s="593"/>
      <c r="AG4" s="593"/>
      <c r="AH4" s="593"/>
      <c r="AI4" s="593"/>
      <c r="AJ4" s="593"/>
      <c r="AK4" s="593"/>
      <c r="AL4" s="593"/>
      <c r="AM4" s="593"/>
      <c r="AN4" s="593"/>
      <c r="AO4" s="593"/>
      <c r="AP4" s="593"/>
      <c r="AQ4" s="593"/>
      <c r="AR4" s="593"/>
      <c r="AS4" s="593"/>
      <c r="AT4" s="593"/>
      <c r="AU4" s="593"/>
      <c r="AV4" s="593"/>
      <c r="AW4" s="593"/>
      <c r="AX4" s="593"/>
      <c r="AY4" s="593"/>
      <c r="AZ4" s="593"/>
      <c r="BA4" s="593"/>
      <c r="BB4" s="593"/>
      <c r="BC4" s="593"/>
      <c r="BD4" s="593"/>
      <c r="BE4" s="593"/>
      <c r="BF4" s="593"/>
      <c r="BG4" s="593"/>
      <c r="BH4" s="593"/>
      <c r="BI4" s="593"/>
      <c r="BJ4" s="593"/>
      <c r="BK4" s="593"/>
      <c r="BL4" s="593"/>
      <c r="BM4" s="593"/>
      <c r="BN4" s="593"/>
      <c r="BO4" s="593"/>
      <c r="BP4" s="593"/>
      <c r="BQ4" s="593"/>
      <c r="BR4" s="593"/>
      <c r="BS4" s="593"/>
      <c r="BT4" s="593"/>
      <c r="BU4" s="593"/>
      <c r="BV4" s="593"/>
      <c r="BW4" s="593"/>
      <c r="BX4" s="593"/>
      <c r="BY4" s="593"/>
      <c r="BZ4" s="593"/>
      <c r="CA4" s="593"/>
      <c r="CB4" s="593"/>
      <c r="CC4" s="593"/>
      <c r="CD4" s="593"/>
      <c r="CE4" s="593"/>
      <c r="CF4" s="593"/>
      <c r="CG4" s="593"/>
      <c r="CH4" s="593"/>
      <c r="CI4" s="593"/>
      <c r="CJ4" s="593"/>
      <c r="CK4" s="593"/>
      <c r="CL4" s="593"/>
      <c r="CM4" s="593"/>
      <c r="CN4" s="593"/>
      <c r="CO4" s="593"/>
      <c r="CP4" s="593"/>
      <c r="CQ4" s="593"/>
      <c r="CR4" s="593"/>
      <c r="CS4" s="593"/>
      <c r="CT4" s="593"/>
      <c r="CU4" s="593"/>
      <c r="CV4" s="593"/>
      <c r="CW4" s="593"/>
      <c r="CX4" s="593"/>
      <c r="CY4" s="593"/>
      <c r="CZ4" s="593"/>
      <c r="DA4" s="593"/>
      <c r="DB4" s="593"/>
      <c r="DC4" s="593"/>
      <c r="DD4" s="593"/>
      <c r="DE4" s="593"/>
      <c r="DF4" s="593"/>
      <c r="DG4" s="593"/>
      <c r="DH4" s="593"/>
      <c r="DI4" s="593"/>
      <c r="DJ4" s="593"/>
      <c r="DK4" s="593"/>
      <c r="DL4" s="593"/>
      <c r="DM4" s="593"/>
      <c r="DN4" s="593"/>
      <c r="DO4" s="593"/>
      <c r="DP4" s="593"/>
      <c r="DQ4" s="593"/>
      <c r="DR4" s="593"/>
      <c r="DS4" s="593"/>
      <c r="DT4" s="593"/>
      <c r="DU4" s="593"/>
      <c r="DV4" s="593"/>
      <c r="DW4" s="593"/>
      <c r="DX4" s="593"/>
      <c r="DY4" s="593"/>
      <c r="DZ4" s="593"/>
      <c r="EA4" s="593"/>
      <c r="EB4" s="593"/>
      <c r="EC4" s="593"/>
      <c r="ED4" s="593"/>
      <c r="EE4" s="593"/>
      <c r="EF4" s="593"/>
      <c r="EG4" s="593"/>
      <c r="EH4" s="593"/>
      <c r="EI4" s="593"/>
      <c r="EJ4" s="593"/>
      <c r="EK4" s="593"/>
      <c r="EL4" s="593"/>
      <c r="EM4" s="593"/>
      <c r="EN4" s="593"/>
      <c r="EO4" s="593"/>
      <c r="EP4" s="593"/>
      <c r="EQ4" s="593"/>
      <c r="ER4" s="593"/>
      <c r="ES4" s="593"/>
      <c r="ET4" s="593"/>
      <c r="EU4" s="593"/>
      <c r="EV4" s="593"/>
      <c r="EW4" s="593"/>
      <c r="EX4" s="593"/>
      <c r="EY4" s="593"/>
      <c r="EZ4" s="593"/>
      <c r="FA4" s="593"/>
      <c r="FB4" s="593"/>
      <c r="FC4" s="593"/>
      <c r="FD4" s="593"/>
      <c r="FE4" s="593"/>
      <c r="FF4" s="593"/>
      <c r="FG4" s="593"/>
      <c r="FH4" s="593"/>
      <c r="FI4" s="593"/>
      <c r="FJ4" s="593"/>
      <c r="FK4" s="593"/>
      <c r="FL4" s="593"/>
      <c r="FM4" s="593"/>
      <c r="FN4" s="593"/>
      <c r="FO4" s="593"/>
      <c r="FP4" s="593"/>
      <c r="FQ4" s="593"/>
      <c r="FR4" s="593"/>
      <c r="FS4" s="593"/>
      <c r="FT4" s="593"/>
      <c r="FU4" s="593"/>
      <c r="FV4" s="593"/>
      <c r="FW4" s="593"/>
      <c r="FX4" s="593"/>
      <c r="FY4" s="593"/>
      <c r="FZ4" s="593"/>
      <c r="GA4" s="593"/>
      <c r="GB4" s="593"/>
      <c r="GC4" s="593"/>
      <c r="GD4" s="593"/>
      <c r="GE4" s="593"/>
      <c r="GF4" s="593"/>
      <c r="GG4" s="593"/>
      <c r="GH4" s="593"/>
      <c r="GI4" s="593"/>
      <c r="GJ4" s="593"/>
      <c r="GK4" s="593"/>
      <c r="GL4" s="593"/>
      <c r="GM4" s="593"/>
      <c r="GN4" s="593"/>
      <c r="GO4" s="593"/>
      <c r="GP4" s="593"/>
      <c r="GQ4" s="593"/>
      <c r="GR4" s="593"/>
      <c r="GS4" s="593"/>
      <c r="GT4" s="593"/>
      <c r="GU4" s="593"/>
      <c r="GV4" s="593"/>
      <c r="GW4" s="593"/>
      <c r="GX4" s="593"/>
      <c r="GY4" s="593"/>
      <c r="GZ4" s="593"/>
      <c r="HA4" s="593"/>
      <c r="HB4" s="593"/>
      <c r="HC4" s="593"/>
      <c r="HD4" s="593"/>
      <c r="HE4" s="593"/>
      <c r="HF4" s="593"/>
      <c r="HG4" s="593"/>
      <c r="HH4" s="593"/>
      <c r="HI4" s="593"/>
      <c r="HJ4" s="593"/>
      <c r="HK4" s="593"/>
      <c r="HL4" s="593"/>
      <c r="HM4" s="593"/>
      <c r="HN4" s="593"/>
      <c r="HO4" s="593"/>
      <c r="HP4" s="593"/>
      <c r="HQ4" s="593"/>
      <c r="HR4" s="593"/>
      <c r="HS4" s="593"/>
      <c r="HT4" s="593"/>
      <c r="HU4" s="593"/>
      <c r="HV4" s="593"/>
      <c r="HW4" s="593"/>
      <c r="HX4" s="593"/>
      <c r="HY4" s="594"/>
      <c r="HZ4" s="640" t="s">
        <v>85</v>
      </c>
      <c r="IA4" s="641"/>
      <c r="IB4" s="641"/>
      <c r="IC4" s="641"/>
      <c r="ID4" s="641"/>
      <c r="IE4" s="641"/>
      <c r="IF4" s="641"/>
      <c r="IG4" s="641"/>
      <c r="IH4" s="641"/>
      <c r="II4" s="641"/>
      <c r="IJ4" s="641"/>
      <c r="IK4" s="641"/>
      <c r="IL4" s="641"/>
      <c r="IM4" s="641"/>
      <c r="IN4" s="641"/>
      <c r="IO4" s="641"/>
      <c r="IP4" s="641"/>
      <c r="IQ4" s="641"/>
      <c r="IR4" s="641"/>
      <c r="IS4" s="641"/>
      <c r="IT4" s="641"/>
      <c r="IU4" s="641"/>
      <c r="IV4" s="641"/>
      <c r="IW4" s="641"/>
      <c r="IX4" s="641"/>
      <c r="IY4" s="641"/>
      <c r="IZ4" s="641"/>
      <c r="JA4" s="641"/>
      <c r="JB4" s="641"/>
      <c r="JC4" s="641"/>
      <c r="JD4" s="641"/>
      <c r="JE4" s="641"/>
      <c r="JF4" s="641"/>
      <c r="JG4" s="641"/>
      <c r="JH4" s="641"/>
      <c r="JI4" s="641"/>
      <c r="JJ4" s="641"/>
      <c r="JK4" s="641"/>
      <c r="JL4" s="641"/>
      <c r="JM4" s="641"/>
      <c r="JN4" s="641"/>
      <c r="JO4" s="641"/>
      <c r="JP4" s="641"/>
      <c r="JQ4" s="641"/>
      <c r="JR4" s="641"/>
      <c r="JS4" s="641"/>
      <c r="JT4" s="641"/>
      <c r="JU4" s="641"/>
      <c r="JV4" s="641"/>
      <c r="JW4" s="641"/>
      <c r="JX4" s="641"/>
      <c r="JY4" s="641"/>
      <c r="JZ4" s="641"/>
      <c r="KA4" s="641"/>
      <c r="KB4" s="641"/>
      <c r="KC4" s="641"/>
      <c r="KD4" s="641"/>
      <c r="KE4" s="641"/>
      <c r="KF4" s="641"/>
      <c r="KG4" s="641"/>
      <c r="KH4" s="641"/>
      <c r="KI4" s="641"/>
      <c r="KJ4" s="641"/>
      <c r="KK4" s="641"/>
      <c r="KL4" s="641"/>
      <c r="KM4" s="641"/>
      <c r="KN4" s="641"/>
      <c r="KO4" s="641"/>
      <c r="KP4" s="641"/>
      <c r="KQ4" s="641"/>
      <c r="KR4" s="641"/>
      <c r="KS4" s="641"/>
      <c r="KT4" s="641"/>
      <c r="KU4" s="641"/>
      <c r="KV4" s="641"/>
      <c r="KW4" s="641"/>
      <c r="KX4" s="641"/>
      <c r="KY4" s="641"/>
      <c r="KZ4" s="641"/>
      <c r="LA4" s="641"/>
      <c r="LB4" s="641"/>
      <c r="LC4" s="641"/>
      <c r="LD4" s="641"/>
      <c r="LE4" s="641"/>
      <c r="LF4" s="641"/>
      <c r="LG4" s="641"/>
      <c r="LH4" s="641"/>
      <c r="LI4" s="641"/>
      <c r="LJ4" s="641"/>
      <c r="LK4" s="641"/>
      <c r="LL4" s="641"/>
      <c r="LM4" s="641"/>
      <c r="LN4" s="641"/>
      <c r="LO4" s="641"/>
      <c r="LP4" s="641"/>
      <c r="LQ4" s="641"/>
      <c r="LR4" s="641"/>
      <c r="LS4" s="641"/>
      <c r="LT4" s="641"/>
      <c r="LU4" s="641"/>
      <c r="LV4" s="641"/>
      <c r="LW4" s="641"/>
      <c r="LX4" s="641"/>
      <c r="LY4" s="641"/>
      <c r="LZ4" s="641"/>
      <c r="MA4" s="641"/>
      <c r="MB4" s="641"/>
      <c r="MC4" s="641"/>
      <c r="MD4" s="641"/>
      <c r="ME4" s="642"/>
      <c r="MF4" s="640" t="s">
        <v>86</v>
      </c>
      <c r="MG4" s="641"/>
      <c r="MH4" s="641"/>
      <c r="MI4" s="641"/>
      <c r="MJ4" s="641"/>
      <c r="MK4" s="641"/>
      <c r="ML4" s="641"/>
      <c r="MM4" s="641"/>
      <c r="MN4" s="641"/>
      <c r="MO4" s="641"/>
      <c r="MP4" s="641"/>
      <c r="MQ4" s="641"/>
      <c r="MR4" s="641"/>
      <c r="MS4" s="641"/>
      <c r="MT4" s="641"/>
      <c r="MU4" s="641"/>
      <c r="MV4" s="641"/>
      <c r="MW4" s="641"/>
      <c r="MX4" s="641"/>
      <c r="MY4" s="641"/>
      <c r="MZ4" s="641"/>
      <c r="NA4" s="641"/>
      <c r="NB4" s="641"/>
      <c r="NC4" s="641"/>
      <c r="ND4" s="641"/>
      <c r="NE4" s="641"/>
      <c r="NF4" s="641"/>
      <c r="NG4" s="641"/>
      <c r="NH4" s="641"/>
      <c r="NI4" s="641"/>
      <c r="NJ4" s="641"/>
      <c r="NK4" s="641"/>
      <c r="NL4" s="641"/>
      <c r="NM4" s="641"/>
      <c r="NN4" s="641"/>
      <c r="NO4" s="641"/>
      <c r="NP4" s="641"/>
      <c r="NQ4" s="641"/>
      <c r="NR4" s="641"/>
      <c r="NS4" s="641"/>
      <c r="NT4" s="641"/>
      <c r="NU4" s="641"/>
      <c r="NV4" s="641"/>
      <c r="NW4" s="641"/>
      <c r="NX4" s="641"/>
      <c r="NY4" s="641"/>
      <c r="NZ4" s="641"/>
      <c r="OA4" s="641"/>
      <c r="OB4" s="641"/>
      <c r="OC4" s="641"/>
      <c r="OD4" s="641"/>
      <c r="OE4" s="641"/>
      <c r="OF4" s="641"/>
      <c r="OG4" s="641"/>
      <c r="OH4" s="642"/>
      <c r="OI4" s="595" t="s">
        <v>60</v>
      </c>
      <c r="OJ4" s="505"/>
      <c r="OK4" s="505"/>
      <c r="OL4" s="505"/>
      <c r="OM4" s="505"/>
      <c r="ON4" s="505"/>
      <c r="OO4" s="505"/>
      <c r="OP4" s="505"/>
      <c r="OQ4" s="505"/>
      <c r="OR4" s="505"/>
      <c r="OS4" s="506"/>
    </row>
    <row r="5" spans="1:409" ht="21" customHeight="1" thickBot="1" x14ac:dyDescent="0.25">
      <c r="B5" s="657"/>
      <c r="C5" s="660"/>
      <c r="D5" s="660"/>
      <c r="E5" s="660"/>
      <c r="F5" s="660"/>
      <c r="G5" s="660"/>
      <c r="H5" s="660"/>
      <c r="I5" s="660"/>
      <c r="J5" s="660"/>
      <c r="K5" s="660"/>
      <c r="L5" s="660"/>
      <c r="M5" s="660"/>
      <c r="N5" s="662" t="s">
        <v>64</v>
      </c>
      <c r="O5" s="663"/>
      <c r="P5" s="663"/>
      <c r="Q5" s="663"/>
      <c r="R5" s="663"/>
      <c r="S5" s="663"/>
      <c r="T5" s="663"/>
      <c r="U5" s="663"/>
      <c r="V5" s="663"/>
      <c r="W5" s="663"/>
      <c r="X5" s="663"/>
      <c r="Y5" s="663"/>
      <c r="Z5" s="663"/>
      <c r="AA5" s="663"/>
      <c r="AB5" s="663"/>
      <c r="AC5" s="663"/>
      <c r="AD5" s="663"/>
      <c r="AE5" s="663"/>
      <c r="AF5" s="663"/>
      <c r="AG5" s="663"/>
      <c r="AH5" s="663"/>
      <c r="AI5" s="663"/>
      <c r="AJ5" s="663"/>
      <c r="AK5" s="663"/>
      <c r="AL5" s="663"/>
      <c r="AM5" s="663"/>
      <c r="AN5" s="663"/>
      <c r="AO5" s="663"/>
      <c r="AP5" s="663"/>
      <c r="AQ5" s="663"/>
      <c r="AR5" s="663"/>
      <c r="AS5" s="663"/>
      <c r="AT5" s="663"/>
      <c r="AU5" s="663"/>
      <c r="AV5" s="663"/>
      <c r="AW5" s="663"/>
      <c r="AX5" s="663"/>
      <c r="AY5" s="663"/>
      <c r="AZ5" s="663"/>
      <c r="BA5" s="663"/>
      <c r="BB5" s="663"/>
      <c r="BC5" s="663"/>
      <c r="BD5" s="663"/>
      <c r="BE5" s="663"/>
      <c r="BF5" s="663"/>
      <c r="BG5" s="663"/>
      <c r="BH5" s="663"/>
      <c r="BI5" s="663"/>
      <c r="BJ5" s="663"/>
      <c r="BK5" s="663"/>
      <c r="BL5" s="663"/>
      <c r="BM5" s="663"/>
      <c r="BN5" s="663"/>
      <c r="BO5" s="663"/>
      <c r="BP5" s="663"/>
      <c r="BQ5" s="663"/>
      <c r="BR5" s="663"/>
      <c r="BS5" s="663"/>
      <c r="BT5" s="663"/>
      <c r="BU5" s="663"/>
      <c r="BV5" s="663"/>
      <c r="BW5" s="663"/>
      <c r="BX5" s="663"/>
      <c r="BY5" s="663"/>
      <c r="BZ5" s="663"/>
      <c r="CA5" s="664"/>
      <c r="CB5" s="662" t="s">
        <v>65</v>
      </c>
      <c r="CC5" s="663"/>
      <c r="CD5" s="663"/>
      <c r="CE5" s="663"/>
      <c r="CF5" s="663"/>
      <c r="CG5" s="663"/>
      <c r="CH5" s="663"/>
      <c r="CI5" s="663"/>
      <c r="CJ5" s="663"/>
      <c r="CK5" s="663"/>
      <c r="CL5" s="663"/>
      <c r="CM5" s="663"/>
      <c r="CN5" s="663"/>
      <c r="CO5" s="663"/>
      <c r="CP5" s="663"/>
      <c r="CQ5" s="663"/>
      <c r="CR5" s="663"/>
      <c r="CS5" s="663"/>
      <c r="CT5" s="663"/>
      <c r="CU5" s="663"/>
      <c r="CV5" s="663"/>
      <c r="CW5" s="663"/>
      <c r="CX5" s="663"/>
      <c r="CY5" s="663"/>
      <c r="CZ5" s="663"/>
      <c r="DA5" s="663"/>
      <c r="DB5" s="663"/>
      <c r="DC5" s="663"/>
      <c r="DD5" s="663"/>
      <c r="DE5" s="663"/>
      <c r="DF5" s="663"/>
      <c r="DG5" s="663"/>
      <c r="DH5" s="664"/>
      <c r="DI5" s="640" t="s">
        <v>66</v>
      </c>
      <c r="DJ5" s="641"/>
      <c r="DK5" s="641"/>
      <c r="DL5" s="641"/>
      <c r="DM5" s="641"/>
      <c r="DN5" s="641"/>
      <c r="DO5" s="641"/>
      <c r="DP5" s="641"/>
      <c r="DQ5" s="641"/>
      <c r="DR5" s="641"/>
      <c r="DS5" s="641"/>
      <c r="DT5" s="641"/>
      <c r="DU5" s="641"/>
      <c r="DV5" s="641"/>
      <c r="DW5" s="641"/>
      <c r="DX5" s="641"/>
      <c r="DY5" s="641"/>
      <c r="DZ5" s="641"/>
      <c r="EA5" s="641"/>
      <c r="EB5" s="641"/>
      <c r="EC5" s="641"/>
      <c r="ED5" s="641"/>
      <c r="EE5" s="641"/>
      <c r="EF5" s="641"/>
      <c r="EG5" s="641"/>
      <c r="EH5" s="641"/>
      <c r="EI5" s="641"/>
      <c r="EJ5" s="641"/>
      <c r="EK5" s="641"/>
      <c r="EL5" s="641"/>
      <c r="EM5" s="641"/>
      <c r="EN5" s="641"/>
      <c r="EO5" s="641"/>
      <c r="EP5" s="641"/>
      <c r="EQ5" s="641"/>
      <c r="ER5" s="641"/>
      <c r="ES5" s="641"/>
      <c r="ET5" s="641"/>
      <c r="EU5" s="641"/>
      <c r="EV5" s="641"/>
      <c r="EW5" s="641"/>
      <c r="EX5" s="641"/>
      <c r="EY5" s="641"/>
      <c r="EZ5" s="641"/>
      <c r="FA5" s="641"/>
      <c r="FB5" s="641"/>
      <c r="FC5" s="641"/>
      <c r="FD5" s="641"/>
      <c r="FE5" s="641"/>
      <c r="FF5" s="641"/>
      <c r="FG5" s="641"/>
      <c r="FH5" s="641"/>
      <c r="FI5" s="641"/>
      <c r="FJ5" s="641"/>
      <c r="FK5" s="642"/>
      <c r="FL5" s="662" t="s">
        <v>67</v>
      </c>
      <c r="FM5" s="663"/>
      <c r="FN5" s="663"/>
      <c r="FO5" s="663"/>
      <c r="FP5" s="663"/>
      <c r="FQ5" s="663"/>
      <c r="FR5" s="663"/>
      <c r="FS5" s="663"/>
      <c r="FT5" s="663"/>
      <c r="FU5" s="663"/>
      <c r="FV5" s="663"/>
      <c r="FW5" s="663"/>
      <c r="FX5" s="663"/>
      <c r="FY5" s="663"/>
      <c r="FZ5" s="663"/>
      <c r="GA5" s="663"/>
      <c r="GB5" s="663"/>
      <c r="GC5" s="663"/>
      <c r="GD5" s="663"/>
      <c r="GE5" s="663"/>
      <c r="GF5" s="663"/>
      <c r="GG5" s="663"/>
      <c r="GH5" s="663"/>
      <c r="GI5" s="663"/>
      <c r="GJ5" s="663"/>
      <c r="GK5" s="663"/>
      <c r="GL5" s="663"/>
      <c r="GM5" s="663"/>
      <c r="GN5" s="663"/>
      <c r="GO5" s="663"/>
      <c r="GP5" s="663"/>
      <c r="GQ5" s="663"/>
      <c r="GR5" s="663"/>
      <c r="GS5" s="663"/>
      <c r="GT5" s="663"/>
      <c r="GU5" s="663"/>
      <c r="GV5" s="663"/>
      <c r="GW5" s="663"/>
      <c r="GX5" s="663"/>
      <c r="GY5" s="663"/>
      <c r="GZ5" s="663"/>
      <c r="HA5" s="663"/>
      <c r="HB5" s="663"/>
      <c r="HC5" s="664"/>
      <c r="HD5" s="665" t="s">
        <v>68</v>
      </c>
      <c r="HE5" s="666"/>
      <c r="HF5" s="666"/>
      <c r="HG5" s="666"/>
      <c r="HH5" s="666"/>
      <c r="HI5" s="666"/>
      <c r="HJ5" s="666"/>
      <c r="HK5" s="666"/>
      <c r="HL5" s="666"/>
      <c r="HM5" s="666"/>
      <c r="HN5" s="667"/>
      <c r="HO5" s="665" t="s">
        <v>69</v>
      </c>
      <c r="HP5" s="666"/>
      <c r="HQ5" s="666"/>
      <c r="HR5" s="666"/>
      <c r="HS5" s="666"/>
      <c r="HT5" s="666"/>
      <c r="HU5" s="666"/>
      <c r="HV5" s="666"/>
      <c r="HW5" s="666"/>
      <c r="HX5" s="666"/>
      <c r="HY5" s="667"/>
      <c r="HZ5" s="619"/>
      <c r="IA5" s="620"/>
      <c r="IB5" s="620"/>
      <c r="IC5" s="620"/>
      <c r="ID5" s="620"/>
      <c r="IE5" s="620"/>
      <c r="IF5" s="620"/>
      <c r="IG5" s="620"/>
      <c r="IH5" s="620"/>
      <c r="II5" s="620"/>
      <c r="IJ5" s="621"/>
      <c r="IK5" s="595" t="s">
        <v>94</v>
      </c>
      <c r="IL5" s="505"/>
      <c r="IM5" s="505"/>
      <c r="IN5" s="505"/>
      <c r="IO5" s="505"/>
      <c r="IP5" s="505"/>
      <c r="IQ5" s="505"/>
      <c r="IR5" s="505"/>
      <c r="IS5" s="505"/>
      <c r="IT5" s="505"/>
      <c r="IU5" s="506"/>
      <c r="IV5" s="595" t="s">
        <v>88</v>
      </c>
      <c r="IW5" s="505"/>
      <c r="IX5" s="505"/>
      <c r="IY5" s="505"/>
      <c r="IZ5" s="505"/>
      <c r="JA5" s="505"/>
      <c r="JB5" s="505"/>
      <c r="JC5" s="505"/>
      <c r="JD5" s="505"/>
      <c r="JE5" s="505"/>
      <c r="JF5" s="506"/>
      <c r="JG5" s="625" t="s">
        <v>144</v>
      </c>
      <c r="JH5" s="626"/>
      <c r="JI5" s="626"/>
      <c r="JJ5" s="626"/>
      <c r="JK5" s="626"/>
      <c r="JL5" s="626"/>
      <c r="JM5" s="626"/>
      <c r="JN5" s="626"/>
      <c r="JO5" s="626"/>
      <c r="JP5" s="626"/>
      <c r="JQ5" s="627"/>
      <c r="JR5" s="595" t="s">
        <v>90</v>
      </c>
      <c r="JS5" s="505"/>
      <c r="JT5" s="505"/>
      <c r="JU5" s="505"/>
      <c r="JV5" s="505"/>
      <c r="JW5" s="505"/>
      <c r="JX5" s="505"/>
      <c r="JY5" s="505"/>
      <c r="JZ5" s="505"/>
      <c r="KA5" s="505"/>
      <c r="KB5" s="506"/>
      <c r="KC5" s="595" t="s">
        <v>89</v>
      </c>
      <c r="KD5" s="505"/>
      <c r="KE5" s="505"/>
      <c r="KF5" s="505"/>
      <c r="KG5" s="505"/>
      <c r="KH5" s="505"/>
      <c r="KI5" s="505"/>
      <c r="KJ5" s="505"/>
      <c r="KK5" s="505"/>
      <c r="KL5" s="505"/>
      <c r="KM5" s="506"/>
      <c r="KN5" s="595" t="s">
        <v>91</v>
      </c>
      <c r="KO5" s="505"/>
      <c r="KP5" s="505"/>
      <c r="KQ5" s="505"/>
      <c r="KR5" s="505"/>
      <c r="KS5" s="505"/>
      <c r="KT5" s="505"/>
      <c r="KU5" s="505"/>
      <c r="KV5" s="505"/>
      <c r="KW5" s="505"/>
      <c r="KX5" s="506"/>
      <c r="KY5" s="595" t="s">
        <v>92</v>
      </c>
      <c r="KZ5" s="505"/>
      <c r="LA5" s="505"/>
      <c r="LB5" s="505"/>
      <c r="LC5" s="505"/>
      <c r="LD5" s="505"/>
      <c r="LE5" s="505"/>
      <c r="LF5" s="505"/>
      <c r="LG5" s="505"/>
      <c r="LH5" s="505"/>
      <c r="LI5" s="506"/>
      <c r="LJ5" s="631" t="s">
        <v>93</v>
      </c>
      <c r="LK5" s="632"/>
      <c r="LL5" s="632"/>
      <c r="LM5" s="632"/>
      <c r="LN5" s="632"/>
      <c r="LO5" s="632"/>
      <c r="LP5" s="632"/>
      <c r="LQ5" s="632"/>
      <c r="LR5" s="632"/>
      <c r="LS5" s="632"/>
      <c r="LT5" s="633"/>
      <c r="LU5" s="634" t="s">
        <v>145</v>
      </c>
      <c r="LV5" s="635"/>
      <c r="LW5" s="635"/>
      <c r="LX5" s="635"/>
      <c r="LY5" s="635"/>
      <c r="LZ5" s="635"/>
      <c r="MA5" s="635"/>
      <c r="MB5" s="635"/>
      <c r="MC5" s="635"/>
      <c r="MD5" s="635"/>
      <c r="ME5" s="636"/>
      <c r="MF5" s="619"/>
      <c r="MG5" s="620"/>
      <c r="MH5" s="620"/>
      <c r="MI5" s="620"/>
      <c r="MJ5" s="620"/>
      <c r="MK5" s="620"/>
      <c r="ML5" s="620"/>
      <c r="MM5" s="620"/>
      <c r="MN5" s="620"/>
      <c r="MO5" s="620"/>
      <c r="MP5" s="621"/>
      <c r="MQ5" s="595" t="s">
        <v>57</v>
      </c>
      <c r="MR5" s="505"/>
      <c r="MS5" s="505"/>
      <c r="MT5" s="505"/>
      <c r="MU5" s="505"/>
      <c r="MV5" s="505"/>
      <c r="MW5" s="505"/>
      <c r="MX5" s="505"/>
      <c r="MY5" s="505"/>
      <c r="MZ5" s="505"/>
      <c r="NA5" s="506"/>
      <c r="NB5" s="595" t="s">
        <v>58</v>
      </c>
      <c r="NC5" s="505"/>
      <c r="ND5" s="505"/>
      <c r="NE5" s="505"/>
      <c r="NF5" s="505"/>
      <c r="NG5" s="505"/>
      <c r="NH5" s="505"/>
      <c r="NI5" s="505"/>
      <c r="NJ5" s="505"/>
      <c r="NK5" s="505"/>
      <c r="NL5" s="506"/>
      <c r="NM5" s="595" t="s">
        <v>59</v>
      </c>
      <c r="NN5" s="505"/>
      <c r="NO5" s="505"/>
      <c r="NP5" s="505"/>
      <c r="NQ5" s="505"/>
      <c r="NR5" s="505"/>
      <c r="NS5" s="505"/>
      <c r="NT5" s="505"/>
      <c r="NU5" s="505"/>
      <c r="NV5" s="505"/>
      <c r="NW5" s="506"/>
      <c r="NX5" s="644" t="s">
        <v>151</v>
      </c>
      <c r="NY5" s="645"/>
      <c r="NZ5" s="645"/>
      <c r="OA5" s="645"/>
      <c r="OB5" s="645"/>
      <c r="OC5" s="645"/>
      <c r="OD5" s="645"/>
      <c r="OE5" s="645"/>
      <c r="OF5" s="645"/>
      <c r="OG5" s="645"/>
      <c r="OH5" s="646"/>
      <c r="OI5" s="616"/>
      <c r="OJ5" s="617"/>
      <c r="OK5" s="617"/>
      <c r="OL5" s="617"/>
      <c r="OM5" s="617"/>
      <c r="ON5" s="617"/>
      <c r="OO5" s="617"/>
      <c r="OP5" s="617"/>
      <c r="OQ5" s="617"/>
      <c r="OR5" s="617"/>
      <c r="OS5" s="618"/>
    </row>
    <row r="6" spans="1:409" ht="21" customHeight="1" thickBot="1" x14ac:dyDescent="0.25">
      <c r="B6" s="657"/>
      <c r="C6" s="661"/>
      <c r="D6" s="661"/>
      <c r="E6" s="661"/>
      <c r="F6" s="661"/>
      <c r="G6" s="661"/>
      <c r="H6" s="661"/>
      <c r="I6" s="661"/>
      <c r="J6" s="661"/>
      <c r="K6" s="661"/>
      <c r="L6" s="661"/>
      <c r="M6" s="661"/>
      <c r="N6" s="596"/>
      <c r="O6" s="587"/>
      <c r="P6" s="587"/>
      <c r="Q6" s="587"/>
      <c r="R6" s="587"/>
      <c r="S6" s="587"/>
      <c r="T6" s="587"/>
      <c r="U6" s="587"/>
      <c r="V6" s="587"/>
      <c r="W6" s="587"/>
      <c r="X6" s="597"/>
      <c r="Y6" s="598" t="s">
        <v>70</v>
      </c>
      <c r="Z6" s="599"/>
      <c r="AA6" s="599"/>
      <c r="AB6" s="599"/>
      <c r="AC6" s="599"/>
      <c r="AD6" s="599"/>
      <c r="AE6" s="599"/>
      <c r="AF6" s="599"/>
      <c r="AG6" s="599"/>
      <c r="AH6" s="599"/>
      <c r="AI6" s="600"/>
      <c r="AJ6" s="665" t="s">
        <v>71</v>
      </c>
      <c r="AK6" s="666"/>
      <c r="AL6" s="666"/>
      <c r="AM6" s="666"/>
      <c r="AN6" s="666"/>
      <c r="AO6" s="666"/>
      <c r="AP6" s="666"/>
      <c r="AQ6" s="666"/>
      <c r="AR6" s="666"/>
      <c r="AS6" s="666"/>
      <c r="AT6" s="667"/>
      <c r="AU6" s="675" t="s">
        <v>72</v>
      </c>
      <c r="AV6" s="676"/>
      <c r="AW6" s="676"/>
      <c r="AX6" s="676"/>
      <c r="AY6" s="676"/>
      <c r="AZ6" s="676"/>
      <c r="BA6" s="676"/>
      <c r="BB6" s="676"/>
      <c r="BC6" s="676"/>
      <c r="BD6" s="676"/>
      <c r="BE6" s="677"/>
      <c r="BF6" s="675" t="s">
        <v>73</v>
      </c>
      <c r="BG6" s="676"/>
      <c r="BH6" s="676"/>
      <c r="BI6" s="676"/>
      <c r="BJ6" s="676"/>
      <c r="BK6" s="676"/>
      <c r="BL6" s="676"/>
      <c r="BM6" s="676"/>
      <c r="BN6" s="676"/>
      <c r="BO6" s="676"/>
      <c r="BP6" s="677"/>
      <c r="BQ6" s="675" t="s">
        <v>74</v>
      </c>
      <c r="BR6" s="676"/>
      <c r="BS6" s="676"/>
      <c r="BT6" s="676"/>
      <c r="BU6" s="676"/>
      <c r="BV6" s="676"/>
      <c r="BW6" s="676"/>
      <c r="BX6" s="676"/>
      <c r="BY6" s="676"/>
      <c r="BZ6" s="676"/>
      <c r="CA6" s="677"/>
      <c r="CB6" s="622"/>
      <c r="CC6" s="623"/>
      <c r="CD6" s="623"/>
      <c r="CE6" s="623"/>
      <c r="CF6" s="623"/>
      <c r="CG6" s="623"/>
      <c r="CH6" s="623"/>
      <c r="CI6" s="623"/>
      <c r="CJ6" s="623"/>
      <c r="CK6" s="623"/>
      <c r="CL6" s="624"/>
      <c r="CM6" s="675" t="s">
        <v>75</v>
      </c>
      <c r="CN6" s="676"/>
      <c r="CO6" s="676"/>
      <c r="CP6" s="676"/>
      <c r="CQ6" s="676"/>
      <c r="CR6" s="676"/>
      <c r="CS6" s="676"/>
      <c r="CT6" s="676"/>
      <c r="CU6" s="676"/>
      <c r="CV6" s="676"/>
      <c r="CW6" s="677"/>
      <c r="CX6" s="675" t="s">
        <v>76</v>
      </c>
      <c r="CY6" s="676"/>
      <c r="CZ6" s="676"/>
      <c r="DA6" s="676"/>
      <c r="DB6" s="676"/>
      <c r="DC6" s="676"/>
      <c r="DD6" s="676"/>
      <c r="DE6" s="676"/>
      <c r="DF6" s="676"/>
      <c r="DG6" s="676"/>
      <c r="DH6" s="677"/>
      <c r="DI6" s="622"/>
      <c r="DJ6" s="623"/>
      <c r="DK6" s="623"/>
      <c r="DL6" s="623"/>
      <c r="DM6" s="623"/>
      <c r="DN6" s="623"/>
      <c r="DO6" s="623"/>
      <c r="DP6" s="623"/>
      <c r="DQ6" s="623"/>
      <c r="DR6" s="623"/>
      <c r="DS6" s="623"/>
      <c r="DT6" s="675" t="s">
        <v>77</v>
      </c>
      <c r="DU6" s="676"/>
      <c r="DV6" s="676"/>
      <c r="DW6" s="676"/>
      <c r="DX6" s="676"/>
      <c r="DY6" s="676"/>
      <c r="DZ6" s="676"/>
      <c r="EA6" s="676"/>
      <c r="EB6" s="676"/>
      <c r="EC6" s="676"/>
      <c r="ED6" s="677"/>
      <c r="EE6" s="675" t="s">
        <v>78</v>
      </c>
      <c r="EF6" s="676"/>
      <c r="EG6" s="676"/>
      <c r="EH6" s="676"/>
      <c r="EI6" s="676"/>
      <c r="EJ6" s="676"/>
      <c r="EK6" s="676"/>
      <c r="EL6" s="676"/>
      <c r="EM6" s="676"/>
      <c r="EN6" s="676"/>
      <c r="EO6" s="677"/>
      <c r="EP6" s="675" t="s">
        <v>79</v>
      </c>
      <c r="EQ6" s="676"/>
      <c r="ER6" s="676"/>
      <c r="ES6" s="676"/>
      <c r="ET6" s="676"/>
      <c r="EU6" s="676"/>
      <c r="EV6" s="676"/>
      <c r="EW6" s="676"/>
      <c r="EX6" s="676"/>
      <c r="EY6" s="676"/>
      <c r="EZ6" s="677"/>
      <c r="FA6" s="678" t="s">
        <v>152</v>
      </c>
      <c r="FB6" s="676"/>
      <c r="FC6" s="676"/>
      <c r="FD6" s="676"/>
      <c r="FE6" s="676"/>
      <c r="FF6" s="676"/>
      <c r="FG6" s="676"/>
      <c r="FH6" s="676"/>
      <c r="FI6" s="676"/>
      <c r="FJ6" s="676"/>
      <c r="FK6" s="677"/>
      <c r="FL6" s="622"/>
      <c r="FM6" s="623"/>
      <c r="FN6" s="623"/>
      <c r="FO6" s="623"/>
      <c r="FP6" s="623"/>
      <c r="FQ6" s="623"/>
      <c r="FR6" s="623"/>
      <c r="FS6" s="623"/>
      <c r="FT6" s="623"/>
      <c r="FU6" s="623"/>
      <c r="FV6" s="623"/>
      <c r="FW6" s="675" t="s">
        <v>80</v>
      </c>
      <c r="FX6" s="676"/>
      <c r="FY6" s="676"/>
      <c r="FZ6" s="676"/>
      <c r="GA6" s="676"/>
      <c r="GB6" s="676"/>
      <c r="GC6" s="676"/>
      <c r="GD6" s="676"/>
      <c r="GE6" s="676"/>
      <c r="GF6" s="676"/>
      <c r="GG6" s="677"/>
      <c r="GH6" s="598" t="s">
        <v>81</v>
      </c>
      <c r="GI6" s="599"/>
      <c r="GJ6" s="599"/>
      <c r="GK6" s="599"/>
      <c r="GL6" s="599"/>
      <c r="GM6" s="599"/>
      <c r="GN6" s="599"/>
      <c r="GO6" s="599"/>
      <c r="GP6" s="599"/>
      <c r="GQ6" s="599"/>
      <c r="GR6" s="600"/>
      <c r="GS6" s="598" t="s">
        <v>82</v>
      </c>
      <c r="GT6" s="599"/>
      <c r="GU6" s="599"/>
      <c r="GV6" s="599"/>
      <c r="GW6" s="599"/>
      <c r="GX6" s="599"/>
      <c r="GY6" s="599"/>
      <c r="GZ6" s="599"/>
      <c r="HA6" s="599"/>
      <c r="HB6" s="599"/>
      <c r="HC6" s="600"/>
      <c r="HD6" s="668"/>
      <c r="HE6" s="669"/>
      <c r="HF6" s="669"/>
      <c r="HG6" s="669"/>
      <c r="HH6" s="669"/>
      <c r="HI6" s="669"/>
      <c r="HJ6" s="669"/>
      <c r="HK6" s="669"/>
      <c r="HL6" s="669"/>
      <c r="HM6" s="669"/>
      <c r="HN6" s="670"/>
      <c r="HO6" s="668"/>
      <c r="HP6" s="669"/>
      <c r="HQ6" s="669"/>
      <c r="HR6" s="669"/>
      <c r="HS6" s="669"/>
      <c r="HT6" s="669"/>
      <c r="HU6" s="669"/>
      <c r="HV6" s="669"/>
      <c r="HW6" s="669"/>
      <c r="HX6" s="669"/>
      <c r="HY6" s="670"/>
      <c r="HZ6" s="622"/>
      <c r="IA6" s="623"/>
      <c r="IB6" s="623"/>
      <c r="IC6" s="623"/>
      <c r="ID6" s="623"/>
      <c r="IE6" s="623"/>
      <c r="IF6" s="623"/>
      <c r="IG6" s="623"/>
      <c r="IH6" s="623"/>
      <c r="II6" s="623"/>
      <c r="IJ6" s="624"/>
      <c r="IK6" s="596"/>
      <c r="IL6" s="587"/>
      <c r="IM6" s="587"/>
      <c r="IN6" s="587"/>
      <c r="IO6" s="587"/>
      <c r="IP6" s="587"/>
      <c r="IQ6" s="587"/>
      <c r="IR6" s="587"/>
      <c r="IS6" s="587"/>
      <c r="IT6" s="587"/>
      <c r="IU6" s="597"/>
      <c r="IV6" s="596"/>
      <c r="IW6" s="587"/>
      <c r="IX6" s="587"/>
      <c r="IY6" s="587"/>
      <c r="IZ6" s="587"/>
      <c r="JA6" s="587"/>
      <c r="JB6" s="587"/>
      <c r="JC6" s="587"/>
      <c r="JD6" s="587"/>
      <c r="JE6" s="587"/>
      <c r="JF6" s="597"/>
      <c r="JG6" s="628"/>
      <c r="JH6" s="629"/>
      <c r="JI6" s="629"/>
      <c r="JJ6" s="629"/>
      <c r="JK6" s="629"/>
      <c r="JL6" s="629"/>
      <c r="JM6" s="629"/>
      <c r="JN6" s="629"/>
      <c r="JO6" s="629"/>
      <c r="JP6" s="629"/>
      <c r="JQ6" s="630"/>
      <c r="JR6" s="596"/>
      <c r="JS6" s="587"/>
      <c r="JT6" s="587"/>
      <c r="JU6" s="587"/>
      <c r="JV6" s="587"/>
      <c r="JW6" s="587"/>
      <c r="JX6" s="587"/>
      <c r="JY6" s="587"/>
      <c r="JZ6" s="587"/>
      <c r="KA6" s="587"/>
      <c r="KB6" s="597"/>
      <c r="KC6" s="596"/>
      <c r="KD6" s="587"/>
      <c r="KE6" s="587"/>
      <c r="KF6" s="587"/>
      <c r="KG6" s="587"/>
      <c r="KH6" s="587"/>
      <c r="KI6" s="587"/>
      <c r="KJ6" s="587"/>
      <c r="KK6" s="587"/>
      <c r="KL6" s="587"/>
      <c r="KM6" s="597"/>
      <c r="KN6" s="596"/>
      <c r="KO6" s="587"/>
      <c r="KP6" s="587"/>
      <c r="KQ6" s="587"/>
      <c r="KR6" s="587"/>
      <c r="KS6" s="587"/>
      <c r="KT6" s="587"/>
      <c r="KU6" s="587"/>
      <c r="KV6" s="587"/>
      <c r="KW6" s="587"/>
      <c r="KX6" s="597"/>
      <c r="KY6" s="596"/>
      <c r="KZ6" s="587"/>
      <c r="LA6" s="587"/>
      <c r="LB6" s="587"/>
      <c r="LC6" s="587"/>
      <c r="LD6" s="587"/>
      <c r="LE6" s="587"/>
      <c r="LF6" s="587"/>
      <c r="LG6" s="587"/>
      <c r="LH6" s="587"/>
      <c r="LI6" s="597"/>
      <c r="LJ6" s="622"/>
      <c r="LK6" s="623"/>
      <c r="LL6" s="623"/>
      <c r="LM6" s="623"/>
      <c r="LN6" s="623"/>
      <c r="LO6" s="623"/>
      <c r="LP6" s="623"/>
      <c r="LQ6" s="623"/>
      <c r="LR6" s="623"/>
      <c r="LS6" s="623"/>
      <c r="LT6" s="624"/>
      <c r="LU6" s="637"/>
      <c r="LV6" s="638"/>
      <c r="LW6" s="638"/>
      <c r="LX6" s="638"/>
      <c r="LY6" s="638"/>
      <c r="LZ6" s="638"/>
      <c r="MA6" s="638"/>
      <c r="MB6" s="638"/>
      <c r="MC6" s="638"/>
      <c r="MD6" s="638"/>
      <c r="ME6" s="639"/>
      <c r="MF6" s="622"/>
      <c r="MG6" s="623"/>
      <c r="MH6" s="623"/>
      <c r="MI6" s="623"/>
      <c r="MJ6" s="623"/>
      <c r="MK6" s="623"/>
      <c r="ML6" s="623"/>
      <c r="MM6" s="623"/>
      <c r="MN6" s="623"/>
      <c r="MO6" s="623"/>
      <c r="MP6" s="624"/>
      <c r="MQ6" s="596"/>
      <c r="MR6" s="587"/>
      <c r="MS6" s="587"/>
      <c r="MT6" s="587"/>
      <c r="MU6" s="587"/>
      <c r="MV6" s="587"/>
      <c r="MW6" s="587"/>
      <c r="MX6" s="587"/>
      <c r="MY6" s="587"/>
      <c r="MZ6" s="587"/>
      <c r="NA6" s="597"/>
      <c r="NB6" s="596"/>
      <c r="NC6" s="587"/>
      <c r="ND6" s="587"/>
      <c r="NE6" s="587"/>
      <c r="NF6" s="587"/>
      <c r="NG6" s="587"/>
      <c r="NH6" s="587"/>
      <c r="NI6" s="587"/>
      <c r="NJ6" s="587"/>
      <c r="NK6" s="587"/>
      <c r="NL6" s="597"/>
      <c r="NM6" s="596"/>
      <c r="NN6" s="587"/>
      <c r="NO6" s="587"/>
      <c r="NP6" s="587"/>
      <c r="NQ6" s="587"/>
      <c r="NR6" s="587"/>
      <c r="NS6" s="587"/>
      <c r="NT6" s="587"/>
      <c r="NU6" s="587"/>
      <c r="NV6" s="587"/>
      <c r="NW6" s="597"/>
      <c r="NX6" s="647"/>
      <c r="NY6" s="648"/>
      <c r="NZ6" s="648"/>
      <c r="OA6" s="648"/>
      <c r="OB6" s="648"/>
      <c r="OC6" s="648"/>
      <c r="OD6" s="648"/>
      <c r="OE6" s="648"/>
      <c r="OF6" s="648"/>
      <c r="OG6" s="648"/>
      <c r="OH6" s="649"/>
      <c r="OI6" s="596"/>
      <c r="OJ6" s="587"/>
      <c r="OK6" s="587"/>
      <c r="OL6" s="587"/>
      <c r="OM6" s="587"/>
      <c r="ON6" s="587"/>
      <c r="OO6" s="587"/>
      <c r="OP6" s="587"/>
      <c r="OQ6" s="587"/>
      <c r="OR6" s="587"/>
      <c r="OS6" s="597"/>
    </row>
    <row r="7" spans="1:409" ht="21" customHeight="1" x14ac:dyDescent="0.2">
      <c r="B7" s="657"/>
      <c r="C7" s="578" t="s">
        <v>61</v>
      </c>
      <c r="D7" s="578"/>
      <c r="E7" s="578"/>
      <c r="F7" s="577" t="s">
        <v>62</v>
      </c>
      <c r="G7" s="578"/>
      <c r="H7" s="578"/>
      <c r="I7" s="578"/>
      <c r="J7" s="578"/>
      <c r="K7" s="578"/>
      <c r="L7" s="578"/>
      <c r="M7" s="577" t="s">
        <v>52</v>
      </c>
      <c r="N7" s="672" t="s">
        <v>61</v>
      </c>
      <c r="O7" s="578"/>
      <c r="P7" s="578"/>
      <c r="Q7" s="577" t="s">
        <v>62</v>
      </c>
      <c r="R7" s="578"/>
      <c r="S7" s="578"/>
      <c r="T7" s="578"/>
      <c r="U7" s="578"/>
      <c r="V7" s="578"/>
      <c r="W7" s="579"/>
      <c r="X7" s="613" t="s">
        <v>52</v>
      </c>
      <c r="Y7" s="596" t="s">
        <v>61</v>
      </c>
      <c r="Z7" s="587"/>
      <c r="AA7" s="588"/>
      <c r="AB7" s="586" t="s">
        <v>62</v>
      </c>
      <c r="AC7" s="587"/>
      <c r="AD7" s="587"/>
      <c r="AE7" s="587"/>
      <c r="AF7" s="587"/>
      <c r="AG7" s="587"/>
      <c r="AH7" s="588"/>
      <c r="AI7" s="597" t="s">
        <v>52</v>
      </c>
      <c r="AJ7" s="574" t="s">
        <v>61</v>
      </c>
      <c r="AK7" s="575"/>
      <c r="AL7" s="576"/>
      <c r="AM7" s="611" t="s">
        <v>62</v>
      </c>
      <c r="AN7" s="575"/>
      <c r="AO7" s="575"/>
      <c r="AP7" s="575"/>
      <c r="AQ7" s="575"/>
      <c r="AR7" s="575"/>
      <c r="AS7" s="612"/>
      <c r="AT7" s="673" t="s">
        <v>52</v>
      </c>
      <c r="AU7" s="591" t="s">
        <v>61</v>
      </c>
      <c r="AV7" s="584"/>
      <c r="AW7" s="585"/>
      <c r="AX7" s="614" t="s">
        <v>62</v>
      </c>
      <c r="AY7" s="584"/>
      <c r="AZ7" s="584"/>
      <c r="BA7" s="584"/>
      <c r="BB7" s="584"/>
      <c r="BC7" s="584"/>
      <c r="BD7" s="615"/>
      <c r="BE7" s="597" t="s">
        <v>52</v>
      </c>
      <c r="BF7" s="591" t="s">
        <v>61</v>
      </c>
      <c r="BG7" s="584"/>
      <c r="BH7" s="585"/>
      <c r="BI7" s="614" t="s">
        <v>62</v>
      </c>
      <c r="BJ7" s="584"/>
      <c r="BK7" s="584"/>
      <c r="BL7" s="584"/>
      <c r="BM7" s="584"/>
      <c r="BN7" s="584"/>
      <c r="BO7" s="615"/>
      <c r="BP7" s="597" t="s">
        <v>52</v>
      </c>
      <c r="BQ7" s="591" t="s">
        <v>61</v>
      </c>
      <c r="BR7" s="584"/>
      <c r="BS7" s="585"/>
      <c r="BT7" s="614" t="s">
        <v>62</v>
      </c>
      <c r="BU7" s="584"/>
      <c r="BV7" s="584"/>
      <c r="BW7" s="584"/>
      <c r="BX7" s="584"/>
      <c r="BY7" s="584"/>
      <c r="BZ7" s="615"/>
      <c r="CA7" s="597" t="s">
        <v>52</v>
      </c>
      <c r="CB7" s="574" t="s">
        <v>61</v>
      </c>
      <c r="CC7" s="575"/>
      <c r="CD7" s="576"/>
      <c r="CE7" s="611" t="s">
        <v>62</v>
      </c>
      <c r="CF7" s="575"/>
      <c r="CG7" s="575"/>
      <c r="CH7" s="575"/>
      <c r="CI7" s="575"/>
      <c r="CJ7" s="575"/>
      <c r="CK7" s="612"/>
      <c r="CL7" s="613" t="s">
        <v>52</v>
      </c>
      <c r="CM7" s="591" t="s">
        <v>61</v>
      </c>
      <c r="CN7" s="584"/>
      <c r="CO7" s="615"/>
      <c r="CP7" s="614" t="s">
        <v>62</v>
      </c>
      <c r="CQ7" s="584"/>
      <c r="CR7" s="584"/>
      <c r="CS7" s="584"/>
      <c r="CT7" s="584"/>
      <c r="CU7" s="584"/>
      <c r="CV7" s="615"/>
      <c r="CW7" s="609" t="s">
        <v>52</v>
      </c>
      <c r="CX7" s="591" t="s">
        <v>61</v>
      </c>
      <c r="CY7" s="584"/>
      <c r="CZ7" s="615"/>
      <c r="DA7" s="614" t="s">
        <v>62</v>
      </c>
      <c r="DB7" s="584"/>
      <c r="DC7" s="584"/>
      <c r="DD7" s="584"/>
      <c r="DE7" s="584"/>
      <c r="DF7" s="584"/>
      <c r="DG7" s="615"/>
      <c r="DH7" s="609" t="s">
        <v>52</v>
      </c>
      <c r="DI7" s="574" t="s">
        <v>61</v>
      </c>
      <c r="DJ7" s="575"/>
      <c r="DK7" s="612"/>
      <c r="DL7" s="611" t="s">
        <v>62</v>
      </c>
      <c r="DM7" s="575"/>
      <c r="DN7" s="575"/>
      <c r="DO7" s="575"/>
      <c r="DP7" s="575"/>
      <c r="DQ7" s="575"/>
      <c r="DR7" s="612"/>
      <c r="DS7" s="613" t="s">
        <v>52</v>
      </c>
      <c r="DT7" s="591" t="s">
        <v>61</v>
      </c>
      <c r="DU7" s="584"/>
      <c r="DV7" s="585"/>
      <c r="DW7" s="614" t="s">
        <v>62</v>
      </c>
      <c r="DX7" s="584"/>
      <c r="DY7" s="584"/>
      <c r="DZ7" s="584"/>
      <c r="EA7" s="584"/>
      <c r="EB7" s="584"/>
      <c r="EC7" s="615"/>
      <c r="ED7" s="597" t="s">
        <v>52</v>
      </c>
      <c r="EE7" s="591" t="s">
        <v>61</v>
      </c>
      <c r="EF7" s="584"/>
      <c r="EG7" s="585"/>
      <c r="EH7" s="614" t="s">
        <v>62</v>
      </c>
      <c r="EI7" s="584"/>
      <c r="EJ7" s="584"/>
      <c r="EK7" s="584"/>
      <c r="EL7" s="584"/>
      <c r="EM7" s="584"/>
      <c r="EN7" s="615"/>
      <c r="EO7" s="597" t="s">
        <v>52</v>
      </c>
      <c r="EP7" s="591" t="s">
        <v>61</v>
      </c>
      <c r="EQ7" s="584"/>
      <c r="ER7" s="585"/>
      <c r="ES7" s="614" t="s">
        <v>62</v>
      </c>
      <c r="ET7" s="584"/>
      <c r="EU7" s="584"/>
      <c r="EV7" s="584"/>
      <c r="EW7" s="584"/>
      <c r="EX7" s="584"/>
      <c r="EY7" s="615"/>
      <c r="EZ7" s="597" t="s">
        <v>52</v>
      </c>
      <c r="FA7" s="591" t="s">
        <v>61</v>
      </c>
      <c r="FB7" s="584"/>
      <c r="FC7" s="585"/>
      <c r="FD7" s="614" t="s">
        <v>62</v>
      </c>
      <c r="FE7" s="584"/>
      <c r="FF7" s="584"/>
      <c r="FG7" s="584"/>
      <c r="FH7" s="584"/>
      <c r="FI7" s="584"/>
      <c r="FJ7" s="615"/>
      <c r="FK7" s="597" t="s">
        <v>52</v>
      </c>
      <c r="FL7" s="574" t="s">
        <v>61</v>
      </c>
      <c r="FM7" s="575"/>
      <c r="FN7" s="576"/>
      <c r="FO7" s="611" t="s">
        <v>62</v>
      </c>
      <c r="FP7" s="575"/>
      <c r="FQ7" s="575"/>
      <c r="FR7" s="575"/>
      <c r="FS7" s="575"/>
      <c r="FT7" s="575"/>
      <c r="FU7" s="612"/>
      <c r="FV7" s="578" t="s">
        <v>52</v>
      </c>
      <c r="FW7" s="591" t="s">
        <v>61</v>
      </c>
      <c r="FX7" s="584"/>
      <c r="FY7" s="585"/>
      <c r="FZ7" s="614" t="s">
        <v>62</v>
      </c>
      <c r="GA7" s="584"/>
      <c r="GB7" s="584"/>
      <c r="GC7" s="584"/>
      <c r="GD7" s="584"/>
      <c r="GE7" s="584"/>
      <c r="GF7" s="615"/>
      <c r="GG7" s="597" t="s">
        <v>52</v>
      </c>
      <c r="GH7" s="596" t="s">
        <v>61</v>
      </c>
      <c r="GI7" s="587"/>
      <c r="GJ7" s="587"/>
      <c r="GK7" s="586" t="s">
        <v>62</v>
      </c>
      <c r="GL7" s="587"/>
      <c r="GM7" s="587"/>
      <c r="GN7" s="587"/>
      <c r="GO7" s="587"/>
      <c r="GP7" s="587"/>
      <c r="GQ7" s="588"/>
      <c r="GR7" s="654" t="s">
        <v>52</v>
      </c>
      <c r="GS7" s="596" t="s">
        <v>61</v>
      </c>
      <c r="GT7" s="587"/>
      <c r="GU7" s="588"/>
      <c r="GV7" s="586" t="s">
        <v>62</v>
      </c>
      <c r="GW7" s="587"/>
      <c r="GX7" s="587"/>
      <c r="GY7" s="587"/>
      <c r="GZ7" s="587"/>
      <c r="HA7" s="587"/>
      <c r="HB7" s="588"/>
      <c r="HC7" s="654" t="s">
        <v>52</v>
      </c>
      <c r="HD7" s="591" t="s">
        <v>61</v>
      </c>
      <c r="HE7" s="584"/>
      <c r="HF7" s="585"/>
      <c r="HG7" s="614" t="s">
        <v>62</v>
      </c>
      <c r="HH7" s="584"/>
      <c r="HI7" s="584"/>
      <c r="HJ7" s="584"/>
      <c r="HK7" s="584"/>
      <c r="HL7" s="584"/>
      <c r="HM7" s="615"/>
      <c r="HN7" s="597" t="s">
        <v>52</v>
      </c>
      <c r="HO7" s="591" t="s">
        <v>61</v>
      </c>
      <c r="HP7" s="584"/>
      <c r="HQ7" s="585"/>
      <c r="HR7" s="614" t="s">
        <v>62</v>
      </c>
      <c r="HS7" s="584"/>
      <c r="HT7" s="584"/>
      <c r="HU7" s="584"/>
      <c r="HV7" s="584"/>
      <c r="HW7" s="584"/>
      <c r="HX7" s="615"/>
      <c r="HY7" s="597" t="s">
        <v>52</v>
      </c>
      <c r="HZ7" s="574" t="s">
        <v>61</v>
      </c>
      <c r="IA7" s="575"/>
      <c r="IB7" s="576"/>
      <c r="IC7" s="611" t="s">
        <v>62</v>
      </c>
      <c r="ID7" s="575"/>
      <c r="IE7" s="575"/>
      <c r="IF7" s="575"/>
      <c r="IG7" s="575"/>
      <c r="IH7" s="575"/>
      <c r="II7" s="612"/>
      <c r="IJ7" s="578" t="s">
        <v>52</v>
      </c>
      <c r="IK7" s="591" t="s">
        <v>61</v>
      </c>
      <c r="IL7" s="584"/>
      <c r="IM7" s="585"/>
      <c r="IN7" s="614" t="s">
        <v>62</v>
      </c>
      <c r="IO7" s="584"/>
      <c r="IP7" s="584"/>
      <c r="IQ7" s="584"/>
      <c r="IR7" s="584"/>
      <c r="IS7" s="584"/>
      <c r="IT7" s="615"/>
      <c r="IU7" s="597" t="s">
        <v>52</v>
      </c>
      <c r="IV7" s="591" t="s">
        <v>61</v>
      </c>
      <c r="IW7" s="584"/>
      <c r="IX7" s="615"/>
      <c r="IY7" s="614" t="s">
        <v>62</v>
      </c>
      <c r="IZ7" s="584"/>
      <c r="JA7" s="584"/>
      <c r="JB7" s="584"/>
      <c r="JC7" s="584"/>
      <c r="JD7" s="584"/>
      <c r="JE7" s="615"/>
      <c r="JF7" s="597" t="s">
        <v>52</v>
      </c>
      <c r="JG7" s="591" t="s">
        <v>61</v>
      </c>
      <c r="JH7" s="584"/>
      <c r="JI7" s="585"/>
      <c r="JJ7" s="614" t="s">
        <v>62</v>
      </c>
      <c r="JK7" s="584"/>
      <c r="JL7" s="584"/>
      <c r="JM7" s="584"/>
      <c r="JN7" s="584"/>
      <c r="JO7" s="584"/>
      <c r="JP7" s="615"/>
      <c r="JQ7" s="609" t="s">
        <v>52</v>
      </c>
      <c r="JR7" s="591" t="s">
        <v>61</v>
      </c>
      <c r="JS7" s="584"/>
      <c r="JT7" s="585"/>
      <c r="JU7" s="614" t="s">
        <v>62</v>
      </c>
      <c r="JV7" s="584"/>
      <c r="JW7" s="584"/>
      <c r="JX7" s="584"/>
      <c r="JY7" s="584"/>
      <c r="JZ7" s="584"/>
      <c r="KA7" s="615"/>
      <c r="KB7" s="609" t="s">
        <v>52</v>
      </c>
      <c r="KC7" s="591" t="s">
        <v>61</v>
      </c>
      <c r="KD7" s="584"/>
      <c r="KE7" s="585"/>
      <c r="KF7" s="614" t="s">
        <v>62</v>
      </c>
      <c r="KG7" s="584"/>
      <c r="KH7" s="584"/>
      <c r="KI7" s="584"/>
      <c r="KJ7" s="584"/>
      <c r="KK7" s="584"/>
      <c r="KL7" s="615"/>
      <c r="KM7" s="609" t="s">
        <v>52</v>
      </c>
      <c r="KN7" s="591" t="s">
        <v>61</v>
      </c>
      <c r="KO7" s="584"/>
      <c r="KP7" s="585"/>
      <c r="KQ7" s="614" t="s">
        <v>62</v>
      </c>
      <c r="KR7" s="584"/>
      <c r="KS7" s="584"/>
      <c r="KT7" s="584"/>
      <c r="KU7" s="584"/>
      <c r="KV7" s="584"/>
      <c r="KW7" s="615"/>
      <c r="KX7" s="609" t="s">
        <v>52</v>
      </c>
      <c r="KY7" s="591" t="s">
        <v>61</v>
      </c>
      <c r="KZ7" s="584"/>
      <c r="LA7" s="585"/>
      <c r="LB7" s="614" t="s">
        <v>62</v>
      </c>
      <c r="LC7" s="584"/>
      <c r="LD7" s="584"/>
      <c r="LE7" s="584"/>
      <c r="LF7" s="584"/>
      <c r="LG7" s="584"/>
      <c r="LH7" s="615"/>
      <c r="LI7" s="609" t="s">
        <v>52</v>
      </c>
      <c r="LJ7" s="591" t="s">
        <v>61</v>
      </c>
      <c r="LK7" s="584"/>
      <c r="LL7" s="585"/>
      <c r="LM7" s="614" t="s">
        <v>62</v>
      </c>
      <c r="LN7" s="584"/>
      <c r="LO7" s="584"/>
      <c r="LP7" s="584"/>
      <c r="LQ7" s="584"/>
      <c r="LR7" s="584"/>
      <c r="LS7" s="615"/>
      <c r="LT7" s="609" t="s">
        <v>52</v>
      </c>
      <c r="LU7" s="591" t="s">
        <v>61</v>
      </c>
      <c r="LV7" s="584"/>
      <c r="LW7" s="585"/>
      <c r="LX7" s="614" t="s">
        <v>62</v>
      </c>
      <c r="LY7" s="584"/>
      <c r="LZ7" s="584"/>
      <c r="MA7" s="584"/>
      <c r="MB7" s="584"/>
      <c r="MC7" s="584"/>
      <c r="MD7" s="615"/>
      <c r="ME7" s="609" t="s">
        <v>52</v>
      </c>
      <c r="MF7" s="574" t="s">
        <v>61</v>
      </c>
      <c r="MG7" s="575"/>
      <c r="MH7" s="576"/>
      <c r="MI7" s="611" t="s">
        <v>62</v>
      </c>
      <c r="MJ7" s="575"/>
      <c r="MK7" s="575"/>
      <c r="ML7" s="575"/>
      <c r="MM7" s="575"/>
      <c r="MN7" s="575"/>
      <c r="MO7" s="612"/>
      <c r="MP7" s="613" t="s">
        <v>52</v>
      </c>
      <c r="MQ7" s="591" t="s">
        <v>61</v>
      </c>
      <c r="MR7" s="584"/>
      <c r="MS7" s="585"/>
      <c r="MT7" s="614" t="s">
        <v>62</v>
      </c>
      <c r="MU7" s="584"/>
      <c r="MV7" s="584"/>
      <c r="MW7" s="584"/>
      <c r="MX7" s="584"/>
      <c r="MY7" s="584"/>
      <c r="MZ7" s="615"/>
      <c r="NA7" s="609" t="s">
        <v>52</v>
      </c>
      <c r="NB7" s="591" t="s">
        <v>61</v>
      </c>
      <c r="NC7" s="584"/>
      <c r="ND7" s="585"/>
      <c r="NE7" s="614" t="s">
        <v>62</v>
      </c>
      <c r="NF7" s="584"/>
      <c r="NG7" s="584"/>
      <c r="NH7" s="584"/>
      <c r="NI7" s="584"/>
      <c r="NJ7" s="584"/>
      <c r="NK7" s="615"/>
      <c r="NL7" s="609" t="s">
        <v>52</v>
      </c>
      <c r="NM7" s="591" t="s">
        <v>61</v>
      </c>
      <c r="NN7" s="584"/>
      <c r="NO7" s="585"/>
      <c r="NP7" s="614" t="s">
        <v>62</v>
      </c>
      <c r="NQ7" s="584"/>
      <c r="NR7" s="584"/>
      <c r="NS7" s="584"/>
      <c r="NT7" s="584"/>
      <c r="NU7" s="584"/>
      <c r="NV7" s="615"/>
      <c r="NW7" s="609" t="s">
        <v>52</v>
      </c>
      <c r="NX7" s="591" t="s">
        <v>61</v>
      </c>
      <c r="NY7" s="584"/>
      <c r="NZ7" s="585"/>
      <c r="OA7" s="614" t="s">
        <v>62</v>
      </c>
      <c r="OB7" s="584"/>
      <c r="OC7" s="584"/>
      <c r="OD7" s="584"/>
      <c r="OE7" s="584"/>
      <c r="OF7" s="584"/>
      <c r="OG7" s="615"/>
      <c r="OH7" s="609" t="s">
        <v>52</v>
      </c>
      <c r="OI7" s="574" t="s">
        <v>61</v>
      </c>
      <c r="OJ7" s="575"/>
      <c r="OK7" s="576"/>
      <c r="OL7" s="611" t="s">
        <v>62</v>
      </c>
      <c r="OM7" s="575"/>
      <c r="ON7" s="575"/>
      <c r="OO7" s="575"/>
      <c r="OP7" s="575"/>
      <c r="OQ7" s="575"/>
      <c r="OR7" s="612"/>
      <c r="OS7" s="613" t="s">
        <v>52</v>
      </c>
    </row>
    <row r="8" spans="1:409" ht="30" customHeight="1" thickBot="1" x14ac:dyDescent="0.25">
      <c r="B8" s="658"/>
      <c r="C8" s="65" t="s">
        <v>43</v>
      </c>
      <c r="D8" s="16" t="s">
        <v>44</v>
      </c>
      <c r="E8" s="41" t="s">
        <v>45</v>
      </c>
      <c r="F8" s="42" t="s">
        <v>83</v>
      </c>
      <c r="G8" s="16" t="s">
        <v>47</v>
      </c>
      <c r="H8" s="16" t="s">
        <v>48</v>
      </c>
      <c r="I8" s="16" t="s">
        <v>49</v>
      </c>
      <c r="J8" s="16" t="s">
        <v>50</v>
      </c>
      <c r="K8" s="16" t="s">
        <v>51</v>
      </c>
      <c r="L8" s="17" t="s">
        <v>45</v>
      </c>
      <c r="M8" s="671"/>
      <c r="N8" s="40" t="s">
        <v>43</v>
      </c>
      <c r="O8" s="16" t="s">
        <v>44</v>
      </c>
      <c r="P8" s="17" t="s">
        <v>45</v>
      </c>
      <c r="Q8" s="42" t="s">
        <v>83</v>
      </c>
      <c r="R8" s="16" t="s">
        <v>47</v>
      </c>
      <c r="S8" s="16" t="s">
        <v>48</v>
      </c>
      <c r="T8" s="16" t="s">
        <v>49</v>
      </c>
      <c r="U8" s="16" t="s">
        <v>50</v>
      </c>
      <c r="V8" s="16" t="s">
        <v>51</v>
      </c>
      <c r="W8" s="17" t="s">
        <v>45</v>
      </c>
      <c r="X8" s="652"/>
      <c r="Y8" s="40" t="s">
        <v>43</v>
      </c>
      <c r="Z8" s="16" t="s">
        <v>44</v>
      </c>
      <c r="AA8" s="17" t="s">
        <v>45</v>
      </c>
      <c r="AB8" s="42" t="s">
        <v>83</v>
      </c>
      <c r="AC8" s="16" t="s">
        <v>47</v>
      </c>
      <c r="AD8" s="16" t="s">
        <v>48</v>
      </c>
      <c r="AE8" s="16" t="s">
        <v>49</v>
      </c>
      <c r="AF8" s="16" t="s">
        <v>50</v>
      </c>
      <c r="AG8" s="16" t="s">
        <v>51</v>
      </c>
      <c r="AH8" s="17" t="s">
        <v>45</v>
      </c>
      <c r="AI8" s="653"/>
      <c r="AJ8" s="40" t="s">
        <v>43</v>
      </c>
      <c r="AK8" s="16" t="s">
        <v>44</v>
      </c>
      <c r="AL8" s="41" t="s">
        <v>45</v>
      </c>
      <c r="AM8" s="42" t="s">
        <v>83</v>
      </c>
      <c r="AN8" s="16" t="s">
        <v>47</v>
      </c>
      <c r="AO8" s="16" t="s">
        <v>48</v>
      </c>
      <c r="AP8" s="16" t="s">
        <v>49</v>
      </c>
      <c r="AQ8" s="16" t="s">
        <v>50</v>
      </c>
      <c r="AR8" s="16" t="s">
        <v>51</v>
      </c>
      <c r="AS8" s="17" t="s">
        <v>45</v>
      </c>
      <c r="AT8" s="653"/>
      <c r="AU8" s="40" t="s">
        <v>43</v>
      </c>
      <c r="AV8" s="16" t="s">
        <v>44</v>
      </c>
      <c r="AW8" s="41" t="s">
        <v>45</v>
      </c>
      <c r="AX8" s="42" t="s">
        <v>83</v>
      </c>
      <c r="AY8" s="16" t="s">
        <v>47</v>
      </c>
      <c r="AZ8" s="16" t="s">
        <v>48</v>
      </c>
      <c r="BA8" s="16" t="s">
        <v>49</v>
      </c>
      <c r="BB8" s="16" t="s">
        <v>50</v>
      </c>
      <c r="BC8" s="16" t="s">
        <v>51</v>
      </c>
      <c r="BD8" s="17" t="s">
        <v>45</v>
      </c>
      <c r="BE8" s="653"/>
      <c r="BF8" s="61" t="s">
        <v>43</v>
      </c>
      <c r="BG8" s="16" t="s">
        <v>44</v>
      </c>
      <c r="BH8" s="41" t="s">
        <v>45</v>
      </c>
      <c r="BI8" s="42" t="s">
        <v>83</v>
      </c>
      <c r="BJ8" s="16" t="s">
        <v>47</v>
      </c>
      <c r="BK8" s="16" t="s">
        <v>48</v>
      </c>
      <c r="BL8" s="16" t="s">
        <v>49</v>
      </c>
      <c r="BM8" s="16" t="s">
        <v>50</v>
      </c>
      <c r="BN8" s="16" t="s">
        <v>51</v>
      </c>
      <c r="BO8" s="17" t="s">
        <v>45</v>
      </c>
      <c r="BP8" s="653"/>
      <c r="BQ8" s="40" t="s">
        <v>43</v>
      </c>
      <c r="BR8" s="16" t="s">
        <v>44</v>
      </c>
      <c r="BS8" s="41" t="s">
        <v>45</v>
      </c>
      <c r="BT8" s="42" t="s">
        <v>83</v>
      </c>
      <c r="BU8" s="16" t="s">
        <v>47</v>
      </c>
      <c r="BV8" s="16" t="s">
        <v>48</v>
      </c>
      <c r="BW8" s="16" t="s">
        <v>49</v>
      </c>
      <c r="BX8" s="16" t="s">
        <v>50</v>
      </c>
      <c r="BY8" s="16" t="s">
        <v>51</v>
      </c>
      <c r="BZ8" s="17" t="s">
        <v>45</v>
      </c>
      <c r="CA8" s="653"/>
      <c r="CB8" s="40" t="s">
        <v>43</v>
      </c>
      <c r="CC8" s="16" t="s">
        <v>44</v>
      </c>
      <c r="CD8" s="41" t="s">
        <v>45</v>
      </c>
      <c r="CE8" s="42" t="s">
        <v>83</v>
      </c>
      <c r="CF8" s="16" t="s">
        <v>47</v>
      </c>
      <c r="CG8" s="16" t="s">
        <v>48</v>
      </c>
      <c r="CH8" s="16" t="s">
        <v>49</v>
      </c>
      <c r="CI8" s="16" t="s">
        <v>50</v>
      </c>
      <c r="CJ8" s="16" t="s">
        <v>51</v>
      </c>
      <c r="CK8" s="17" t="s">
        <v>45</v>
      </c>
      <c r="CL8" s="652"/>
      <c r="CM8" s="40" t="s">
        <v>43</v>
      </c>
      <c r="CN8" s="16" t="s">
        <v>44</v>
      </c>
      <c r="CO8" s="17" t="s">
        <v>45</v>
      </c>
      <c r="CP8" s="42" t="s">
        <v>83</v>
      </c>
      <c r="CQ8" s="16" t="s">
        <v>47</v>
      </c>
      <c r="CR8" s="16" t="s">
        <v>48</v>
      </c>
      <c r="CS8" s="16" t="s">
        <v>49</v>
      </c>
      <c r="CT8" s="16" t="s">
        <v>50</v>
      </c>
      <c r="CU8" s="16" t="s">
        <v>51</v>
      </c>
      <c r="CV8" s="17" t="s">
        <v>45</v>
      </c>
      <c r="CW8" s="652"/>
      <c r="CX8" s="40" t="s">
        <v>43</v>
      </c>
      <c r="CY8" s="16" t="s">
        <v>44</v>
      </c>
      <c r="CZ8" s="17" t="s">
        <v>45</v>
      </c>
      <c r="DA8" s="42" t="s">
        <v>83</v>
      </c>
      <c r="DB8" s="16" t="s">
        <v>47</v>
      </c>
      <c r="DC8" s="16" t="s">
        <v>48</v>
      </c>
      <c r="DD8" s="16" t="s">
        <v>49</v>
      </c>
      <c r="DE8" s="16" t="s">
        <v>50</v>
      </c>
      <c r="DF8" s="16" t="s">
        <v>51</v>
      </c>
      <c r="DG8" s="17" t="s">
        <v>45</v>
      </c>
      <c r="DH8" s="652"/>
      <c r="DI8" s="40" t="s">
        <v>43</v>
      </c>
      <c r="DJ8" s="16" t="s">
        <v>44</v>
      </c>
      <c r="DK8" s="17" t="s">
        <v>45</v>
      </c>
      <c r="DL8" s="42" t="s">
        <v>83</v>
      </c>
      <c r="DM8" s="16" t="s">
        <v>47</v>
      </c>
      <c r="DN8" s="16" t="s">
        <v>48</v>
      </c>
      <c r="DO8" s="16" t="s">
        <v>49</v>
      </c>
      <c r="DP8" s="16" t="s">
        <v>50</v>
      </c>
      <c r="DQ8" s="16" t="s">
        <v>51</v>
      </c>
      <c r="DR8" s="17" t="s">
        <v>45</v>
      </c>
      <c r="DS8" s="652"/>
      <c r="DT8" s="40" t="s">
        <v>43</v>
      </c>
      <c r="DU8" s="16" t="s">
        <v>44</v>
      </c>
      <c r="DV8" s="41" t="s">
        <v>45</v>
      </c>
      <c r="DW8" s="42" t="s">
        <v>83</v>
      </c>
      <c r="DX8" s="16" t="s">
        <v>47</v>
      </c>
      <c r="DY8" s="16" t="s">
        <v>48</v>
      </c>
      <c r="DZ8" s="16" t="s">
        <v>49</v>
      </c>
      <c r="EA8" s="16" t="s">
        <v>50</v>
      </c>
      <c r="EB8" s="16" t="s">
        <v>51</v>
      </c>
      <c r="EC8" s="17" t="s">
        <v>45</v>
      </c>
      <c r="ED8" s="653"/>
      <c r="EE8" s="40" t="s">
        <v>43</v>
      </c>
      <c r="EF8" s="16" t="s">
        <v>44</v>
      </c>
      <c r="EG8" s="41" t="s">
        <v>45</v>
      </c>
      <c r="EH8" s="42" t="s">
        <v>83</v>
      </c>
      <c r="EI8" s="16" t="s">
        <v>47</v>
      </c>
      <c r="EJ8" s="16" t="s">
        <v>48</v>
      </c>
      <c r="EK8" s="16" t="s">
        <v>49</v>
      </c>
      <c r="EL8" s="16" t="s">
        <v>50</v>
      </c>
      <c r="EM8" s="16" t="s">
        <v>51</v>
      </c>
      <c r="EN8" s="17" t="s">
        <v>45</v>
      </c>
      <c r="EO8" s="653"/>
      <c r="EP8" s="40" t="s">
        <v>43</v>
      </c>
      <c r="EQ8" s="16" t="s">
        <v>44</v>
      </c>
      <c r="ER8" s="41" t="s">
        <v>45</v>
      </c>
      <c r="ES8" s="42" t="s">
        <v>83</v>
      </c>
      <c r="ET8" s="16" t="s">
        <v>47</v>
      </c>
      <c r="EU8" s="16" t="s">
        <v>48</v>
      </c>
      <c r="EV8" s="16" t="s">
        <v>49</v>
      </c>
      <c r="EW8" s="16" t="s">
        <v>50</v>
      </c>
      <c r="EX8" s="16" t="s">
        <v>51</v>
      </c>
      <c r="EY8" s="17" t="s">
        <v>45</v>
      </c>
      <c r="EZ8" s="653"/>
      <c r="FA8" s="40" t="s">
        <v>43</v>
      </c>
      <c r="FB8" s="16" t="s">
        <v>44</v>
      </c>
      <c r="FC8" s="41" t="s">
        <v>45</v>
      </c>
      <c r="FD8" s="42" t="s">
        <v>83</v>
      </c>
      <c r="FE8" s="16" t="s">
        <v>47</v>
      </c>
      <c r="FF8" s="16" t="s">
        <v>48</v>
      </c>
      <c r="FG8" s="16" t="s">
        <v>49</v>
      </c>
      <c r="FH8" s="16" t="s">
        <v>50</v>
      </c>
      <c r="FI8" s="16" t="s">
        <v>51</v>
      </c>
      <c r="FJ8" s="17" t="s">
        <v>45</v>
      </c>
      <c r="FK8" s="653"/>
      <c r="FL8" s="40" t="s">
        <v>43</v>
      </c>
      <c r="FM8" s="16" t="s">
        <v>44</v>
      </c>
      <c r="FN8" s="41" t="s">
        <v>45</v>
      </c>
      <c r="FO8" s="42" t="s">
        <v>83</v>
      </c>
      <c r="FP8" s="16" t="s">
        <v>47</v>
      </c>
      <c r="FQ8" s="16" t="s">
        <v>48</v>
      </c>
      <c r="FR8" s="16" t="s">
        <v>49</v>
      </c>
      <c r="FS8" s="16" t="s">
        <v>50</v>
      </c>
      <c r="FT8" s="16" t="s">
        <v>51</v>
      </c>
      <c r="FU8" s="17" t="s">
        <v>45</v>
      </c>
      <c r="FV8" s="651"/>
      <c r="FW8" s="40" t="s">
        <v>43</v>
      </c>
      <c r="FX8" s="16" t="s">
        <v>44</v>
      </c>
      <c r="FY8" s="41" t="s">
        <v>45</v>
      </c>
      <c r="FZ8" s="42" t="s">
        <v>83</v>
      </c>
      <c r="GA8" s="16" t="s">
        <v>47</v>
      </c>
      <c r="GB8" s="16" t="s">
        <v>48</v>
      </c>
      <c r="GC8" s="16" t="s">
        <v>49</v>
      </c>
      <c r="GD8" s="16" t="s">
        <v>50</v>
      </c>
      <c r="GE8" s="16" t="s">
        <v>51</v>
      </c>
      <c r="GF8" s="17" t="s">
        <v>45</v>
      </c>
      <c r="GG8" s="653"/>
      <c r="GH8" s="40" t="s">
        <v>43</v>
      </c>
      <c r="GI8" s="16" t="s">
        <v>44</v>
      </c>
      <c r="GJ8" s="41" t="s">
        <v>45</v>
      </c>
      <c r="GK8" s="42" t="s">
        <v>83</v>
      </c>
      <c r="GL8" s="16" t="s">
        <v>47</v>
      </c>
      <c r="GM8" s="16" t="s">
        <v>48</v>
      </c>
      <c r="GN8" s="16" t="s">
        <v>49</v>
      </c>
      <c r="GO8" s="16" t="s">
        <v>50</v>
      </c>
      <c r="GP8" s="16" t="s">
        <v>51</v>
      </c>
      <c r="GQ8" s="17" t="s">
        <v>45</v>
      </c>
      <c r="GR8" s="655"/>
      <c r="GS8" s="40" t="s">
        <v>43</v>
      </c>
      <c r="GT8" s="16" t="s">
        <v>44</v>
      </c>
      <c r="GU8" s="41" t="s">
        <v>45</v>
      </c>
      <c r="GV8" s="42" t="s">
        <v>83</v>
      </c>
      <c r="GW8" s="16" t="s">
        <v>47</v>
      </c>
      <c r="GX8" s="16" t="s">
        <v>48</v>
      </c>
      <c r="GY8" s="16" t="s">
        <v>49</v>
      </c>
      <c r="GZ8" s="16" t="s">
        <v>50</v>
      </c>
      <c r="HA8" s="16" t="s">
        <v>51</v>
      </c>
      <c r="HB8" s="17" t="s">
        <v>45</v>
      </c>
      <c r="HC8" s="655"/>
      <c r="HD8" s="40" t="s">
        <v>43</v>
      </c>
      <c r="HE8" s="16" t="s">
        <v>44</v>
      </c>
      <c r="HF8" s="41" t="s">
        <v>45</v>
      </c>
      <c r="HG8" s="42" t="s">
        <v>83</v>
      </c>
      <c r="HH8" s="16" t="s">
        <v>47</v>
      </c>
      <c r="HI8" s="16" t="s">
        <v>48</v>
      </c>
      <c r="HJ8" s="16" t="s">
        <v>49</v>
      </c>
      <c r="HK8" s="16" t="s">
        <v>50</v>
      </c>
      <c r="HL8" s="16" t="s">
        <v>51</v>
      </c>
      <c r="HM8" s="17" t="s">
        <v>45</v>
      </c>
      <c r="HN8" s="653"/>
      <c r="HO8" s="40" t="s">
        <v>43</v>
      </c>
      <c r="HP8" s="16" t="s">
        <v>44</v>
      </c>
      <c r="HQ8" s="41" t="s">
        <v>45</v>
      </c>
      <c r="HR8" s="42" t="s">
        <v>83</v>
      </c>
      <c r="HS8" s="16" t="s">
        <v>47</v>
      </c>
      <c r="HT8" s="16" t="s">
        <v>48</v>
      </c>
      <c r="HU8" s="16" t="s">
        <v>49</v>
      </c>
      <c r="HV8" s="16" t="s">
        <v>50</v>
      </c>
      <c r="HW8" s="16" t="s">
        <v>51</v>
      </c>
      <c r="HX8" s="17" t="s">
        <v>45</v>
      </c>
      <c r="HY8" s="653"/>
      <c r="HZ8" s="368" t="s">
        <v>43</v>
      </c>
      <c r="IA8" s="369" t="s">
        <v>44</v>
      </c>
      <c r="IB8" s="41" t="s">
        <v>45</v>
      </c>
      <c r="IC8" s="42" t="s">
        <v>83</v>
      </c>
      <c r="ID8" s="369" t="s">
        <v>47</v>
      </c>
      <c r="IE8" s="369" t="s">
        <v>48</v>
      </c>
      <c r="IF8" s="369" t="s">
        <v>49</v>
      </c>
      <c r="IG8" s="369" t="s">
        <v>50</v>
      </c>
      <c r="IH8" s="369" t="s">
        <v>51</v>
      </c>
      <c r="II8" s="17" t="s">
        <v>45</v>
      </c>
      <c r="IJ8" s="651"/>
      <c r="IK8" s="368" t="s">
        <v>43</v>
      </c>
      <c r="IL8" s="369" t="s">
        <v>44</v>
      </c>
      <c r="IM8" s="41" t="s">
        <v>45</v>
      </c>
      <c r="IN8" s="42" t="s">
        <v>83</v>
      </c>
      <c r="IO8" s="59" t="s">
        <v>47</v>
      </c>
      <c r="IP8" s="59" t="s">
        <v>48</v>
      </c>
      <c r="IQ8" s="59" t="s">
        <v>49</v>
      </c>
      <c r="IR8" s="59" t="s">
        <v>50</v>
      </c>
      <c r="IS8" s="59" t="s">
        <v>51</v>
      </c>
      <c r="IT8" s="64" t="s">
        <v>45</v>
      </c>
      <c r="IU8" s="650"/>
      <c r="IV8" s="61" t="s">
        <v>43</v>
      </c>
      <c r="IW8" s="59" t="s">
        <v>44</v>
      </c>
      <c r="IX8" s="64" t="s">
        <v>45</v>
      </c>
      <c r="IY8" s="33" t="s">
        <v>83</v>
      </c>
      <c r="IZ8" s="59" t="s">
        <v>47</v>
      </c>
      <c r="JA8" s="59" t="s">
        <v>48</v>
      </c>
      <c r="JB8" s="59" t="s">
        <v>49</v>
      </c>
      <c r="JC8" s="59" t="s">
        <v>50</v>
      </c>
      <c r="JD8" s="59" t="s">
        <v>51</v>
      </c>
      <c r="JE8" s="64" t="s">
        <v>45</v>
      </c>
      <c r="JF8" s="650"/>
      <c r="JG8" s="61" t="s">
        <v>43</v>
      </c>
      <c r="JH8" s="59" t="s">
        <v>44</v>
      </c>
      <c r="JI8" s="60" t="s">
        <v>45</v>
      </c>
      <c r="JJ8" s="33" t="s">
        <v>83</v>
      </c>
      <c r="JK8" s="59" t="s">
        <v>47</v>
      </c>
      <c r="JL8" s="59" t="s">
        <v>48</v>
      </c>
      <c r="JM8" s="59" t="s">
        <v>49</v>
      </c>
      <c r="JN8" s="59" t="s">
        <v>50</v>
      </c>
      <c r="JO8" s="59" t="s">
        <v>51</v>
      </c>
      <c r="JP8" s="64" t="s">
        <v>45</v>
      </c>
      <c r="JQ8" s="610"/>
      <c r="JR8" s="61" t="s">
        <v>43</v>
      </c>
      <c r="JS8" s="59" t="s">
        <v>44</v>
      </c>
      <c r="JT8" s="60" t="s">
        <v>45</v>
      </c>
      <c r="JU8" s="33" t="s">
        <v>83</v>
      </c>
      <c r="JV8" s="59" t="s">
        <v>47</v>
      </c>
      <c r="JW8" s="59" t="s">
        <v>48</v>
      </c>
      <c r="JX8" s="59" t="s">
        <v>49</v>
      </c>
      <c r="JY8" s="59" t="s">
        <v>50</v>
      </c>
      <c r="JZ8" s="59" t="s">
        <v>51</v>
      </c>
      <c r="KA8" s="64" t="s">
        <v>45</v>
      </c>
      <c r="KB8" s="610"/>
      <c r="KC8" s="61" t="s">
        <v>43</v>
      </c>
      <c r="KD8" s="59" t="s">
        <v>44</v>
      </c>
      <c r="KE8" s="60" t="s">
        <v>45</v>
      </c>
      <c r="KF8" s="33" t="s">
        <v>83</v>
      </c>
      <c r="KG8" s="59" t="s">
        <v>47</v>
      </c>
      <c r="KH8" s="59" t="s">
        <v>48</v>
      </c>
      <c r="KI8" s="59" t="s">
        <v>49</v>
      </c>
      <c r="KJ8" s="59" t="s">
        <v>50</v>
      </c>
      <c r="KK8" s="59" t="s">
        <v>51</v>
      </c>
      <c r="KL8" s="64" t="s">
        <v>45</v>
      </c>
      <c r="KM8" s="610"/>
      <c r="KN8" s="61" t="s">
        <v>43</v>
      </c>
      <c r="KO8" s="59" t="s">
        <v>44</v>
      </c>
      <c r="KP8" s="60" t="s">
        <v>45</v>
      </c>
      <c r="KQ8" s="42" t="s">
        <v>83</v>
      </c>
      <c r="KR8" s="59" t="s">
        <v>47</v>
      </c>
      <c r="KS8" s="59" t="s">
        <v>48</v>
      </c>
      <c r="KT8" s="59" t="s">
        <v>49</v>
      </c>
      <c r="KU8" s="59" t="s">
        <v>50</v>
      </c>
      <c r="KV8" s="59" t="s">
        <v>51</v>
      </c>
      <c r="KW8" s="64" t="s">
        <v>45</v>
      </c>
      <c r="KX8" s="610"/>
      <c r="KY8" s="61" t="s">
        <v>43</v>
      </c>
      <c r="KZ8" s="59" t="s">
        <v>44</v>
      </c>
      <c r="LA8" s="60" t="s">
        <v>45</v>
      </c>
      <c r="LB8" s="42" t="s">
        <v>83</v>
      </c>
      <c r="LC8" s="59" t="s">
        <v>47</v>
      </c>
      <c r="LD8" s="59" t="s">
        <v>48</v>
      </c>
      <c r="LE8" s="59" t="s">
        <v>49</v>
      </c>
      <c r="LF8" s="59" t="s">
        <v>50</v>
      </c>
      <c r="LG8" s="59" t="s">
        <v>51</v>
      </c>
      <c r="LH8" s="64" t="s">
        <v>45</v>
      </c>
      <c r="LI8" s="610"/>
      <c r="LJ8" s="61" t="s">
        <v>43</v>
      </c>
      <c r="LK8" s="59" t="s">
        <v>44</v>
      </c>
      <c r="LL8" s="60" t="s">
        <v>45</v>
      </c>
      <c r="LM8" s="42" t="s">
        <v>83</v>
      </c>
      <c r="LN8" s="59" t="s">
        <v>47</v>
      </c>
      <c r="LO8" s="59" t="s">
        <v>48</v>
      </c>
      <c r="LP8" s="59" t="s">
        <v>49</v>
      </c>
      <c r="LQ8" s="59" t="s">
        <v>50</v>
      </c>
      <c r="LR8" s="59" t="s">
        <v>51</v>
      </c>
      <c r="LS8" s="64" t="s">
        <v>45</v>
      </c>
      <c r="LT8" s="610"/>
      <c r="LU8" s="61" t="s">
        <v>43</v>
      </c>
      <c r="LV8" s="59" t="s">
        <v>44</v>
      </c>
      <c r="LW8" s="60" t="s">
        <v>45</v>
      </c>
      <c r="LX8" s="42" t="s">
        <v>83</v>
      </c>
      <c r="LY8" s="59" t="s">
        <v>47</v>
      </c>
      <c r="LZ8" s="59" t="s">
        <v>48</v>
      </c>
      <c r="MA8" s="59" t="s">
        <v>49</v>
      </c>
      <c r="MB8" s="59" t="s">
        <v>50</v>
      </c>
      <c r="MC8" s="59" t="s">
        <v>51</v>
      </c>
      <c r="MD8" s="64" t="s">
        <v>45</v>
      </c>
      <c r="ME8" s="610"/>
      <c r="MF8" s="61" t="s">
        <v>43</v>
      </c>
      <c r="MG8" s="59" t="s">
        <v>44</v>
      </c>
      <c r="MH8" s="60" t="s">
        <v>45</v>
      </c>
      <c r="MI8" s="42" t="s">
        <v>83</v>
      </c>
      <c r="MJ8" s="59" t="s">
        <v>47</v>
      </c>
      <c r="MK8" s="59" t="s">
        <v>48</v>
      </c>
      <c r="ML8" s="59" t="s">
        <v>49</v>
      </c>
      <c r="MM8" s="59" t="s">
        <v>50</v>
      </c>
      <c r="MN8" s="59" t="s">
        <v>51</v>
      </c>
      <c r="MO8" s="64" t="s">
        <v>45</v>
      </c>
      <c r="MP8" s="610"/>
      <c r="MQ8" s="61" t="s">
        <v>43</v>
      </c>
      <c r="MR8" s="59" t="s">
        <v>44</v>
      </c>
      <c r="MS8" s="60" t="s">
        <v>45</v>
      </c>
      <c r="MT8" s="42" t="s">
        <v>83</v>
      </c>
      <c r="MU8" s="59" t="s">
        <v>47</v>
      </c>
      <c r="MV8" s="59" t="s">
        <v>48</v>
      </c>
      <c r="MW8" s="59" t="s">
        <v>49</v>
      </c>
      <c r="MX8" s="59" t="s">
        <v>50</v>
      </c>
      <c r="MY8" s="59" t="s">
        <v>51</v>
      </c>
      <c r="MZ8" s="64" t="s">
        <v>45</v>
      </c>
      <c r="NA8" s="610"/>
      <c r="NB8" s="61" t="s">
        <v>43</v>
      </c>
      <c r="NC8" s="59" t="s">
        <v>44</v>
      </c>
      <c r="ND8" s="60" t="s">
        <v>45</v>
      </c>
      <c r="NE8" s="42" t="s">
        <v>83</v>
      </c>
      <c r="NF8" s="59" t="s">
        <v>47</v>
      </c>
      <c r="NG8" s="59" t="s">
        <v>48</v>
      </c>
      <c r="NH8" s="59" t="s">
        <v>49</v>
      </c>
      <c r="NI8" s="59" t="s">
        <v>50</v>
      </c>
      <c r="NJ8" s="59" t="s">
        <v>51</v>
      </c>
      <c r="NK8" s="64" t="s">
        <v>45</v>
      </c>
      <c r="NL8" s="610"/>
      <c r="NM8" s="61" t="s">
        <v>43</v>
      </c>
      <c r="NN8" s="59" t="s">
        <v>44</v>
      </c>
      <c r="NO8" s="60" t="s">
        <v>45</v>
      </c>
      <c r="NP8" s="42" t="s">
        <v>83</v>
      </c>
      <c r="NQ8" s="59" t="s">
        <v>47</v>
      </c>
      <c r="NR8" s="59" t="s">
        <v>48</v>
      </c>
      <c r="NS8" s="59" t="s">
        <v>49</v>
      </c>
      <c r="NT8" s="59" t="s">
        <v>50</v>
      </c>
      <c r="NU8" s="59" t="s">
        <v>51</v>
      </c>
      <c r="NV8" s="64" t="s">
        <v>45</v>
      </c>
      <c r="NW8" s="610"/>
      <c r="NX8" s="61" t="s">
        <v>43</v>
      </c>
      <c r="NY8" s="59" t="s">
        <v>44</v>
      </c>
      <c r="NZ8" s="60" t="s">
        <v>45</v>
      </c>
      <c r="OA8" s="42" t="s">
        <v>83</v>
      </c>
      <c r="OB8" s="59" t="s">
        <v>47</v>
      </c>
      <c r="OC8" s="59" t="s">
        <v>48</v>
      </c>
      <c r="OD8" s="59" t="s">
        <v>49</v>
      </c>
      <c r="OE8" s="59" t="s">
        <v>50</v>
      </c>
      <c r="OF8" s="59" t="s">
        <v>51</v>
      </c>
      <c r="OG8" s="64" t="s">
        <v>45</v>
      </c>
      <c r="OH8" s="610"/>
      <c r="OI8" s="61" t="s">
        <v>43</v>
      </c>
      <c r="OJ8" s="59" t="s">
        <v>44</v>
      </c>
      <c r="OK8" s="60" t="s">
        <v>45</v>
      </c>
      <c r="OL8" s="33" t="s">
        <v>83</v>
      </c>
      <c r="OM8" s="59" t="s">
        <v>47</v>
      </c>
      <c r="ON8" s="59" t="s">
        <v>48</v>
      </c>
      <c r="OO8" s="59" t="s">
        <v>49</v>
      </c>
      <c r="OP8" s="59" t="s">
        <v>50</v>
      </c>
      <c r="OQ8" s="59" t="s">
        <v>51</v>
      </c>
      <c r="OR8" s="64" t="s">
        <v>45</v>
      </c>
      <c r="OS8" s="610"/>
    </row>
    <row r="9" spans="1:409" s="430" customFormat="1" ht="21" customHeight="1" x14ac:dyDescent="0.2">
      <c r="A9" s="44"/>
      <c r="B9" s="386" t="s">
        <v>4</v>
      </c>
      <c r="C9" s="387">
        <v>390181808</v>
      </c>
      <c r="D9" s="388">
        <v>790056494</v>
      </c>
      <c r="E9" s="389">
        <v>1180238302</v>
      </c>
      <c r="F9" s="390">
        <v>0</v>
      </c>
      <c r="G9" s="388">
        <v>4945875048</v>
      </c>
      <c r="H9" s="388">
        <v>6644656744</v>
      </c>
      <c r="I9" s="388">
        <v>5662135527</v>
      </c>
      <c r="J9" s="388">
        <v>5461851417</v>
      </c>
      <c r="K9" s="388">
        <v>4094702692</v>
      </c>
      <c r="L9" s="391">
        <v>26809221428</v>
      </c>
      <c r="M9" s="392">
        <v>27989459730</v>
      </c>
      <c r="N9" s="387">
        <v>89619873</v>
      </c>
      <c r="O9" s="388">
        <v>223438979</v>
      </c>
      <c r="P9" s="393">
        <v>313058852</v>
      </c>
      <c r="Q9" s="387">
        <v>0</v>
      </c>
      <c r="R9" s="388">
        <v>1401312867</v>
      </c>
      <c r="S9" s="388">
        <v>2135448358</v>
      </c>
      <c r="T9" s="388">
        <v>1876303953</v>
      </c>
      <c r="U9" s="388">
        <v>2090000443</v>
      </c>
      <c r="V9" s="388">
        <v>2090697561</v>
      </c>
      <c r="W9" s="393">
        <v>9593763182</v>
      </c>
      <c r="X9" s="392">
        <v>9906822034</v>
      </c>
      <c r="Y9" s="387">
        <v>0</v>
      </c>
      <c r="Z9" s="388">
        <v>0</v>
      </c>
      <c r="AA9" s="393">
        <v>0</v>
      </c>
      <c r="AB9" s="394">
        <v>0</v>
      </c>
      <c r="AC9" s="395">
        <v>680513874</v>
      </c>
      <c r="AD9" s="395">
        <v>1073318658</v>
      </c>
      <c r="AE9" s="395">
        <v>1069326173</v>
      </c>
      <c r="AF9" s="395">
        <v>1238461366</v>
      </c>
      <c r="AG9" s="395">
        <v>1244474835</v>
      </c>
      <c r="AH9" s="393">
        <v>5306094906</v>
      </c>
      <c r="AI9" s="392">
        <v>5306094906</v>
      </c>
      <c r="AJ9" s="396">
        <v>39740</v>
      </c>
      <c r="AK9" s="395">
        <v>729720</v>
      </c>
      <c r="AL9" s="393">
        <v>769460</v>
      </c>
      <c r="AM9" s="394">
        <v>0</v>
      </c>
      <c r="AN9" s="395">
        <v>5885658</v>
      </c>
      <c r="AO9" s="391">
        <v>25270461</v>
      </c>
      <c r="AP9" s="395">
        <v>48782930</v>
      </c>
      <c r="AQ9" s="395">
        <v>115796439</v>
      </c>
      <c r="AR9" s="395">
        <v>220670492</v>
      </c>
      <c r="AS9" s="393">
        <v>416405980</v>
      </c>
      <c r="AT9" s="392">
        <v>417175440</v>
      </c>
      <c r="AU9" s="396">
        <v>48980797</v>
      </c>
      <c r="AV9" s="395">
        <v>155536277</v>
      </c>
      <c r="AW9" s="393">
        <v>204517074</v>
      </c>
      <c r="AX9" s="394">
        <v>0</v>
      </c>
      <c r="AY9" s="395">
        <v>436482876</v>
      </c>
      <c r="AZ9" s="395">
        <v>682187168</v>
      </c>
      <c r="BA9" s="395">
        <v>450373639</v>
      </c>
      <c r="BB9" s="395">
        <v>430821700</v>
      </c>
      <c r="BC9" s="395">
        <v>399181524</v>
      </c>
      <c r="BD9" s="393">
        <v>2399046907</v>
      </c>
      <c r="BE9" s="397">
        <v>2603563981</v>
      </c>
      <c r="BF9" s="396">
        <v>6180385</v>
      </c>
      <c r="BG9" s="391">
        <v>23466763</v>
      </c>
      <c r="BH9" s="398">
        <v>29647148</v>
      </c>
      <c r="BI9" s="394">
        <v>0</v>
      </c>
      <c r="BJ9" s="395">
        <v>35323889</v>
      </c>
      <c r="BK9" s="395">
        <v>58477388</v>
      </c>
      <c r="BL9" s="395">
        <v>39499081</v>
      </c>
      <c r="BM9" s="395">
        <v>35730405</v>
      </c>
      <c r="BN9" s="395">
        <v>21877298</v>
      </c>
      <c r="BO9" s="393">
        <v>190908061</v>
      </c>
      <c r="BP9" s="392">
        <v>220555209</v>
      </c>
      <c r="BQ9" s="396">
        <v>34418951</v>
      </c>
      <c r="BR9" s="395">
        <v>43706219</v>
      </c>
      <c r="BS9" s="393">
        <v>78125170</v>
      </c>
      <c r="BT9" s="394">
        <v>0</v>
      </c>
      <c r="BU9" s="395">
        <v>243106570</v>
      </c>
      <c r="BV9" s="395">
        <v>296194683</v>
      </c>
      <c r="BW9" s="395">
        <v>268322130</v>
      </c>
      <c r="BX9" s="395">
        <v>269190533</v>
      </c>
      <c r="BY9" s="395">
        <v>204493412</v>
      </c>
      <c r="BZ9" s="393">
        <v>1281307328</v>
      </c>
      <c r="CA9" s="392">
        <v>1359432498</v>
      </c>
      <c r="CB9" s="396">
        <v>38153960</v>
      </c>
      <c r="CC9" s="395">
        <v>109030179</v>
      </c>
      <c r="CD9" s="393">
        <v>147184139</v>
      </c>
      <c r="CE9" s="394">
        <v>0</v>
      </c>
      <c r="CF9" s="395">
        <v>1304717032</v>
      </c>
      <c r="CG9" s="395">
        <v>1689823304</v>
      </c>
      <c r="CH9" s="399">
        <v>1227576025</v>
      </c>
      <c r="CI9" s="395">
        <v>837959637</v>
      </c>
      <c r="CJ9" s="395">
        <v>415529621</v>
      </c>
      <c r="CK9" s="393">
        <v>5475605619</v>
      </c>
      <c r="CL9" s="392">
        <v>5622789758</v>
      </c>
      <c r="CM9" s="387">
        <v>0</v>
      </c>
      <c r="CN9" s="388">
        <v>60568</v>
      </c>
      <c r="CO9" s="393">
        <v>60568</v>
      </c>
      <c r="CP9" s="394">
        <v>0</v>
      </c>
      <c r="CQ9" s="395">
        <v>1102818724</v>
      </c>
      <c r="CR9" s="395">
        <v>1316900496</v>
      </c>
      <c r="CS9" s="395">
        <v>957705715</v>
      </c>
      <c r="CT9" s="395">
        <v>642280561</v>
      </c>
      <c r="CU9" s="395">
        <v>334930446</v>
      </c>
      <c r="CV9" s="400">
        <v>4354635942</v>
      </c>
      <c r="CW9" s="392">
        <v>4354696510</v>
      </c>
      <c r="CX9" s="396">
        <v>38153960</v>
      </c>
      <c r="CY9" s="395">
        <v>108969611</v>
      </c>
      <c r="CZ9" s="393">
        <v>147123571</v>
      </c>
      <c r="DA9" s="394">
        <v>0</v>
      </c>
      <c r="DB9" s="395">
        <v>201898308</v>
      </c>
      <c r="DC9" s="395">
        <v>372922808</v>
      </c>
      <c r="DD9" s="395">
        <v>269870310</v>
      </c>
      <c r="DE9" s="395">
        <v>195679076</v>
      </c>
      <c r="DF9" s="395">
        <v>80599175</v>
      </c>
      <c r="DG9" s="393">
        <v>1120969677</v>
      </c>
      <c r="DH9" s="392">
        <v>1268093248</v>
      </c>
      <c r="DI9" s="396">
        <v>1786656</v>
      </c>
      <c r="DJ9" s="395">
        <v>8440296</v>
      </c>
      <c r="DK9" s="398">
        <v>10226952</v>
      </c>
      <c r="DL9" s="394">
        <v>0</v>
      </c>
      <c r="DM9" s="395">
        <v>130463586</v>
      </c>
      <c r="DN9" s="395">
        <v>281352052</v>
      </c>
      <c r="DO9" s="395">
        <v>524764688</v>
      </c>
      <c r="DP9" s="395">
        <v>440910392</v>
      </c>
      <c r="DQ9" s="395">
        <v>245302081</v>
      </c>
      <c r="DR9" s="401">
        <v>1622792799</v>
      </c>
      <c r="DS9" s="392">
        <v>1633019751</v>
      </c>
      <c r="DT9" s="396">
        <v>1675331</v>
      </c>
      <c r="DU9" s="395">
        <v>7509608</v>
      </c>
      <c r="DV9" s="393">
        <v>9184939</v>
      </c>
      <c r="DW9" s="394">
        <v>0</v>
      </c>
      <c r="DX9" s="395">
        <v>119244634</v>
      </c>
      <c r="DY9" s="395">
        <v>251620977</v>
      </c>
      <c r="DZ9" s="395">
        <v>478349516</v>
      </c>
      <c r="EA9" s="395">
        <v>391116031</v>
      </c>
      <c r="EB9" s="395">
        <v>212366921</v>
      </c>
      <c r="EC9" s="393">
        <v>1452698079</v>
      </c>
      <c r="ED9" s="392">
        <v>1461883018</v>
      </c>
      <c r="EE9" s="396">
        <v>111325</v>
      </c>
      <c r="EF9" s="391">
        <v>930688</v>
      </c>
      <c r="EG9" s="393">
        <v>1042013</v>
      </c>
      <c r="EH9" s="397">
        <v>0</v>
      </c>
      <c r="EI9" s="395">
        <v>11218952</v>
      </c>
      <c r="EJ9" s="395">
        <v>29731075</v>
      </c>
      <c r="EK9" s="395">
        <v>46355505</v>
      </c>
      <c r="EL9" s="395">
        <v>49794361</v>
      </c>
      <c r="EM9" s="399">
        <v>32935160</v>
      </c>
      <c r="EN9" s="391">
        <v>170035053</v>
      </c>
      <c r="EO9" s="392">
        <v>171077066</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59667</v>
      </c>
      <c r="FH9" s="395">
        <v>0</v>
      </c>
      <c r="FI9" s="395">
        <v>0</v>
      </c>
      <c r="FJ9" s="400">
        <v>59667</v>
      </c>
      <c r="FK9" s="392">
        <v>59667</v>
      </c>
      <c r="FL9" s="396">
        <v>90589259</v>
      </c>
      <c r="FM9" s="395">
        <v>188752649</v>
      </c>
      <c r="FN9" s="393">
        <v>279341908</v>
      </c>
      <c r="FO9" s="394">
        <v>0</v>
      </c>
      <c r="FP9" s="395">
        <v>244940390</v>
      </c>
      <c r="FQ9" s="395">
        <v>626663001</v>
      </c>
      <c r="FR9" s="395">
        <v>453970030</v>
      </c>
      <c r="FS9" s="395">
        <v>415610180</v>
      </c>
      <c r="FT9" s="395">
        <v>305234991</v>
      </c>
      <c r="FU9" s="393">
        <v>2046418592</v>
      </c>
      <c r="FV9" s="392">
        <v>2325760500</v>
      </c>
      <c r="FW9" s="396">
        <v>51987359</v>
      </c>
      <c r="FX9" s="395">
        <v>142161629</v>
      </c>
      <c r="FY9" s="391">
        <v>194148988</v>
      </c>
      <c r="FZ9" s="397">
        <v>0</v>
      </c>
      <c r="GA9" s="395">
        <v>197318616</v>
      </c>
      <c r="GB9" s="403">
        <v>580478723</v>
      </c>
      <c r="GC9" s="395">
        <v>423391548</v>
      </c>
      <c r="GD9" s="403">
        <v>391078198</v>
      </c>
      <c r="GE9" s="395">
        <v>295777934</v>
      </c>
      <c r="GF9" s="400">
        <v>1888045019</v>
      </c>
      <c r="GG9" s="404">
        <v>2082194007</v>
      </c>
      <c r="GH9" s="405">
        <v>5512134</v>
      </c>
      <c r="GI9" s="395">
        <v>9841730</v>
      </c>
      <c r="GJ9" s="403">
        <v>15353864</v>
      </c>
      <c r="GK9" s="390">
        <v>0</v>
      </c>
      <c r="GL9" s="395">
        <v>13097610</v>
      </c>
      <c r="GM9" s="391">
        <v>17382180</v>
      </c>
      <c r="GN9" s="395">
        <v>13276213</v>
      </c>
      <c r="GO9" s="391">
        <v>10470616</v>
      </c>
      <c r="GP9" s="395">
        <v>4567724</v>
      </c>
      <c r="GQ9" s="401">
        <v>58794343</v>
      </c>
      <c r="GR9" s="392">
        <v>74148207</v>
      </c>
      <c r="GS9" s="391">
        <v>33089766</v>
      </c>
      <c r="GT9" s="395">
        <v>36749290</v>
      </c>
      <c r="GU9" s="393">
        <v>69839056</v>
      </c>
      <c r="GV9" s="391">
        <v>0</v>
      </c>
      <c r="GW9" s="395">
        <v>34524164</v>
      </c>
      <c r="GX9" s="391">
        <v>28802098</v>
      </c>
      <c r="GY9" s="395">
        <v>17302269</v>
      </c>
      <c r="GZ9" s="391">
        <v>14061366</v>
      </c>
      <c r="HA9" s="395">
        <v>4889333</v>
      </c>
      <c r="HB9" s="391">
        <v>99579230</v>
      </c>
      <c r="HC9" s="392">
        <v>169418286</v>
      </c>
      <c r="HD9" s="391">
        <v>100991432</v>
      </c>
      <c r="HE9" s="395">
        <v>125516608</v>
      </c>
      <c r="HF9" s="391">
        <v>226508040</v>
      </c>
      <c r="HG9" s="397">
        <v>0</v>
      </c>
      <c r="HH9" s="395">
        <v>1022574898</v>
      </c>
      <c r="HI9" s="403">
        <v>1022819902</v>
      </c>
      <c r="HJ9" s="395">
        <v>990938560</v>
      </c>
      <c r="HK9" s="403">
        <v>1262820005</v>
      </c>
      <c r="HL9" s="395">
        <v>789894214</v>
      </c>
      <c r="HM9" s="400">
        <v>5089047579</v>
      </c>
      <c r="HN9" s="391">
        <v>5315555619</v>
      </c>
      <c r="HO9" s="405">
        <v>69040628</v>
      </c>
      <c r="HP9" s="395">
        <v>134877783</v>
      </c>
      <c r="HQ9" s="400">
        <v>203918411</v>
      </c>
      <c r="HR9" s="391">
        <v>0</v>
      </c>
      <c r="HS9" s="395">
        <v>841866275</v>
      </c>
      <c r="HT9" s="391">
        <v>888550127</v>
      </c>
      <c r="HU9" s="395">
        <v>588582271</v>
      </c>
      <c r="HV9" s="391">
        <v>414550760</v>
      </c>
      <c r="HW9" s="395">
        <v>248044224</v>
      </c>
      <c r="HX9" s="391">
        <v>2981593657</v>
      </c>
      <c r="HY9" s="392">
        <v>3185512068</v>
      </c>
      <c r="HZ9" s="406">
        <v>8611426</v>
      </c>
      <c r="IA9" s="407">
        <v>34514477</v>
      </c>
      <c r="IB9" s="408">
        <v>43125903</v>
      </c>
      <c r="IC9" s="409">
        <v>0</v>
      </c>
      <c r="ID9" s="407">
        <v>1549867044</v>
      </c>
      <c r="IE9" s="410">
        <v>2077768460</v>
      </c>
      <c r="IF9" s="411">
        <v>2250744109</v>
      </c>
      <c r="IG9" s="407">
        <v>1690179902</v>
      </c>
      <c r="IH9" s="411">
        <v>1242854284</v>
      </c>
      <c r="II9" s="412">
        <v>8811413799</v>
      </c>
      <c r="IJ9" s="413">
        <v>8854539702</v>
      </c>
      <c r="IK9" s="414">
        <v>0</v>
      </c>
      <c r="IL9" s="415">
        <v>0</v>
      </c>
      <c r="IM9" s="416">
        <v>0</v>
      </c>
      <c r="IN9" s="417"/>
      <c r="IO9" s="418">
        <v>25167016</v>
      </c>
      <c r="IP9" s="418">
        <v>47424514</v>
      </c>
      <c r="IQ9" s="418">
        <v>72981215</v>
      </c>
      <c r="IR9" s="418">
        <v>94942550</v>
      </c>
      <c r="IS9" s="418">
        <v>103947378</v>
      </c>
      <c r="IT9" s="419">
        <v>344462673</v>
      </c>
      <c r="IU9" s="420">
        <v>344462673</v>
      </c>
      <c r="IV9" s="421">
        <v>0</v>
      </c>
      <c r="IW9" s="418">
        <v>0</v>
      </c>
      <c r="IX9" s="422">
        <v>0</v>
      </c>
      <c r="IY9" s="423"/>
      <c r="IZ9" s="418">
        <v>4013001</v>
      </c>
      <c r="JA9" s="418">
        <v>10634648</v>
      </c>
      <c r="JB9" s="418">
        <v>11408532</v>
      </c>
      <c r="JC9" s="418">
        <v>14324005</v>
      </c>
      <c r="JD9" s="418">
        <v>18301794</v>
      </c>
      <c r="JE9" s="422">
        <v>58681980</v>
      </c>
      <c r="JF9" s="424">
        <v>58681980</v>
      </c>
      <c r="JG9" s="421">
        <v>0</v>
      </c>
      <c r="JH9" s="418">
        <v>0</v>
      </c>
      <c r="JI9" s="419">
        <v>0</v>
      </c>
      <c r="JJ9" s="425">
        <v>0</v>
      </c>
      <c r="JK9" s="418">
        <v>568021530</v>
      </c>
      <c r="JL9" s="418">
        <v>675224181</v>
      </c>
      <c r="JM9" s="418">
        <v>528032527</v>
      </c>
      <c r="JN9" s="418">
        <v>329034215</v>
      </c>
      <c r="JO9" s="418">
        <v>174326530</v>
      </c>
      <c r="JP9" s="422">
        <v>2274638983</v>
      </c>
      <c r="JQ9" s="420">
        <v>2274638983</v>
      </c>
      <c r="JR9" s="421">
        <v>306606</v>
      </c>
      <c r="JS9" s="418">
        <v>359584</v>
      </c>
      <c r="JT9" s="419">
        <v>666190</v>
      </c>
      <c r="JU9" s="425">
        <v>0</v>
      </c>
      <c r="JV9" s="418">
        <v>65731899</v>
      </c>
      <c r="JW9" s="418">
        <v>99453987</v>
      </c>
      <c r="JX9" s="418">
        <v>148020902</v>
      </c>
      <c r="JY9" s="418">
        <v>84240508</v>
      </c>
      <c r="JZ9" s="418">
        <v>69862889</v>
      </c>
      <c r="KA9" s="422">
        <v>467310185</v>
      </c>
      <c r="KB9" s="420">
        <v>467976375</v>
      </c>
      <c r="KC9" s="426">
        <v>8304820</v>
      </c>
      <c r="KD9" s="427">
        <v>23685445</v>
      </c>
      <c r="KE9" s="422">
        <v>31990265</v>
      </c>
      <c r="KF9" s="425">
        <v>0</v>
      </c>
      <c r="KG9" s="418">
        <v>185059699</v>
      </c>
      <c r="KH9" s="418">
        <v>295386436</v>
      </c>
      <c r="KI9" s="418">
        <v>353927635</v>
      </c>
      <c r="KJ9" s="418">
        <v>272064111</v>
      </c>
      <c r="KK9" s="418">
        <v>157645594</v>
      </c>
      <c r="KL9" s="422">
        <v>1264083475</v>
      </c>
      <c r="KM9" s="428">
        <v>1296073740</v>
      </c>
      <c r="KN9" s="414">
        <v>0</v>
      </c>
      <c r="KO9" s="415">
        <v>10469448</v>
      </c>
      <c r="KP9" s="416">
        <v>10469448</v>
      </c>
      <c r="KQ9" s="417"/>
      <c r="KR9" s="418">
        <v>662583627</v>
      </c>
      <c r="KS9" s="418">
        <v>867845096</v>
      </c>
      <c r="KT9" s="418">
        <v>976405753</v>
      </c>
      <c r="KU9" s="418">
        <v>670034034</v>
      </c>
      <c r="KV9" s="418">
        <v>478725931</v>
      </c>
      <c r="KW9" s="422">
        <v>3655594441</v>
      </c>
      <c r="KX9" s="420">
        <v>3666063889</v>
      </c>
      <c r="KY9" s="421">
        <v>0</v>
      </c>
      <c r="KZ9" s="418">
        <v>0</v>
      </c>
      <c r="LA9" s="422">
        <v>0</v>
      </c>
      <c r="LB9" s="429"/>
      <c r="LC9" s="418">
        <v>6138165</v>
      </c>
      <c r="LD9" s="418">
        <v>9117029</v>
      </c>
      <c r="LE9" s="418">
        <v>14667445</v>
      </c>
      <c r="LF9" s="418">
        <v>16012125</v>
      </c>
      <c r="LG9" s="418">
        <v>13306963</v>
      </c>
      <c r="LH9" s="422">
        <v>59241727</v>
      </c>
      <c r="LI9" s="424">
        <v>59241727</v>
      </c>
      <c r="LJ9" s="421">
        <v>0</v>
      </c>
      <c r="LK9" s="418">
        <v>0</v>
      </c>
      <c r="LL9" s="422">
        <v>0</v>
      </c>
      <c r="LM9" s="429"/>
      <c r="LN9" s="418">
        <v>2691472</v>
      </c>
      <c r="LO9" s="418">
        <v>8191815</v>
      </c>
      <c r="LP9" s="418">
        <v>63901311</v>
      </c>
      <c r="LQ9" s="418">
        <v>98018023</v>
      </c>
      <c r="LR9" s="418">
        <v>67723205</v>
      </c>
      <c r="LS9" s="422">
        <v>240525826</v>
      </c>
      <c r="LT9" s="420">
        <v>240525826</v>
      </c>
      <c r="LU9" s="421">
        <v>0</v>
      </c>
      <c r="LV9" s="418">
        <v>0</v>
      </c>
      <c r="LW9" s="422">
        <v>0</v>
      </c>
      <c r="LX9" s="429"/>
      <c r="LY9" s="418">
        <v>30460635</v>
      </c>
      <c r="LZ9" s="418">
        <v>64490754</v>
      </c>
      <c r="MA9" s="418">
        <v>81398789</v>
      </c>
      <c r="MB9" s="418">
        <v>111510331</v>
      </c>
      <c r="MC9" s="418">
        <v>159014000</v>
      </c>
      <c r="MD9" s="422">
        <v>446874509</v>
      </c>
      <c r="ME9" s="424">
        <v>446874509</v>
      </c>
      <c r="MF9" s="421">
        <v>0</v>
      </c>
      <c r="MG9" s="418">
        <v>0</v>
      </c>
      <c r="MH9" s="422">
        <v>0</v>
      </c>
      <c r="MI9" s="429"/>
      <c r="MJ9" s="418">
        <v>525176656</v>
      </c>
      <c r="MK9" s="418">
        <v>1343292015</v>
      </c>
      <c r="ML9" s="418">
        <v>4009899487</v>
      </c>
      <c r="MM9" s="418">
        <v>6020234933</v>
      </c>
      <c r="MN9" s="418">
        <v>4331444229</v>
      </c>
      <c r="MO9" s="422">
        <v>16230047320</v>
      </c>
      <c r="MP9" s="428">
        <v>16230047320</v>
      </c>
      <c r="MQ9" s="421">
        <v>0</v>
      </c>
      <c r="MR9" s="418">
        <v>0</v>
      </c>
      <c r="MS9" s="422">
        <v>0</v>
      </c>
      <c r="MT9" s="429"/>
      <c r="MU9" s="418">
        <v>97906289</v>
      </c>
      <c r="MV9" s="418">
        <v>366428687</v>
      </c>
      <c r="MW9" s="418">
        <v>2579504562</v>
      </c>
      <c r="MX9" s="418">
        <v>4094531526</v>
      </c>
      <c r="MY9" s="418">
        <v>3096133956</v>
      </c>
      <c r="MZ9" s="422">
        <v>10234505020</v>
      </c>
      <c r="NA9" s="428">
        <v>10234505020</v>
      </c>
      <c r="NB9" s="421">
        <v>0</v>
      </c>
      <c r="NC9" s="418">
        <v>0</v>
      </c>
      <c r="ND9" s="422">
        <v>0</v>
      </c>
      <c r="NE9" s="429"/>
      <c r="NF9" s="418">
        <v>424755383</v>
      </c>
      <c r="NG9" s="418">
        <v>968630430</v>
      </c>
      <c r="NH9" s="418">
        <v>1408446533</v>
      </c>
      <c r="NI9" s="418">
        <v>1760834897</v>
      </c>
      <c r="NJ9" s="418">
        <v>984892638</v>
      </c>
      <c r="NK9" s="422">
        <v>5547559881</v>
      </c>
      <c r="NL9" s="420">
        <v>5547559881</v>
      </c>
      <c r="NM9" s="421">
        <v>0</v>
      </c>
      <c r="NN9" s="418">
        <v>0</v>
      </c>
      <c r="NO9" s="422">
        <v>0</v>
      </c>
      <c r="NP9" s="429"/>
      <c r="NQ9" s="418">
        <v>0</v>
      </c>
      <c r="NR9" s="418">
        <v>246901</v>
      </c>
      <c r="NS9" s="418">
        <v>3532828</v>
      </c>
      <c r="NT9" s="418">
        <v>51475379</v>
      </c>
      <c r="NU9" s="418">
        <v>77202175</v>
      </c>
      <c r="NV9" s="422">
        <v>132457283</v>
      </c>
      <c r="NW9" s="424">
        <v>132457283</v>
      </c>
      <c r="NX9" s="421">
        <v>0</v>
      </c>
      <c r="NY9" s="418">
        <v>0</v>
      </c>
      <c r="NZ9" s="422">
        <v>0</v>
      </c>
      <c r="OA9" s="429"/>
      <c r="OB9" s="418">
        <v>2514984</v>
      </c>
      <c r="OC9" s="418">
        <v>7985997</v>
      </c>
      <c r="OD9" s="418">
        <v>18415564</v>
      </c>
      <c r="OE9" s="418">
        <v>113393131</v>
      </c>
      <c r="OF9" s="418">
        <v>173215460</v>
      </c>
      <c r="OG9" s="422">
        <v>315525136</v>
      </c>
      <c r="OH9" s="424">
        <v>315525136</v>
      </c>
      <c r="OI9" s="421">
        <v>398793234</v>
      </c>
      <c r="OJ9" s="418">
        <v>824570971</v>
      </c>
      <c r="OK9" s="419">
        <v>1223364205</v>
      </c>
      <c r="OL9" s="425">
        <v>0</v>
      </c>
      <c r="OM9" s="418">
        <v>7020918748</v>
      </c>
      <c r="ON9" s="418">
        <v>10065717219</v>
      </c>
      <c r="OO9" s="418">
        <v>11922779123</v>
      </c>
      <c r="OP9" s="418">
        <v>13172266252</v>
      </c>
      <c r="OQ9" s="418">
        <v>9669001205</v>
      </c>
      <c r="OR9" s="422">
        <v>51850682547</v>
      </c>
      <c r="OS9" s="428">
        <v>53074046752</v>
      </c>
    </row>
    <row r="10" spans="1:409" s="430" customFormat="1" ht="21" customHeight="1" x14ac:dyDescent="0.2">
      <c r="A10" s="44"/>
      <c r="B10" s="431" t="s">
        <v>5</v>
      </c>
      <c r="C10" s="432">
        <v>158239672</v>
      </c>
      <c r="D10" s="433">
        <v>367880719</v>
      </c>
      <c r="E10" s="434">
        <v>526120391</v>
      </c>
      <c r="F10" s="435">
        <v>0</v>
      </c>
      <c r="G10" s="433">
        <v>1742746475</v>
      </c>
      <c r="H10" s="433">
        <v>2998794898</v>
      </c>
      <c r="I10" s="433">
        <v>2327219754</v>
      </c>
      <c r="J10" s="433">
        <v>2199855056</v>
      </c>
      <c r="K10" s="433">
        <v>1693394840</v>
      </c>
      <c r="L10" s="435">
        <v>10962011023</v>
      </c>
      <c r="M10" s="436">
        <v>11488131414</v>
      </c>
      <c r="N10" s="432">
        <v>40174588</v>
      </c>
      <c r="O10" s="433">
        <v>118637179</v>
      </c>
      <c r="P10" s="434">
        <v>158811767</v>
      </c>
      <c r="Q10" s="432">
        <v>0</v>
      </c>
      <c r="R10" s="433">
        <v>515576313</v>
      </c>
      <c r="S10" s="433">
        <v>1007211954</v>
      </c>
      <c r="T10" s="433">
        <v>779992400</v>
      </c>
      <c r="U10" s="433">
        <v>823582966</v>
      </c>
      <c r="V10" s="433">
        <v>862693650</v>
      </c>
      <c r="W10" s="434">
        <v>3989057283</v>
      </c>
      <c r="X10" s="436">
        <v>4147869050</v>
      </c>
      <c r="Y10" s="432">
        <v>0</v>
      </c>
      <c r="Z10" s="433">
        <v>0</v>
      </c>
      <c r="AA10" s="434">
        <v>0</v>
      </c>
      <c r="AB10" s="432">
        <v>0</v>
      </c>
      <c r="AC10" s="433">
        <v>242093159</v>
      </c>
      <c r="AD10" s="433">
        <v>480358220</v>
      </c>
      <c r="AE10" s="433">
        <v>408253313</v>
      </c>
      <c r="AF10" s="433">
        <v>449930757</v>
      </c>
      <c r="AG10" s="433">
        <v>485328634</v>
      </c>
      <c r="AH10" s="434">
        <v>2065964083</v>
      </c>
      <c r="AI10" s="436">
        <v>2065964083</v>
      </c>
      <c r="AJ10" s="432">
        <v>28753</v>
      </c>
      <c r="AK10" s="433">
        <v>241443</v>
      </c>
      <c r="AL10" s="434">
        <v>270196</v>
      </c>
      <c r="AM10" s="432">
        <v>0</v>
      </c>
      <c r="AN10" s="433">
        <v>1239457</v>
      </c>
      <c r="AO10" s="433">
        <v>8781549</v>
      </c>
      <c r="AP10" s="433">
        <v>19530814</v>
      </c>
      <c r="AQ10" s="433">
        <v>46702534</v>
      </c>
      <c r="AR10" s="433">
        <v>100072960</v>
      </c>
      <c r="AS10" s="434">
        <v>176327314</v>
      </c>
      <c r="AT10" s="436">
        <v>176597510</v>
      </c>
      <c r="AU10" s="432">
        <v>22612894</v>
      </c>
      <c r="AV10" s="433">
        <v>83468984</v>
      </c>
      <c r="AW10" s="434">
        <v>106081878</v>
      </c>
      <c r="AX10" s="432">
        <v>0</v>
      </c>
      <c r="AY10" s="433">
        <v>168315188</v>
      </c>
      <c r="AZ10" s="433">
        <v>361581823</v>
      </c>
      <c r="BA10" s="433">
        <v>223349913</v>
      </c>
      <c r="BB10" s="433">
        <v>199730949</v>
      </c>
      <c r="BC10" s="433">
        <v>183115834</v>
      </c>
      <c r="BD10" s="434">
        <v>1136093707</v>
      </c>
      <c r="BE10" s="436">
        <v>1242175585</v>
      </c>
      <c r="BF10" s="432">
        <v>2611248</v>
      </c>
      <c r="BG10" s="433">
        <v>12828433</v>
      </c>
      <c r="BH10" s="437">
        <v>15439681</v>
      </c>
      <c r="BI10" s="438">
        <v>0</v>
      </c>
      <c r="BJ10" s="433">
        <v>8971095</v>
      </c>
      <c r="BK10" s="433">
        <v>24044426</v>
      </c>
      <c r="BL10" s="433">
        <v>17267882</v>
      </c>
      <c r="BM10" s="433">
        <v>15368352</v>
      </c>
      <c r="BN10" s="433">
        <v>8344970</v>
      </c>
      <c r="BO10" s="434">
        <v>73996725</v>
      </c>
      <c r="BP10" s="436">
        <v>89436406</v>
      </c>
      <c r="BQ10" s="432">
        <v>14921693</v>
      </c>
      <c r="BR10" s="433">
        <v>22098319</v>
      </c>
      <c r="BS10" s="434">
        <v>37020012</v>
      </c>
      <c r="BT10" s="432">
        <v>0</v>
      </c>
      <c r="BU10" s="433">
        <v>94957414</v>
      </c>
      <c r="BV10" s="433">
        <v>132445936</v>
      </c>
      <c r="BW10" s="433">
        <v>111590478</v>
      </c>
      <c r="BX10" s="433">
        <v>111850374</v>
      </c>
      <c r="BY10" s="433">
        <v>85831252</v>
      </c>
      <c r="BZ10" s="434">
        <v>536675454</v>
      </c>
      <c r="CA10" s="436">
        <v>573695466</v>
      </c>
      <c r="CB10" s="432">
        <v>16383050</v>
      </c>
      <c r="CC10" s="433">
        <v>49178412</v>
      </c>
      <c r="CD10" s="434">
        <v>65561462</v>
      </c>
      <c r="CE10" s="432">
        <v>0</v>
      </c>
      <c r="CF10" s="433">
        <v>417479453</v>
      </c>
      <c r="CG10" s="433">
        <v>702942456</v>
      </c>
      <c r="CH10" s="433">
        <v>464984623</v>
      </c>
      <c r="CI10" s="433">
        <v>300475483</v>
      </c>
      <c r="CJ10" s="433">
        <v>155391101</v>
      </c>
      <c r="CK10" s="434">
        <v>2041273116</v>
      </c>
      <c r="CL10" s="436">
        <v>2106834578</v>
      </c>
      <c r="CM10" s="432">
        <v>0</v>
      </c>
      <c r="CN10" s="433">
        <v>0</v>
      </c>
      <c r="CO10" s="434">
        <v>0</v>
      </c>
      <c r="CP10" s="438">
        <v>0</v>
      </c>
      <c r="CQ10" s="433">
        <v>356834399</v>
      </c>
      <c r="CR10" s="433">
        <v>532288094</v>
      </c>
      <c r="CS10" s="433">
        <v>344854294</v>
      </c>
      <c r="CT10" s="433">
        <v>214257751</v>
      </c>
      <c r="CU10" s="433">
        <v>117775445</v>
      </c>
      <c r="CV10" s="434">
        <v>1566009983</v>
      </c>
      <c r="CW10" s="436">
        <v>1566009983</v>
      </c>
      <c r="CX10" s="432">
        <v>16383050</v>
      </c>
      <c r="CY10" s="433">
        <v>49178412</v>
      </c>
      <c r="CZ10" s="434">
        <v>65561462</v>
      </c>
      <c r="DA10" s="432">
        <v>0</v>
      </c>
      <c r="DB10" s="433">
        <v>60645054</v>
      </c>
      <c r="DC10" s="433">
        <v>170654362</v>
      </c>
      <c r="DD10" s="433">
        <v>120130329</v>
      </c>
      <c r="DE10" s="433">
        <v>86217732</v>
      </c>
      <c r="DF10" s="433">
        <v>37615656</v>
      </c>
      <c r="DG10" s="434">
        <v>475263133</v>
      </c>
      <c r="DH10" s="436">
        <v>540824595</v>
      </c>
      <c r="DI10" s="432">
        <v>608904</v>
      </c>
      <c r="DJ10" s="433">
        <v>4205252</v>
      </c>
      <c r="DK10" s="437">
        <v>4814156</v>
      </c>
      <c r="DL10" s="438">
        <v>0</v>
      </c>
      <c r="DM10" s="433">
        <v>41516828</v>
      </c>
      <c r="DN10" s="433">
        <v>120048952</v>
      </c>
      <c r="DO10" s="433">
        <v>215289617</v>
      </c>
      <c r="DP10" s="433">
        <v>178442367</v>
      </c>
      <c r="DQ10" s="433">
        <v>105887867</v>
      </c>
      <c r="DR10" s="434">
        <v>661185631</v>
      </c>
      <c r="DS10" s="436">
        <v>665999787</v>
      </c>
      <c r="DT10" s="432">
        <v>543965</v>
      </c>
      <c r="DU10" s="433">
        <v>3408106</v>
      </c>
      <c r="DV10" s="434">
        <v>3952071</v>
      </c>
      <c r="DW10" s="432">
        <v>0</v>
      </c>
      <c r="DX10" s="433">
        <v>36679785</v>
      </c>
      <c r="DY10" s="433">
        <v>103112904</v>
      </c>
      <c r="DZ10" s="433">
        <v>187401961</v>
      </c>
      <c r="EA10" s="433">
        <v>149472866</v>
      </c>
      <c r="EB10" s="433">
        <v>84641416</v>
      </c>
      <c r="EC10" s="434">
        <v>561308932</v>
      </c>
      <c r="ED10" s="436">
        <v>565261003</v>
      </c>
      <c r="EE10" s="432">
        <v>64939</v>
      </c>
      <c r="EF10" s="437">
        <v>797146</v>
      </c>
      <c r="EG10" s="434">
        <v>862085</v>
      </c>
      <c r="EH10" s="432">
        <v>0</v>
      </c>
      <c r="EI10" s="433">
        <v>4837043</v>
      </c>
      <c r="EJ10" s="433">
        <v>16936048</v>
      </c>
      <c r="EK10" s="433">
        <v>27887656</v>
      </c>
      <c r="EL10" s="433">
        <v>28969501</v>
      </c>
      <c r="EM10" s="433">
        <v>21246451</v>
      </c>
      <c r="EN10" s="437">
        <v>99876699</v>
      </c>
      <c r="EO10" s="436">
        <v>100738784</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31615318</v>
      </c>
      <c r="FM10" s="433">
        <v>80107540</v>
      </c>
      <c r="FN10" s="434">
        <v>111722858</v>
      </c>
      <c r="FO10" s="432">
        <v>0</v>
      </c>
      <c r="FP10" s="433">
        <v>68756530</v>
      </c>
      <c r="FQ10" s="433">
        <v>268590269</v>
      </c>
      <c r="FR10" s="433">
        <v>179892246</v>
      </c>
      <c r="FS10" s="433">
        <v>159513415</v>
      </c>
      <c r="FT10" s="433">
        <v>123300348</v>
      </c>
      <c r="FU10" s="434">
        <v>800052808</v>
      </c>
      <c r="FV10" s="436">
        <v>911775666</v>
      </c>
      <c r="FW10" s="440">
        <v>16718310</v>
      </c>
      <c r="FX10" s="433">
        <v>58877410</v>
      </c>
      <c r="FY10" s="437">
        <v>75595720</v>
      </c>
      <c r="FZ10" s="438">
        <v>0</v>
      </c>
      <c r="GA10" s="433">
        <v>52594200</v>
      </c>
      <c r="GB10" s="433">
        <v>250109728</v>
      </c>
      <c r="GC10" s="433">
        <v>168916101</v>
      </c>
      <c r="GD10" s="433">
        <v>149101462</v>
      </c>
      <c r="GE10" s="433">
        <v>119270748</v>
      </c>
      <c r="GF10" s="434">
        <v>739992239</v>
      </c>
      <c r="GG10" s="441">
        <v>815587959</v>
      </c>
      <c r="GH10" s="440">
        <v>1957224</v>
      </c>
      <c r="GI10" s="433">
        <v>4121333</v>
      </c>
      <c r="GJ10" s="437">
        <v>6078557</v>
      </c>
      <c r="GK10" s="438">
        <v>0</v>
      </c>
      <c r="GL10" s="433">
        <v>3603057</v>
      </c>
      <c r="GM10" s="433">
        <v>6877555</v>
      </c>
      <c r="GN10" s="433">
        <v>4614608</v>
      </c>
      <c r="GO10" s="433">
        <v>3914072</v>
      </c>
      <c r="GP10" s="433">
        <v>2040142</v>
      </c>
      <c r="GQ10" s="434">
        <v>21049434</v>
      </c>
      <c r="GR10" s="436">
        <v>27127991</v>
      </c>
      <c r="GS10" s="432">
        <v>12939784</v>
      </c>
      <c r="GT10" s="433">
        <v>17108797</v>
      </c>
      <c r="GU10" s="434">
        <v>30048581</v>
      </c>
      <c r="GV10" s="432">
        <v>0</v>
      </c>
      <c r="GW10" s="433">
        <v>12559273</v>
      </c>
      <c r="GX10" s="433">
        <v>11602986</v>
      </c>
      <c r="GY10" s="433">
        <v>6361537</v>
      </c>
      <c r="GZ10" s="433">
        <v>6497881</v>
      </c>
      <c r="HA10" s="433">
        <v>1989458</v>
      </c>
      <c r="HB10" s="437">
        <v>39011135</v>
      </c>
      <c r="HC10" s="436">
        <v>69059716</v>
      </c>
      <c r="HD10" s="432">
        <v>43243449</v>
      </c>
      <c r="HE10" s="433">
        <v>55183024</v>
      </c>
      <c r="HF10" s="437">
        <v>98426473</v>
      </c>
      <c r="HG10" s="438">
        <v>0</v>
      </c>
      <c r="HH10" s="433">
        <v>415249796</v>
      </c>
      <c r="HI10" s="433">
        <v>488654224</v>
      </c>
      <c r="HJ10" s="433">
        <v>438000324</v>
      </c>
      <c r="HK10" s="433">
        <v>566187042</v>
      </c>
      <c r="HL10" s="433">
        <v>342053027</v>
      </c>
      <c r="HM10" s="434">
        <v>2250144413</v>
      </c>
      <c r="HN10" s="435">
        <v>2348570886</v>
      </c>
      <c r="HO10" s="440">
        <v>26214363</v>
      </c>
      <c r="HP10" s="433">
        <v>60569312</v>
      </c>
      <c r="HQ10" s="434">
        <v>86783675</v>
      </c>
      <c r="HR10" s="432">
        <v>0</v>
      </c>
      <c r="HS10" s="433">
        <v>284167555</v>
      </c>
      <c r="HT10" s="433">
        <v>411347043</v>
      </c>
      <c r="HU10" s="433">
        <v>249060544</v>
      </c>
      <c r="HV10" s="433">
        <v>171653783</v>
      </c>
      <c r="HW10" s="433">
        <v>104068847</v>
      </c>
      <c r="HX10" s="437">
        <v>1220297772</v>
      </c>
      <c r="HY10" s="436">
        <v>1307081447</v>
      </c>
      <c r="HZ10" s="442">
        <v>3377164</v>
      </c>
      <c r="IA10" s="443">
        <v>12172342</v>
      </c>
      <c r="IB10" s="444">
        <v>15549506</v>
      </c>
      <c r="IC10" s="445">
        <v>0</v>
      </c>
      <c r="ID10" s="446">
        <v>618270027</v>
      </c>
      <c r="IE10" s="447">
        <v>932491975</v>
      </c>
      <c r="IF10" s="448">
        <v>954816689</v>
      </c>
      <c r="IG10" s="446">
        <v>708915346</v>
      </c>
      <c r="IH10" s="448">
        <v>557232834</v>
      </c>
      <c r="II10" s="449">
        <v>3771726871</v>
      </c>
      <c r="IJ10" s="450">
        <v>3787276377</v>
      </c>
      <c r="IK10" s="451">
        <v>0</v>
      </c>
      <c r="IL10" s="452">
        <v>0</v>
      </c>
      <c r="IM10" s="453">
        <v>0</v>
      </c>
      <c r="IN10" s="454"/>
      <c r="IO10" s="455">
        <v>9286042</v>
      </c>
      <c r="IP10" s="455">
        <v>21664582</v>
      </c>
      <c r="IQ10" s="455">
        <v>37174593</v>
      </c>
      <c r="IR10" s="455">
        <v>46337229</v>
      </c>
      <c r="IS10" s="455">
        <v>49723542</v>
      </c>
      <c r="IT10" s="456">
        <v>164185988</v>
      </c>
      <c r="IU10" s="457">
        <v>164185988</v>
      </c>
      <c r="IV10" s="458">
        <v>0</v>
      </c>
      <c r="IW10" s="455">
        <v>0</v>
      </c>
      <c r="IX10" s="459">
        <v>0</v>
      </c>
      <c r="IY10" s="460"/>
      <c r="IZ10" s="455">
        <v>2075138</v>
      </c>
      <c r="JA10" s="455">
        <v>7876723</v>
      </c>
      <c r="JB10" s="455">
        <v>8372741</v>
      </c>
      <c r="JC10" s="455">
        <v>10438482</v>
      </c>
      <c r="JD10" s="455">
        <v>13462764</v>
      </c>
      <c r="JE10" s="459">
        <v>42225848</v>
      </c>
      <c r="JF10" s="461">
        <v>42225848</v>
      </c>
      <c r="JG10" s="458">
        <v>0</v>
      </c>
      <c r="JH10" s="455">
        <v>0</v>
      </c>
      <c r="JI10" s="456">
        <v>0</v>
      </c>
      <c r="JJ10" s="462">
        <v>0</v>
      </c>
      <c r="JK10" s="455">
        <v>196501438</v>
      </c>
      <c r="JL10" s="455">
        <v>314676005</v>
      </c>
      <c r="JM10" s="455">
        <v>236828289</v>
      </c>
      <c r="JN10" s="455">
        <v>153911178</v>
      </c>
      <c r="JO10" s="455">
        <v>80546574</v>
      </c>
      <c r="JP10" s="459">
        <v>982463484</v>
      </c>
      <c r="JQ10" s="457">
        <v>982463484</v>
      </c>
      <c r="JR10" s="458">
        <v>102868</v>
      </c>
      <c r="JS10" s="455">
        <v>149395</v>
      </c>
      <c r="JT10" s="456">
        <v>252263</v>
      </c>
      <c r="JU10" s="462">
        <v>0</v>
      </c>
      <c r="JV10" s="455">
        <v>31133443</v>
      </c>
      <c r="JW10" s="455">
        <v>53917010</v>
      </c>
      <c r="JX10" s="455">
        <v>79710670</v>
      </c>
      <c r="JY10" s="455">
        <v>45877564</v>
      </c>
      <c r="JZ10" s="455">
        <v>38888767</v>
      </c>
      <c r="KA10" s="459">
        <v>249527454</v>
      </c>
      <c r="KB10" s="457">
        <v>249779717</v>
      </c>
      <c r="KC10" s="463">
        <v>3274296</v>
      </c>
      <c r="KD10" s="464">
        <v>9217161</v>
      </c>
      <c r="KE10" s="459">
        <v>12491457</v>
      </c>
      <c r="KF10" s="462">
        <v>0</v>
      </c>
      <c r="KG10" s="455">
        <v>73692736</v>
      </c>
      <c r="KH10" s="455">
        <v>127763500</v>
      </c>
      <c r="KI10" s="455">
        <v>150712988</v>
      </c>
      <c r="KJ10" s="455">
        <v>118316113</v>
      </c>
      <c r="KK10" s="455">
        <v>80274485</v>
      </c>
      <c r="KL10" s="459">
        <v>550759822</v>
      </c>
      <c r="KM10" s="465">
        <v>563251279</v>
      </c>
      <c r="KN10" s="451">
        <v>0</v>
      </c>
      <c r="KO10" s="452">
        <v>2805786</v>
      </c>
      <c r="KP10" s="453">
        <v>2805786</v>
      </c>
      <c r="KQ10" s="454"/>
      <c r="KR10" s="455">
        <v>298746109</v>
      </c>
      <c r="KS10" s="455">
        <v>389076922</v>
      </c>
      <c r="KT10" s="455">
        <v>412130482</v>
      </c>
      <c r="KU10" s="455">
        <v>287658484</v>
      </c>
      <c r="KV10" s="455">
        <v>223610092</v>
      </c>
      <c r="KW10" s="459">
        <v>1611222089</v>
      </c>
      <c r="KX10" s="457">
        <v>1614027875</v>
      </c>
      <c r="KY10" s="458">
        <v>0</v>
      </c>
      <c r="KZ10" s="455">
        <v>0</v>
      </c>
      <c r="LA10" s="459">
        <v>0</v>
      </c>
      <c r="LB10" s="466"/>
      <c r="LC10" s="455">
        <v>175400</v>
      </c>
      <c r="LD10" s="455">
        <v>0</v>
      </c>
      <c r="LE10" s="455">
        <v>1098665</v>
      </c>
      <c r="LF10" s="455">
        <v>240765</v>
      </c>
      <c r="LG10" s="455">
        <v>1315500</v>
      </c>
      <c r="LH10" s="459">
        <v>2830330</v>
      </c>
      <c r="LI10" s="461">
        <v>2830330</v>
      </c>
      <c r="LJ10" s="458">
        <v>0</v>
      </c>
      <c r="LK10" s="455">
        <v>0</v>
      </c>
      <c r="LL10" s="459">
        <v>0</v>
      </c>
      <c r="LM10" s="466"/>
      <c r="LN10" s="455">
        <v>1331602</v>
      </c>
      <c r="LO10" s="455">
        <v>3203329</v>
      </c>
      <c r="LP10" s="455">
        <v>8730610</v>
      </c>
      <c r="LQ10" s="455">
        <v>12386325</v>
      </c>
      <c r="LR10" s="455">
        <v>9132000</v>
      </c>
      <c r="LS10" s="459">
        <v>34783866</v>
      </c>
      <c r="LT10" s="457">
        <v>34783866</v>
      </c>
      <c r="LU10" s="458">
        <v>0</v>
      </c>
      <c r="LV10" s="455">
        <v>0</v>
      </c>
      <c r="LW10" s="459">
        <v>0</v>
      </c>
      <c r="LX10" s="466"/>
      <c r="LY10" s="455">
        <v>5328119</v>
      </c>
      <c r="LZ10" s="455">
        <v>14313904</v>
      </c>
      <c r="MA10" s="455">
        <v>20057651</v>
      </c>
      <c r="MB10" s="455">
        <v>33749206</v>
      </c>
      <c r="MC10" s="455">
        <v>60279110</v>
      </c>
      <c r="MD10" s="459">
        <v>133727990</v>
      </c>
      <c r="ME10" s="461">
        <v>133727990</v>
      </c>
      <c r="MF10" s="458">
        <v>0</v>
      </c>
      <c r="MG10" s="455">
        <v>0</v>
      </c>
      <c r="MH10" s="459">
        <v>0</v>
      </c>
      <c r="MI10" s="466"/>
      <c r="MJ10" s="455">
        <v>212014371</v>
      </c>
      <c r="MK10" s="455">
        <v>669769128</v>
      </c>
      <c r="ML10" s="455">
        <v>1745520374</v>
      </c>
      <c r="MM10" s="455">
        <v>2547899424</v>
      </c>
      <c r="MN10" s="455">
        <v>1899644264</v>
      </c>
      <c r="MO10" s="459">
        <v>7074847561</v>
      </c>
      <c r="MP10" s="465">
        <v>7074847561</v>
      </c>
      <c r="MQ10" s="458">
        <v>0</v>
      </c>
      <c r="MR10" s="455">
        <v>0</v>
      </c>
      <c r="MS10" s="459">
        <v>0</v>
      </c>
      <c r="MT10" s="466"/>
      <c r="MU10" s="455">
        <v>55358644</v>
      </c>
      <c r="MV10" s="455">
        <v>232510590</v>
      </c>
      <c r="MW10" s="455">
        <v>1121684935</v>
      </c>
      <c r="MX10" s="455">
        <v>1720315513</v>
      </c>
      <c r="MY10" s="455">
        <v>1347682275</v>
      </c>
      <c r="MZ10" s="459">
        <v>4477551957</v>
      </c>
      <c r="NA10" s="465">
        <v>4477551957</v>
      </c>
      <c r="NB10" s="458">
        <v>0</v>
      </c>
      <c r="NC10" s="455">
        <v>0</v>
      </c>
      <c r="ND10" s="459">
        <v>0</v>
      </c>
      <c r="NE10" s="466"/>
      <c r="NF10" s="455">
        <v>156296541</v>
      </c>
      <c r="NG10" s="455">
        <v>435305718</v>
      </c>
      <c r="NH10" s="455">
        <v>618565895</v>
      </c>
      <c r="NI10" s="455">
        <v>776331803</v>
      </c>
      <c r="NJ10" s="455">
        <v>480167804</v>
      </c>
      <c r="NK10" s="459">
        <v>2466667761</v>
      </c>
      <c r="NL10" s="457">
        <v>2466667761</v>
      </c>
      <c r="NM10" s="458">
        <v>0</v>
      </c>
      <c r="NN10" s="455">
        <v>0</v>
      </c>
      <c r="NO10" s="459">
        <v>0</v>
      </c>
      <c r="NP10" s="466"/>
      <c r="NQ10" s="455">
        <v>0</v>
      </c>
      <c r="NR10" s="455">
        <v>0</v>
      </c>
      <c r="NS10" s="455">
        <v>654846</v>
      </c>
      <c r="NT10" s="455">
        <v>20645277</v>
      </c>
      <c r="NU10" s="455">
        <v>29970018</v>
      </c>
      <c r="NV10" s="459">
        <v>51270141</v>
      </c>
      <c r="NW10" s="461">
        <v>51270141</v>
      </c>
      <c r="NX10" s="458">
        <v>0</v>
      </c>
      <c r="NY10" s="455">
        <v>0</v>
      </c>
      <c r="NZ10" s="459">
        <v>0</v>
      </c>
      <c r="OA10" s="466"/>
      <c r="OB10" s="455">
        <v>359186</v>
      </c>
      <c r="OC10" s="455">
        <v>1952820</v>
      </c>
      <c r="OD10" s="455">
        <v>4614698</v>
      </c>
      <c r="OE10" s="455">
        <v>30606831</v>
      </c>
      <c r="OF10" s="455">
        <v>41824167</v>
      </c>
      <c r="OG10" s="459">
        <v>79357702</v>
      </c>
      <c r="OH10" s="461">
        <v>79357702</v>
      </c>
      <c r="OI10" s="458">
        <v>161616836</v>
      </c>
      <c r="OJ10" s="455">
        <v>380053061</v>
      </c>
      <c r="OK10" s="456">
        <v>541669897</v>
      </c>
      <c r="OL10" s="462">
        <v>0</v>
      </c>
      <c r="OM10" s="455">
        <v>2573030873</v>
      </c>
      <c r="ON10" s="455">
        <v>4601056001</v>
      </c>
      <c r="OO10" s="455">
        <v>5027556817</v>
      </c>
      <c r="OP10" s="455">
        <v>5456669826</v>
      </c>
      <c r="OQ10" s="455">
        <v>4150271938</v>
      </c>
      <c r="OR10" s="459">
        <v>21808585455</v>
      </c>
      <c r="OS10" s="465">
        <v>22350255352</v>
      </c>
    </row>
    <row r="11" spans="1:409" ht="21" customHeight="1" x14ac:dyDescent="0.2">
      <c r="B11" s="62" t="s">
        <v>6</v>
      </c>
      <c r="C11" s="110">
        <v>51299155</v>
      </c>
      <c r="D11" s="114">
        <v>91839913</v>
      </c>
      <c r="E11" s="113">
        <v>143139068</v>
      </c>
      <c r="F11" s="109">
        <v>0</v>
      </c>
      <c r="G11" s="114">
        <v>829783389</v>
      </c>
      <c r="H11" s="114">
        <v>855779179</v>
      </c>
      <c r="I11" s="114">
        <v>811100159</v>
      </c>
      <c r="J11" s="114">
        <v>831619775</v>
      </c>
      <c r="K11" s="114">
        <v>635468093</v>
      </c>
      <c r="L11" s="109">
        <v>3963750595</v>
      </c>
      <c r="M11" s="116">
        <v>4106889663</v>
      </c>
      <c r="N11" s="110">
        <v>13263416</v>
      </c>
      <c r="O11" s="114">
        <v>28052660</v>
      </c>
      <c r="P11" s="113">
        <v>41316076</v>
      </c>
      <c r="Q11" s="110">
        <v>0</v>
      </c>
      <c r="R11" s="114">
        <v>258714363</v>
      </c>
      <c r="S11" s="114">
        <v>297584594</v>
      </c>
      <c r="T11" s="114">
        <v>295129228</v>
      </c>
      <c r="U11" s="114">
        <v>332975229</v>
      </c>
      <c r="V11" s="114">
        <v>333222520</v>
      </c>
      <c r="W11" s="113">
        <v>1517625934</v>
      </c>
      <c r="X11" s="116">
        <v>1558942010</v>
      </c>
      <c r="Y11" s="110">
        <v>0</v>
      </c>
      <c r="Z11" s="114">
        <v>0</v>
      </c>
      <c r="AA11" s="113">
        <v>0</v>
      </c>
      <c r="AB11" s="110">
        <v>0</v>
      </c>
      <c r="AC11" s="114">
        <v>127049284</v>
      </c>
      <c r="AD11" s="114">
        <v>154979603</v>
      </c>
      <c r="AE11" s="114">
        <v>176530915</v>
      </c>
      <c r="AF11" s="114">
        <v>201301532</v>
      </c>
      <c r="AG11" s="114">
        <v>202248079</v>
      </c>
      <c r="AH11" s="113">
        <v>862109413</v>
      </c>
      <c r="AI11" s="116">
        <v>862109413</v>
      </c>
      <c r="AJ11" s="110">
        <v>0</v>
      </c>
      <c r="AK11" s="114">
        <v>138628</v>
      </c>
      <c r="AL11" s="113">
        <v>138628</v>
      </c>
      <c r="AM11" s="110">
        <v>0</v>
      </c>
      <c r="AN11" s="114">
        <v>705967</v>
      </c>
      <c r="AO11" s="114">
        <v>3666373</v>
      </c>
      <c r="AP11" s="114">
        <v>6375903</v>
      </c>
      <c r="AQ11" s="114">
        <v>16800015</v>
      </c>
      <c r="AR11" s="114">
        <v>29740019</v>
      </c>
      <c r="AS11" s="113">
        <v>57288277</v>
      </c>
      <c r="AT11" s="116">
        <v>57426905</v>
      </c>
      <c r="AU11" s="110">
        <v>7065193</v>
      </c>
      <c r="AV11" s="114">
        <v>19646201</v>
      </c>
      <c r="AW11" s="113">
        <v>26711394</v>
      </c>
      <c r="AX11" s="110">
        <v>0</v>
      </c>
      <c r="AY11" s="114">
        <v>80506852</v>
      </c>
      <c r="AZ11" s="114">
        <v>83654519</v>
      </c>
      <c r="BA11" s="114">
        <v>62909412</v>
      </c>
      <c r="BB11" s="114">
        <v>65376169</v>
      </c>
      <c r="BC11" s="114">
        <v>62897395</v>
      </c>
      <c r="BD11" s="113">
        <v>355344347</v>
      </c>
      <c r="BE11" s="116">
        <v>382055741</v>
      </c>
      <c r="BF11" s="110">
        <v>330077</v>
      </c>
      <c r="BG11" s="114">
        <v>1724008</v>
      </c>
      <c r="BH11" s="112">
        <v>2054085</v>
      </c>
      <c r="BI11" s="111">
        <v>0</v>
      </c>
      <c r="BJ11" s="114">
        <v>5392366</v>
      </c>
      <c r="BK11" s="114">
        <v>7239797</v>
      </c>
      <c r="BL11" s="114">
        <v>3831128</v>
      </c>
      <c r="BM11" s="114">
        <v>4369373</v>
      </c>
      <c r="BN11" s="114">
        <v>2704017</v>
      </c>
      <c r="BO11" s="113">
        <v>23536681</v>
      </c>
      <c r="BP11" s="116">
        <v>25590766</v>
      </c>
      <c r="BQ11" s="110">
        <v>5868146</v>
      </c>
      <c r="BR11" s="114">
        <v>6543823</v>
      </c>
      <c r="BS11" s="113">
        <v>12411969</v>
      </c>
      <c r="BT11" s="110">
        <v>0</v>
      </c>
      <c r="BU11" s="114">
        <v>45059894</v>
      </c>
      <c r="BV11" s="114">
        <v>48044302</v>
      </c>
      <c r="BW11" s="114">
        <v>45481870</v>
      </c>
      <c r="BX11" s="114">
        <v>45128140</v>
      </c>
      <c r="BY11" s="114">
        <v>35633010</v>
      </c>
      <c r="BZ11" s="113">
        <v>219347216</v>
      </c>
      <c r="CA11" s="116">
        <v>231759185</v>
      </c>
      <c r="CB11" s="110">
        <v>2370345</v>
      </c>
      <c r="CC11" s="114">
        <v>8587947</v>
      </c>
      <c r="CD11" s="113">
        <v>10958292</v>
      </c>
      <c r="CE11" s="110">
        <v>0</v>
      </c>
      <c r="CF11" s="114">
        <v>218680775</v>
      </c>
      <c r="CG11" s="114">
        <v>211176810</v>
      </c>
      <c r="CH11" s="114">
        <v>169788365</v>
      </c>
      <c r="CI11" s="114">
        <v>130623122</v>
      </c>
      <c r="CJ11" s="114">
        <v>65809357</v>
      </c>
      <c r="CK11" s="113">
        <v>796078429</v>
      </c>
      <c r="CL11" s="116">
        <v>807036721</v>
      </c>
      <c r="CM11" s="110">
        <v>0</v>
      </c>
      <c r="CN11" s="114">
        <v>0</v>
      </c>
      <c r="CO11" s="113">
        <v>0</v>
      </c>
      <c r="CP11" s="111">
        <v>0</v>
      </c>
      <c r="CQ11" s="114">
        <v>189126170</v>
      </c>
      <c r="CR11" s="114">
        <v>168140269</v>
      </c>
      <c r="CS11" s="114">
        <v>133270176</v>
      </c>
      <c r="CT11" s="114">
        <v>101532508</v>
      </c>
      <c r="CU11" s="114">
        <v>54293945</v>
      </c>
      <c r="CV11" s="113">
        <v>646363068</v>
      </c>
      <c r="CW11" s="116">
        <v>646363068</v>
      </c>
      <c r="CX11" s="110">
        <v>2370345</v>
      </c>
      <c r="CY11" s="114">
        <v>8587947</v>
      </c>
      <c r="CZ11" s="113">
        <v>10958292</v>
      </c>
      <c r="DA11" s="110">
        <v>0</v>
      </c>
      <c r="DB11" s="114">
        <v>29554605</v>
      </c>
      <c r="DC11" s="114">
        <v>43036541</v>
      </c>
      <c r="DD11" s="114">
        <v>36518189</v>
      </c>
      <c r="DE11" s="114">
        <v>29090614</v>
      </c>
      <c r="DF11" s="114">
        <v>11515412</v>
      </c>
      <c r="DG11" s="113">
        <v>149715361</v>
      </c>
      <c r="DH11" s="116">
        <v>160673653</v>
      </c>
      <c r="DI11" s="110">
        <v>223157</v>
      </c>
      <c r="DJ11" s="114">
        <v>618411</v>
      </c>
      <c r="DK11" s="112">
        <v>841568</v>
      </c>
      <c r="DL11" s="111">
        <v>0</v>
      </c>
      <c r="DM11" s="114">
        <v>16438520</v>
      </c>
      <c r="DN11" s="114">
        <v>27463932</v>
      </c>
      <c r="DO11" s="114">
        <v>51779095</v>
      </c>
      <c r="DP11" s="114">
        <v>55504910</v>
      </c>
      <c r="DQ11" s="114">
        <v>30430086</v>
      </c>
      <c r="DR11" s="113">
        <v>181616543</v>
      </c>
      <c r="DS11" s="116">
        <v>182458111</v>
      </c>
      <c r="DT11" s="110">
        <v>194783</v>
      </c>
      <c r="DU11" s="114">
        <v>618411</v>
      </c>
      <c r="DV11" s="113">
        <v>813194</v>
      </c>
      <c r="DW11" s="110">
        <v>0</v>
      </c>
      <c r="DX11" s="114">
        <v>15201453</v>
      </c>
      <c r="DY11" s="114">
        <v>24478220</v>
      </c>
      <c r="DZ11" s="114">
        <v>46761312</v>
      </c>
      <c r="EA11" s="114">
        <v>47652161</v>
      </c>
      <c r="EB11" s="114">
        <v>26709864</v>
      </c>
      <c r="EC11" s="113">
        <v>160803010</v>
      </c>
      <c r="ED11" s="116">
        <v>161616204</v>
      </c>
      <c r="EE11" s="110">
        <v>28374</v>
      </c>
      <c r="EF11" s="112">
        <v>0</v>
      </c>
      <c r="EG11" s="113">
        <v>28374</v>
      </c>
      <c r="EH11" s="110">
        <v>0</v>
      </c>
      <c r="EI11" s="114">
        <v>1237067</v>
      </c>
      <c r="EJ11" s="114">
        <v>2985712</v>
      </c>
      <c r="EK11" s="114">
        <v>5017783</v>
      </c>
      <c r="EL11" s="114">
        <v>7852749</v>
      </c>
      <c r="EM11" s="114">
        <v>3720222</v>
      </c>
      <c r="EN11" s="112">
        <v>20813533</v>
      </c>
      <c r="EO11" s="116">
        <v>20841907</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1264510</v>
      </c>
      <c r="FM11" s="114">
        <v>21340122</v>
      </c>
      <c r="FN11" s="113">
        <v>32604632</v>
      </c>
      <c r="FO11" s="110">
        <v>0</v>
      </c>
      <c r="FP11" s="114">
        <v>45799625</v>
      </c>
      <c r="FQ11" s="114">
        <v>80748546</v>
      </c>
      <c r="FR11" s="114">
        <v>68399225</v>
      </c>
      <c r="FS11" s="114">
        <v>67699728</v>
      </c>
      <c r="FT11" s="114">
        <v>48725060</v>
      </c>
      <c r="FU11" s="113">
        <v>311372184</v>
      </c>
      <c r="FV11" s="116">
        <v>343976816</v>
      </c>
      <c r="FW11" s="115">
        <v>7434577</v>
      </c>
      <c r="FX11" s="114">
        <v>17207367</v>
      </c>
      <c r="FY11" s="112">
        <v>24641944</v>
      </c>
      <c r="FZ11" s="111">
        <v>0</v>
      </c>
      <c r="GA11" s="114">
        <v>39214420</v>
      </c>
      <c r="GB11" s="114">
        <v>74357750</v>
      </c>
      <c r="GC11" s="114">
        <v>63227884</v>
      </c>
      <c r="GD11" s="114">
        <v>64447005</v>
      </c>
      <c r="GE11" s="114">
        <v>47299884</v>
      </c>
      <c r="GF11" s="113">
        <v>288546943</v>
      </c>
      <c r="GG11" s="318">
        <v>313188887</v>
      </c>
      <c r="GH11" s="115">
        <v>851160</v>
      </c>
      <c r="GI11" s="114">
        <v>958716</v>
      </c>
      <c r="GJ11" s="112">
        <v>1809876</v>
      </c>
      <c r="GK11" s="111">
        <v>0</v>
      </c>
      <c r="GL11" s="114">
        <v>2285586</v>
      </c>
      <c r="GM11" s="114">
        <v>2560996</v>
      </c>
      <c r="GN11" s="114">
        <v>2560091</v>
      </c>
      <c r="GO11" s="114">
        <v>1817495</v>
      </c>
      <c r="GP11" s="114">
        <v>734123</v>
      </c>
      <c r="GQ11" s="113">
        <v>9958291</v>
      </c>
      <c r="GR11" s="116">
        <v>11768167</v>
      </c>
      <c r="GS11" s="110">
        <v>2978773</v>
      </c>
      <c r="GT11" s="114">
        <v>3174039</v>
      </c>
      <c r="GU11" s="113">
        <v>6152812</v>
      </c>
      <c r="GV11" s="110">
        <v>0</v>
      </c>
      <c r="GW11" s="114">
        <v>4299619</v>
      </c>
      <c r="GX11" s="114">
        <v>3829800</v>
      </c>
      <c r="GY11" s="114">
        <v>2611250</v>
      </c>
      <c r="GZ11" s="114">
        <v>1435228</v>
      </c>
      <c r="HA11" s="114">
        <v>691053</v>
      </c>
      <c r="HB11" s="112">
        <v>12866950</v>
      </c>
      <c r="HC11" s="116">
        <v>19019762</v>
      </c>
      <c r="HD11" s="110">
        <v>14774257</v>
      </c>
      <c r="HE11" s="114">
        <v>16835717</v>
      </c>
      <c r="HF11" s="112">
        <v>31609974</v>
      </c>
      <c r="HG11" s="111">
        <v>0</v>
      </c>
      <c r="HH11" s="114">
        <v>149192234</v>
      </c>
      <c r="HI11" s="114">
        <v>131784774</v>
      </c>
      <c r="HJ11" s="114">
        <v>143709891</v>
      </c>
      <c r="HK11" s="114">
        <v>179840888</v>
      </c>
      <c r="HL11" s="114">
        <v>118857414</v>
      </c>
      <c r="HM11" s="113">
        <v>723385201</v>
      </c>
      <c r="HN11" s="109">
        <v>754995175</v>
      </c>
      <c r="HO11" s="115">
        <v>9403470</v>
      </c>
      <c r="HP11" s="114">
        <v>16405056</v>
      </c>
      <c r="HQ11" s="113">
        <v>25808526</v>
      </c>
      <c r="HR11" s="110">
        <v>0</v>
      </c>
      <c r="HS11" s="114">
        <v>140957872</v>
      </c>
      <c r="HT11" s="114">
        <v>107020523</v>
      </c>
      <c r="HU11" s="114">
        <v>82294355</v>
      </c>
      <c r="HV11" s="114">
        <v>64975898</v>
      </c>
      <c r="HW11" s="114">
        <v>38423656</v>
      </c>
      <c r="HX11" s="112">
        <v>433672304</v>
      </c>
      <c r="HY11" s="116">
        <v>459480830</v>
      </c>
      <c r="HZ11" s="131">
        <v>1090724</v>
      </c>
      <c r="IA11" s="132">
        <v>4792898</v>
      </c>
      <c r="IB11" s="133">
        <v>5883622</v>
      </c>
      <c r="IC11" s="146">
        <v>0</v>
      </c>
      <c r="ID11" s="132">
        <v>263970823</v>
      </c>
      <c r="IE11" s="147">
        <v>323228222</v>
      </c>
      <c r="IF11" s="133">
        <v>364028164</v>
      </c>
      <c r="IG11" s="132">
        <v>286685935</v>
      </c>
      <c r="IH11" s="133">
        <v>228630727</v>
      </c>
      <c r="II11" s="148">
        <v>1466543871</v>
      </c>
      <c r="IJ11" s="139">
        <v>1472427493</v>
      </c>
      <c r="IK11" s="232">
        <v>0</v>
      </c>
      <c r="IL11" s="236">
        <v>0</v>
      </c>
      <c r="IM11" s="237">
        <v>0</v>
      </c>
      <c r="IN11" s="140"/>
      <c r="IO11" s="119">
        <v>6155686</v>
      </c>
      <c r="IP11" s="119">
        <v>9355295</v>
      </c>
      <c r="IQ11" s="119">
        <v>14764738</v>
      </c>
      <c r="IR11" s="119">
        <v>21908937</v>
      </c>
      <c r="IS11" s="119">
        <v>31892403</v>
      </c>
      <c r="IT11" s="141">
        <v>84077059</v>
      </c>
      <c r="IU11" s="320">
        <v>84077059</v>
      </c>
      <c r="IV11" s="142">
        <v>0</v>
      </c>
      <c r="IW11" s="119">
        <v>0</v>
      </c>
      <c r="IX11" s="120">
        <v>0</v>
      </c>
      <c r="IY11" s="144"/>
      <c r="IZ11" s="119">
        <v>1486413</v>
      </c>
      <c r="JA11" s="119">
        <v>2257435</v>
      </c>
      <c r="JB11" s="119">
        <v>2445006</v>
      </c>
      <c r="JC11" s="119">
        <v>3018660</v>
      </c>
      <c r="JD11" s="119">
        <v>3701655</v>
      </c>
      <c r="JE11" s="120">
        <v>12909169</v>
      </c>
      <c r="JF11" s="121">
        <v>12909169</v>
      </c>
      <c r="JG11" s="142">
        <v>0</v>
      </c>
      <c r="JH11" s="119">
        <v>0</v>
      </c>
      <c r="JI11" s="141">
        <v>0</v>
      </c>
      <c r="JJ11" s="118">
        <v>0</v>
      </c>
      <c r="JK11" s="119">
        <v>83000890</v>
      </c>
      <c r="JL11" s="119">
        <v>73248092</v>
      </c>
      <c r="JM11" s="119">
        <v>65312464</v>
      </c>
      <c r="JN11" s="119">
        <v>42678250</v>
      </c>
      <c r="JO11" s="119">
        <v>26418095</v>
      </c>
      <c r="JP11" s="120">
        <v>290657791</v>
      </c>
      <c r="JQ11" s="320">
        <v>290657791</v>
      </c>
      <c r="JR11" s="142">
        <v>51377</v>
      </c>
      <c r="JS11" s="119">
        <v>22824</v>
      </c>
      <c r="JT11" s="141">
        <v>74201</v>
      </c>
      <c r="JU11" s="118">
        <v>0</v>
      </c>
      <c r="JV11" s="119">
        <v>16317627</v>
      </c>
      <c r="JW11" s="119">
        <v>20978058</v>
      </c>
      <c r="JX11" s="119">
        <v>29711929</v>
      </c>
      <c r="JY11" s="119">
        <v>19632576</v>
      </c>
      <c r="JZ11" s="119">
        <v>13593850</v>
      </c>
      <c r="KA11" s="120">
        <v>100234040</v>
      </c>
      <c r="KB11" s="320">
        <v>100308241</v>
      </c>
      <c r="KC11" s="234">
        <v>1039347</v>
      </c>
      <c r="KD11" s="230">
        <v>3020155</v>
      </c>
      <c r="KE11" s="120">
        <v>4059502</v>
      </c>
      <c r="KF11" s="118">
        <v>0</v>
      </c>
      <c r="KG11" s="119">
        <v>28032415</v>
      </c>
      <c r="KH11" s="119">
        <v>43333311</v>
      </c>
      <c r="KI11" s="119">
        <v>48426627</v>
      </c>
      <c r="KJ11" s="119">
        <v>42646502</v>
      </c>
      <c r="KK11" s="119">
        <v>20854205</v>
      </c>
      <c r="KL11" s="120">
        <v>183293060</v>
      </c>
      <c r="KM11" s="143">
        <v>187352562</v>
      </c>
      <c r="KN11" s="232">
        <v>0</v>
      </c>
      <c r="KO11" s="236">
        <v>1749919</v>
      </c>
      <c r="KP11" s="237">
        <v>1749919</v>
      </c>
      <c r="KQ11" s="140"/>
      <c r="KR11" s="119">
        <v>117528397</v>
      </c>
      <c r="KS11" s="119">
        <v>152670221</v>
      </c>
      <c r="KT11" s="119">
        <v>161348376</v>
      </c>
      <c r="KU11" s="119">
        <v>101913339</v>
      </c>
      <c r="KV11" s="119">
        <v>74635243</v>
      </c>
      <c r="KW11" s="120">
        <v>608095576</v>
      </c>
      <c r="KX11" s="320">
        <v>609845495</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962375</v>
      </c>
      <c r="LO11" s="119">
        <v>1383875</v>
      </c>
      <c r="LP11" s="119">
        <v>19725955</v>
      </c>
      <c r="LQ11" s="119">
        <v>27892138</v>
      </c>
      <c r="LR11" s="119">
        <v>22242675</v>
      </c>
      <c r="LS11" s="120">
        <v>72207018</v>
      </c>
      <c r="LT11" s="320">
        <v>72207018</v>
      </c>
      <c r="LU11" s="142">
        <v>0</v>
      </c>
      <c r="LV11" s="119">
        <v>0</v>
      </c>
      <c r="LW11" s="120">
        <v>0</v>
      </c>
      <c r="LX11" s="145"/>
      <c r="LY11" s="119">
        <v>10487020</v>
      </c>
      <c r="LZ11" s="119">
        <v>20001935</v>
      </c>
      <c r="MA11" s="119">
        <v>22293069</v>
      </c>
      <c r="MB11" s="119">
        <v>26995533</v>
      </c>
      <c r="MC11" s="119">
        <v>35292601</v>
      </c>
      <c r="MD11" s="120">
        <v>115070158</v>
      </c>
      <c r="ME11" s="121">
        <v>115070158</v>
      </c>
      <c r="MF11" s="142">
        <v>0</v>
      </c>
      <c r="MG11" s="119">
        <v>0</v>
      </c>
      <c r="MH11" s="120">
        <v>0</v>
      </c>
      <c r="MI11" s="145"/>
      <c r="MJ11" s="119">
        <v>70077820</v>
      </c>
      <c r="MK11" s="119">
        <v>144781297</v>
      </c>
      <c r="ML11" s="119">
        <v>482007195</v>
      </c>
      <c r="MM11" s="119">
        <v>769992183</v>
      </c>
      <c r="MN11" s="119">
        <v>542352342</v>
      </c>
      <c r="MO11" s="120">
        <v>2009210837</v>
      </c>
      <c r="MP11" s="143">
        <v>2009210837</v>
      </c>
      <c r="MQ11" s="142">
        <v>0</v>
      </c>
      <c r="MR11" s="119">
        <v>0</v>
      </c>
      <c r="MS11" s="120">
        <v>0</v>
      </c>
      <c r="MT11" s="145"/>
      <c r="MU11" s="119">
        <v>17154733</v>
      </c>
      <c r="MV11" s="119">
        <v>41864194</v>
      </c>
      <c r="MW11" s="119">
        <v>329073708</v>
      </c>
      <c r="MX11" s="119">
        <v>506530583</v>
      </c>
      <c r="MY11" s="119">
        <v>374753891</v>
      </c>
      <c r="MZ11" s="120">
        <v>1269377109</v>
      </c>
      <c r="NA11" s="143">
        <v>1269377109</v>
      </c>
      <c r="NB11" s="142">
        <v>0</v>
      </c>
      <c r="NC11" s="119">
        <v>0</v>
      </c>
      <c r="ND11" s="120">
        <v>0</v>
      </c>
      <c r="NE11" s="145"/>
      <c r="NF11" s="119">
        <v>52923087</v>
      </c>
      <c r="NG11" s="119">
        <v>102418004</v>
      </c>
      <c r="NH11" s="119">
        <v>149259813</v>
      </c>
      <c r="NI11" s="119">
        <v>228450598</v>
      </c>
      <c r="NJ11" s="119">
        <v>111739048</v>
      </c>
      <c r="NK11" s="120">
        <v>644790550</v>
      </c>
      <c r="NL11" s="320">
        <v>644790550</v>
      </c>
      <c r="NM11" s="142">
        <v>0</v>
      </c>
      <c r="NN11" s="119">
        <v>0</v>
      </c>
      <c r="NO11" s="120">
        <v>0</v>
      </c>
      <c r="NP11" s="145"/>
      <c r="NQ11" s="119">
        <v>0</v>
      </c>
      <c r="NR11" s="119">
        <v>246901</v>
      </c>
      <c r="NS11" s="119">
        <v>2503714</v>
      </c>
      <c r="NT11" s="119">
        <v>19260819</v>
      </c>
      <c r="NU11" s="119">
        <v>31524591</v>
      </c>
      <c r="NV11" s="120">
        <v>53536025</v>
      </c>
      <c r="NW11" s="121">
        <v>53536025</v>
      </c>
      <c r="NX11" s="142">
        <v>0</v>
      </c>
      <c r="NY11" s="119">
        <v>0</v>
      </c>
      <c r="NZ11" s="120">
        <v>0</v>
      </c>
      <c r="OA11" s="145"/>
      <c r="OB11" s="119">
        <v>0</v>
      </c>
      <c r="OC11" s="119">
        <v>252198</v>
      </c>
      <c r="OD11" s="119">
        <v>1169960</v>
      </c>
      <c r="OE11" s="119">
        <v>15750183</v>
      </c>
      <c r="OF11" s="119">
        <v>24334812</v>
      </c>
      <c r="OG11" s="120">
        <v>41507153</v>
      </c>
      <c r="OH11" s="121">
        <v>41507153</v>
      </c>
      <c r="OI11" s="142">
        <v>52389879</v>
      </c>
      <c r="OJ11" s="119">
        <v>96632811</v>
      </c>
      <c r="OK11" s="141">
        <v>149022690</v>
      </c>
      <c r="OL11" s="118">
        <v>0</v>
      </c>
      <c r="OM11" s="119">
        <v>1163832032</v>
      </c>
      <c r="ON11" s="119">
        <v>1323788698</v>
      </c>
      <c r="OO11" s="119">
        <v>1657135518</v>
      </c>
      <c r="OP11" s="119">
        <v>1888297893</v>
      </c>
      <c r="OQ11" s="119">
        <v>1406451162</v>
      </c>
      <c r="OR11" s="120">
        <v>7439505303</v>
      </c>
      <c r="OS11" s="143">
        <v>7588527993</v>
      </c>
    </row>
    <row r="12" spans="1:409" ht="21" customHeight="1" x14ac:dyDescent="0.2">
      <c r="B12" s="62" t="s">
        <v>14</v>
      </c>
      <c r="C12" s="110">
        <v>27187461</v>
      </c>
      <c r="D12" s="114">
        <v>69969868</v>
      </c>
      <c r="E12" s="113">
        <v>97157329</v>
      </c>
      <c r="F12" s="109">
        <v>0</v>
      </c>
      <c r="G12" s="114">
        <v>308109514</v>
      </c>
      <c r="H12" s="114">
        <v>498487119</v>
      </c>
      <c r="I12" s="114">
        <v>471018954</v>
      </c>
      <c r="J12" s="114">
        <v>397604216</v>
      </c>
      <c r="K12" s="114">
        <v>280008548</v>
      </c>
      <c r="L12" s="112">
        <v>1955228351</v>
      </c>
      <c r="M12" s="116">
        <v>2052385680</v>
      </c>
      <c r="N12" s="110">
        <v>4711435</v>
      </c>
      <c r="O12" s="114">
        <v>16840324</v>
      </c>
      <c r="P12" s="113">
        <v>21551759</v>
      </c>
      <c r="Q12" s="110">
        <v>0</v>
      </c>
      <c r="R12" s="114">
        <v>85010794</v>
      </c>
      <c r="S12" s="114">
        <v>156782888</v>
      </c>
      <c r="T12" s="114">
        <v>155719955</v>
      </c>
      <c r="U12" s="114">
        <v>145985903</v>
      </c>
      <c r="V12" s="114">
        <v>135507707</v>
      </c>
      <c r="W12" s="113">
        <v>679007247</v>
      </c>
      <c r="X12" s="116">
        <v>700559006</v>
      </c>
      <c r="Y12" s="110">
        <v>0</v>
      </c>
      <c r="Z12" s="114">
        <v>0</v>
      </c>
      <c r="AA12" s="113">
        <v>0</v>
      </c>
      <c r="AB12" s="110">
        <v>0</v>
      </c>
      <c r="AC12" s="114">
        <v>43593366</v>
      </c>
      <c r="AD12" s="114">
        <v>83422181</v>
      </c>
      <c r="AE12" s="114">
        <v>93771435</v>
      </c>
      <c r="AF12" s="114">
        <v>86119925</v>
      </c>
      <c r="AG12" s="114">
        <v>78961504</v>
      </c>
      <c r="AH12" s="113">
        <v>385868411</v>
      </c>
      <c r="AI12" s="116">
        <v>385868411</v>
      </c>
      <c r="AJ12" s="110">
        <v>0</v>
      </c>
      <c r="AK12" s="114">
        <v>74708</v>
      </c>
      <c r="AL12" s="113">
        <v>74708</v>
      </c>
      <c r="AM12" s="110">
        <v>0</v>
      </c>
      <c r="AN12" s="114">
        <v>286176</v>
      </c>
      <c r="AO12" s="114">
        <v>1264021</v>
      </c>
      <c r="AP12" s="114">
        <v>3547485</v>
      </c>
      <c r="AQ12" s="114">
        <v>7576011</v>
      </c>
      <c r="AR12" s="114">
        <v>15070739</v>
      </c>
      <c r="AS12" s="113">
        <v>27744432</v>
      </c>
      <c r="AT12" s="116">
        <v>27819140</v>
      </c>
      <c r="AU12" s="110">
        <v>2329657</v>
      </c>
      <c r="AV12" s="114">
        <v>12059210</v>
      </c>
      <c r="AW12" s="113">
        <v>14388867</v>
      </c>
      <c r="AX12" s="110">
        <v>0</v>
      </c>
      <c r="AY12" s="114">
        <v>23663791</v>
      </c>
      <c r="AZ12" s="114">
        <v>46711727</v>
      </c>
      <c r="BA12" s="114">
        <v>32617235</v>
      </c>
      <c r="BB12" s="114">
        <v>30253240</v>
      </c>
      <c r="BC12" s="114">
        <v>26005275</v>
      </c>
      <c r="BD12" s="113">
        <v>159251268</v>
      </c>
      <c r="BE12" s="116">
        <v>173640135</v>
      </c>
      <c r="BF12" s="110">
        <v>164708</v>
      </c>
      <c r="BG12" s="114">
        <v>1199197</v>
      </c>
      <c r="BH12" s="112">
        <v>1363905</v>
      </c>
      <c r="BI12" s="111">
        <v>0</v>
      </c>
      <c r="BJ12" s="114">
        <v>839738</v>
      </c>
      <c r="BK12" s="114">
        <v>2764038</v>
      </c>
      <c r="BL12" s="114">
        <v>1943540</v>
      </c>
      <c r="BM12" s="114">
        <v>1625180</v>
      </c>
      <c r="BN12" s="114">
        <v>750854</v>
      </c>
      <c r="BO12" s="113">
        <v>7923350</v>
      </c>
      <c r="BP12" s="116">
        <v>9287255</v>
      </c>
      <c r="BQ12" s="110">
        <v>2217070</v>
      </c>
      <c r="BR12" s="114">
        <v>3507209</v>
      </c>
      <c r="BS12" s="113">
        <v>5724279</v>
      </c>
      <c r="BT12" s="110">
        <v>0</v>
      </c>
      <c r="BU12" s="114">
        <v>16627723</v>
      </c>
      <c r="BV12" s="114">
        <v>22620921</v>
      </c>
      <c r="BW12" s="114">
        <v>23840260</v>
      </c>
      <c r="BX12" s="114">
        <v>20411547</v>
      </c>
      <c r="BY12" s="114">
        <v>14719335</v>
      </c>
      <c r="BZ12" s="113">
        <v>98219786</v>
      </c>
      <c r="CA12" s="116">
        <v>103944065</v>
      </c>
      <c r="CB12" s="110">
        <v>1772126</v>
      </c>
      <c r="CC12" s="114">
        <v>6851604</v>
      </c>
      <c r="CD12" s="113">
        <v>8623730</v>
      </c>
      <c r="CE12" s="110">
        <v>0</v>
      </c>
      <c r="CF12" s="114">
        <v>88129169</v>
      </c>
      <c r="CG12" s="114">
        <v>143755669</v>
      </c>
      <c r="CH12" s="114">
        <v>122230503</v>
      </c>
      <c r="CI12" s="114">
        <v>78615237</v>
      </c>
      <c r="CJ12" s="114">
        <v>41031368</v>
      </c>
      <c r="CK12" s="113">
        <v>473761946</v>
      </c>
      <c r="CL12" s="116">
        <v>482385676</v>
      </c>
      <c r="CM12" s="110">
        <v>0</v>
      </c>
      <c r="CN12" s="114">
        <v>0</v>
      </c>
      <c r="CO12" s="113">
        <v>0</v>
      </c>
      <c r="CP12" s="111">
        <v>0</v>
      </c>
      <c r="CQ12" s="114">
        <v>81512239</v>
      </c>
      <c r="CR12" s="114">
        <v>121932453</v>
      </c>
      <c r="CS12" s="114">
        <v>105125509</v>
      </c>
      <c r="CT12" s="114">
        <v>64826959</v>
      </c>
      <c r="CU12" s="114">
        <v>35533951</v>
      </c>
      <c r="CV12" s="113">
        <v>408931111</v>
      </c>
      <c r="CW12" s="116">
        <v>408931111</v>
      </c>
      <c r="CX12" s="110">
        <v>1772126</v>
      </c>
      <c r="CY12" s="114">
        <v>6851604</v>
      </c>
      <c r="CZ12" s="113">
        <v>8623730</v>
      </c>
      <c r="DA12" s="110">
        <v>0</v>
      </c>
      <c r="DB12" s="114">
        <v>6616930</v>
      </c>
      <c r="DC12" s="114">
        <v>21823216</v>
      </c>
      <c r="DD12" s="114">
        <v>17104994</v>
      </c>
      <c r="DE12" s="114">
        <v>13788278</v>
      </c>
      <c r="DF12" s="114">
        <v>5497417</v>
      </c>
      <c r="DG12" s="113">
        <v>64830835</v>
      </c>
      <c r="DH12" s="116">
        <v>73454565</v>
      </c>
      <c r="DI12" s="110">
        <v>133494</v>
      </c>
      <c r="DJ12" s="114">
        <v>368561</v>
      </c>
      <c r="DK12" s="112">
        <v>502055</v>
      </c>
      <c r="DL12" s="111">
        <v>0</v>
      </c>
      <c r="DM12" s="114">
        <v>6374516</v>
      </c>
      <c r="DN12" s="114">
        <v>19344118</v>
      </c>
      <c r="DO12" s="114">
        <v>42931335</v>
      </c>
      <c r="DP12" s="114">
        <v>37028606</v>
      </c>
      <c r="DQ12" s="114">
        <v>20770643</v>
      </c>
      <c r="DR12" s="113">
        <v>126449218</v>
      </c>
      <c r="DS12" s="116">
        <v>126951273</v>
      </c>
      <c r="DT12" s="110">
        <v>133494</v>
      </c>
      <c r="DU12" s="114">
        <v>368561</v>
      </c>
      <c r="DV12" s="113">
        <v>502055</v>
      </c>
      <c r="DW12" s="110">
        <v>0</v>
      </c>
      <c r="DX12" s="114">
        <v>6251389</v>
      </c>
      <c r="DY12" s="114">
        <v>18752006</v>
      </c>
      <c r="DZ12" s="114">
        <v>42439807</v>
      </c>
      <c r="EA12" s="114">
        <v>36478770</v>
      </c>
      <c r="EB12" s="114">
        <v>20623556</v>
      </c>
      <c r="EC12" s="113">
        <v>124545528</v>
      </c>
      <c r="ED12" s="116">
        <v>125047583</v>
      </c>
      <c r="EE12" s="110">
        <v>0</v>
      </c>
      <c r="EF12" s="112">
        <v>0</v>
      </c>
      <c r="EG12" s="113">
        <v>0</v>
      </c>
      <c r="EH12" s="110">
        <v>0</v>
      </c>
      <c r="EI12" s="114">
        <v>123127</v>
      </c>
      <c r="EJ12" s="114">
        <v>592112</v>
      </c>
      <c r="EK12" s="114">
        <v>491528</v>
      </c>
      <c r="EL12" s="114">
        <v>549836</v>
      </c>
      <c r="EM12" s="114">
        <v>147087</v>
      </c>
      <c r="EN12" s="112">
        <v>1903690</v>
      </c>
      <c r="EO12" s="116">
        <v>1903690</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8275983</v>
      </c>
      <c r="FM12" s="114">
        <v>21533351</v>
      </c>
      <c r="FN12" s="113">
        <v>29809334</v>
      </c>
      <c r="FO12" s="110">
        <v>0</v>
      </c>
      <c r="FP12" s="114">
        <v>18033735</v>
      </c>
      <c r="FQ12" s="114">
        <v>53678285</v>
      </c>
      <c r="FR12" s="114">
        <v>41095890</v>
      </c>
      <c r="FS12" s="114">
        <v>33864309</v>
      </c>
      <c r="FT12" s="114">
        <v>22482541</v>
      </c>
      <c r="FU12" s="113">
        <v>169154760</v>
      </c>
      <c r="FV12" s="116">
        <v>198964094</v>
      </c>
      <c r="FW12" s="115">
        <v>4731476</v>
      </c>
      <c r="FX12" s="114">
        <v>17371615</v>
      </c>
      <c r="FY12" s="112">
        <v>22103091</v>
      </c>
      <c r="FZ12" s="111">
        <v>0</v>
      </c>
      <c r="GA12" s="114">
        <v>14510388</v>
      </c>
      <c r="GB12" s="114">
        <v>50455823</v>
      </c>
      <c r="GC12" s="114">
        <v>38308099</v>
      </c>
      <c r="GD12" s="114">
        <v>31897324</v>
      </c>
      <c r="GE12" s="114">
        <v>21853857</v>
      </c>
      <c r="GF12" s="113">
        <v>157025491</v>
      </c>
      <c r="GG12" s="318">
        <v>179128582</v>
      </c>
      <c r="GH12" s="115">
        <v>481736</v>
      </c>
      <c r="GI12" s="114">
        <v>1208062</v>
      </c>
      <c r="GJ12" s="112">
        <v>1689798</v>
      </c>
      <c r="GK12" s="111">
        <v>0</v>
      </c>
      <c r="GL12" s="114">
        <v>1096677</v>
      </c>
      <c r="GM12" s="114">
        <v>1350131</v>
      </c>
      <c r="GN12" s="114">
        <v>1275821</v>
      </c>
      <c r="GO12" s="114">
        <v>806546</v>
      </c>
      <c r="GP12" s="114">
        <v>331062</v>
      </c>
      <c r="GQ12" s="113">
        <v>4860237</v>
      </c>
      <c r="GR12" s="116">
        <v>6550035</v>
      </c>
      <c r="GS12" s="110">
        <v>3062771</v>
      </c>
      <c r="GT12" s="114">
        <v>2953674</v>
      </c>
      <c r="GU12" s="113">
        <v>6016445</v>
      </c>
      <c r="GV12" s="110">
        <v>0</v>
      </c>
      <c r="GW12" s="114">
        <v>2426670</v>
      </c>
      <c r="GX12" s="114">
        <v>1872331</v>
      </c>
      <c r="GY12" s="114">
        <v>1511970</v>
      </c>
      <c r="GZ12" s="114">
        <v>1160439</v>
      </c>
      <c r="HA12" s="114">
        <v>297622</v>
      </c>
      <c r="HB12" s="112">
        <v>7269032</v>
      </c>
      <c r="HC12" s="116">
        <v>13285477</v>
      </c>
      <c r="HD12" s="110">
        <v>7643194</v>
      </c>
      <c r="HE12" s="114">
        <v>11391917</v>
      </c>
      <c r="HF12" s="112">
        <v>19035111</v>
      </c>
      <c r="HG12" s="111">
        <v>0</v>
      </c>
      <c r="HH12" s="114">
        <v>56145539</v>
      </c>
      <c r="HI12" s="114">
        <v>52754490</v>
      </c>
      <c r="HJ12" s="114">
        <v>58228909</v>
      </c>
      <c r="HK12" s="114">
        <v>70888229</v>
      </c>
      <c r="HL12" s="114">
        <v>42291158</v>
      </c>
      <c r="HM12" s="113">
        <v>280308325</v>
      </c>
      <c r="HN12" s="109">
        <v>299343436</v>
      </c>
      <c r="HO12" s="115">
        <v>4651229</v>
      </c>
      <c r="HP12" s="114">
        <v>12984111</v>
      </c>
      <c r="HQ12" s="113">
        <v>17635340</v>
      </c>
      <c r="HR12" s="110">
        <v>0</v>
      </c>
      <c r="HS12" s="114">
        <v>54415761</v>
      </c>
      <c r="HT12" s="114">
        <v>72171669</v>
      </c>
      <c r="HU12" s="114">
        <v>50812362</v>
      </c>
      <c r="HV12" s="114">
        <v>31221932</v>
      </c>
      <c r="HW12" s="114">
        <v>17925131</v>
      </c>
      <c r="HX12" s="112">
        <v>226546855</v>
      </c>
      <c r="HY12" s="116">
        <v>244182195</v>
      </c>
      <c r="HZ12" s="131">
        <v>931775</v>
      </c>
      <c r="IA12" s="132">
        <v>3580563</v>
      </c>
      <c r="IB12" s="133">
        <v>4512338</v>
      </c>
      <c r="IC12" s="134">
        <v>0</v>
      </c>
      <c r="ID12" s="135">
        <v>119119526</v>
      </c>
      <c r="IE12" s="136">
        <v>171405592</v>
      </c>
      <c r="IF12" s="137">
        <v>198061787</v>
      </c>
      <c r="IG12" s="135">
        <v>134205519</v>
      </c>
      <c r="IH12" s="137">
        <v>84565784</v>
      </c>
      <c r="II12" s="138">
        <v>707358208</v>
      </c>
      <c r="IJ12" s="139">
        <v>711870546</v>
      </c>
      <c r="IK12" s="232">
        <v>0</v>
      </c>
      <c r="IL12" s="236">
        <v>0</v>
      </c>
      <c r="IM12" s="237">
        <v>0</v>
      </c>
      <c r="IN12" s="140"/>
      <c r="IO12" s="119">
        <v>1977893</v>
      </c>
      <c r="IP12" s="119">
        <v>2220522</v>
      </c>
      <c r="IQ12" s="119">
        <v>5342436</v>
      </c>
      <c r="IR12" s="119">
        <v>4700925</v>
      </c>
      <c r="IS12" s="119">
        <v>4309297</v>
      </c>
      <c r="IT12" s="141">
        <v>18551073</v>
      </c>
      <c r="IU12" s="320">
        <v>18551073</v>
      </c>
      <c r="IV12" s="142">
        <v>0</v>
      </c>
      <c r="IW12" s="119">
        <v>0</v>
      </c>
      <c r="IX12" s="120">
        <v>0</v>
      </c>
      <c r="IY12" s="144"/>
      <c r="IZ12" s="119">
        <v>11609</v>
      </c>
      <c r="JA12" s="119">
        <v>3082</v>
      </c>
      <c r="JB12" s="119">
        <v>23218</v>
      </c>
      <c r="JC12" s="119">
        <v>85959</v>
      </c>
      <c r="JD12" s="119">
        <v>219371</v>
      </c>
      <c r="JE12" s="120">
        <v>343239</v>
      </c>
      <c r="JF12" s="121">
        <v>343239</v>
      </c>
      <c r="JG12" s="142">
        <v>0</v>
      </c>
      <c r="JH12" s="119">
        <v>0</v>
      </c>
      <c r="JI12" s="141">
        <v>0</v>
      </c>
      <c r="JJ12" s="118">
        <v>0</v>
      </c>
      <c r="JK12" s="119">
        <v>39680229</v>
      </c>
      <c r="JL12" s="119">
        <v>58910818</v>
      </c>
      <c r="JM12" s="119">
        <v>47802954</v>
      </c>
      <c r="JN12" s="119">
        <v>28476032</v>
      </c>
      <c r="JO12" s="119">
        <v>18078138</v>
      </c>
      <c r="JP12" s="120">
        <v>192948171</v>
      </c>
      <c r="JQ12" s="320">
        <v>192948171</v>
      </c>
      <c r="JR12" s="142">
        <v>60613</v>
      </c>
      <c r="JS12" s="119">
        <v>0</v>
      </c>
      <c r="JT12" s="141">
        <v>60613</v>
      </c>
      <c r="JU12" s="118">
        <v>0</v>
      </c>
      <c r="JV12" s="119">
        <v>1657493</v>
      </c>
      <c r="JW12" s="119">
        <v>2093661</v>
      </c>
      <c r="JX12" s="119">
        <v>5121835</v>
      </c>
      <c r="JY12" s="119">
        <v>2505353</v>
      </c>
      <c r="JZ12" s="119">
        <v>3896886</v>
      </c>
      <c r="KA12" s="120">
        <v>15275228</v>
      </c>
      <c r="KB12" s="320">
        <v>15335841</v>
      </c>
      <c r="KC12" s="234">
        <v>871162</v>
      </c>
      <c r="KD12" s="230">
        <v>2926127</v>
      </c>
      <c r="KE12" s="120">
        <v>3797289</v>
      </c>
      <c r="KF12" s="118">
        <v>0</v>
      </c>
      <c r="KG12" s="119">
        <v>15074875</v>
      </c>
      <c r="KH12" s="119">
        <v>26652105</v>
      </c>
      <c r="KI12" s="119">
        <v>31674011</v>
      </c>
      <c r="KJ12" s="119">
        <v>21733508</v>
      </c>
      <c r="KK12" s="119">
        <v>6101259</v>
      </c>
      <c r="KL12" s="120">
        <v>101235758</v>
      </c>
      <c r="KM12" s="143">
        <v>105033047</v>
      </c>
      <c r="KN12" s="232">
        <v>0</v>
      </c>
      <c r="KO12" s="236">
        <v>654436</v>
      </c>
      <c r="KP12" s="237">
        <v>654436</v>
      </c>
      <c r="KQ12" s="140"/>
      <c r="KR12" s="119">
        <v>58708512</v>
      </c>
      <c r="KS12" s="119">
        <v>77034530</v>
      </c>
      <c r="KT12" s="119">
        <v>97464222</v>
      </c>
      <c r="KU12" s="119">
        <v>60090293</v>
      </c>
      <c r="KV12" s="119">
        <v>41041713</v>
      </c>
      <c r="KW12" s="120">
        <v>334339270</v>
      </c>
      <c r="KX12" s="320">
        <v>334993706</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4187573</v>
      </c>
      <c r="LQ12" s="119">
        <v>8187623</v>
      </c>
      <c r="LR12" s="119">
        <v>3567319</v>
      </c>
      <c r="LS12" s="120">
        <v>16358650</v>
      </c>
      <c r="LT12" s="320">
        <v>16358650</v>
      </c>
      <c r="LU12" s="142">
        <v>0</v>
      </c>
      <c r="LV12" s="119">
        <v>0</v>
      </c>
      <c r="LW12" s="120">
        <v>0</v>
      </c>
      <c r="LX12" s="145"/>
      <c r="LY12" s="119">
        <v>2008915</v>
      </c>
      <c r="LZ12" s="119">
        <v>4074739</v>
      </c>
      <c r="MA12" s="119">
        <v>6445538</v>
      </c>
      <c r="MB12" s="119">
        <v>8425826</v>
      </c>
      <c r="MC12" s="119">
        <v>7351801</v>
      </c>
      <c r="MD12" s="120">
        <v>28306819</v>
      </c>
      <c r="ME12" s="121">
        <v>28306819</v>
      </c>
      <c r="MF12" s="142">
        <v>0</v>
      </c>
      <c r="MG12" s="119">
        <v>0</v>
      </c>
      <c r="MH12" s="120">
        <v>0</v>
      </c>
      <c r="MI12" s="145"/>
      <c r="MJ12" s="119">
        <v>20352462</v>
      </c>
      <c r="MK12" s="119">
        <v>68315559</v>
      </c>
      <c r="ML12" s="119">
        <v>312378653</v>
      </c>
      <c r="MM12" s="119">
        <v>519858606</v>
      </c>
      <c r="MN12" s="119">
        <v>346504822</v>
      </c>
      <c r="MO12" s="120">
        <v>1267410102</v>
      </c>
      <c r="MP12" s="143">
        <v>1267410102</v>
      </c>
      <c r="MQ12" s="142">
        <v>0</v>
      </c>
      <c r="MR12" s="119">
        <v>0</v>
      </c>
      <c r="MS12" s="120">
        <v>0</v>
      </c>
      <c r="MT12" s="145"/>
      <c r="MU12" s="119">
        <v>2178702</v>
      </c>
      <c r="MV12" s="119">
        <v>12533543</v>
      </c>
      <c r="MW12" s="119">
        <v>219440391</v>
      </c>
      <c r="MX12" s="119">
        <v>361551500</v>
      </c>
      <c r="MY12" s="119">
        <v>244306578</v>
      </c>
      <c r="MZ12" s="120">
        <v>840010714</v>
      </c>
      <c r="NA12" s="143">
        <v>840010714</v>
      </c>
      <c r="NB12" s="142">
        <v>0</v>
      </c>
      <c r="NC12" s="119">
        <v>0</v>
      </c>
      <c r="ND12" s="120">
        <v>0</v>
      </c>
      <c r="NE12" s="145"/>
      <c r="NF12" s="119">
        <v>18173760</v>
      </c>
      <c r="NG12" s="119">
        <v>55782016</v>
      </c>
      <c r="NH12" s="119">
        <v>89963328</v>
      </c>
      <c r="NI12" s="119">
        <v>122691549</v>
      </c>
      <c r="NJ12" s="119">
        <v>65641633</v>
      </c>
      <c r="NK12" s="120">
        <v>352252286</v>
      </c>
      <c r="NL12" s="320">
        <v>352252286</v>
      </c>
      <c r="NM12" s="142">
        <v>0</v>
      </c>
      <c r="NN12" s="119">
        <v>0</v>
      </c>
      <c r="NO12" s="120">
        <v>0</v>
      </c>
      <c r="NP12" s="145"/>
      <c r="NQ12" s="119">
        <v>0</v>
      </c>
      <c r="NR12" s="119">
        <v>0</v>
      </c>
      <c r="NS12" s="119">
        <v>12194</v>
      </c>
      <c r="NT12" s="119">
        <v>7877764</v>
      </c>
      <c r="NU12" s="119">
        <v>6407479</v>
      </c>
      <c r="NV12" s="120">
        <v>14297437</v>
      </c>
      <c r="NW12" s="121">
        <v>14297437</v>
      </c>
      <c r="NX12" s="142">
        <v>0</v>
      </c>
      <c r="NY12" s="119">
        <v>0</v>
      </c>
      <c r="NZ12" s="120">
        <v>0</v>
      </c>
      <c r="OA12" s="145"/>
      <c r="OB12" s="119">
        <v>0</v>
      </c>
      <c r="OC12" s="119">
        <v>0</v>
      </c>
      <c r="OD12" s="119">
        <v>2962740</v>
      </c>
      <c r="OE12" s="119">
        <v>27737793</v>
      </c>
      <c r="OF12" s="119">
        <v>30149132</v>
      </c>
      <c r="OG12" s="120">
        <v>60849665</v>
      </c>
      <c r="OH12" s="121">
        <v>60849665</v>
      </c>
      <c r="OI12" s="142">
        <v>28119236</v>
      </c>
      <c r="OJ12" s="119">
        <v>73550431</v>
      </c>
      <c r="OK12" s="141">
        <v>101669667</v>
      </c>
      <c r="OL12" s="118">
        <v>0</v>
      </c>
      <c r="OM12" s="119">
        <v>447581502</v>
      </c>
      <c r="ON12" s="119">
        <v>738208270</v>
      </c>
      <c r="OO12" s="119">
        <v>981459394</v>
      </c>
      <c r="OP12" s="119">
        <v>1051668341</v>
      </c>
      <c r="OQ12" s="119">
        <v>711079154</v>
      </c>
      <c r="OR12" s="120">
        <v>3929996661</v>
      </c>
      <c r="OS12" s="143">
        <v>4031666328</v>
      </c>
    </row>
    <row r="13" spans="1:409" ht="21" customHeight="1" x14ac:dyDescent="0.2">
      <c r="B13" s="62" t="s">
        <v>7</v>
      </c>
      <c r="C13" s="110">
        <v>14098145</v>
      </c>
      <c r="D13" s="114">
        <v>18195278</v>
      </c>
      <c r="E13" s="113">
        <v>32293423</v>
      </c>
      <c r="F13" s="109">
        <v>0</v>
      </c>
      <c r="G13" s="114">
        <v>343647809</v>
      </c>
      <c r="H13" s="114">
        <v>316114986</v>
      </c>
      <c r="I13" s="114">
        <v>265567689</v>
      </c>
      <c r="J13" s="114">
        <v>281379646</v>
      </c>
      <c r="K13" s="114">
        <v>193588213</v>
      </c>
      <c r="L13" s="109">
        <v>1400298343</v>
      </c>
      <c r="M13" s="116">
        <v>1432591766</v>
      </c>
      <c r="N13" s="110">
        <v>2135287</v>
      </c>
      <c r="O13" s="114">
        <v>1854927</v>
      </c>
      <c r="P13" s="113">
        <v>3990214</v>
      </c>
      <c r="Q13" s="110">
        <v>0</v>
      </c>
      <c r="R13" s="114">
        <v>81782467</v>
      </c>
      <c r="S13" s="114">
        <v>91920349</v>
      </c>
      <c r="T13" s="114">
        <v>85907126</v>
      </c>
      <c r="U13" s="114">
        <v>121763096</v>
      </c>
      <c r="V13" s="114">
        <v>111587866</v>
      </c>
      <c r="W13" s="113">
        <v>492960904</v>
      </c>
      <c r="X13" s="116">
        <v>496951118</v>
      </c>
      <c r="Y13" s="110">
        <v>0</v>
      </c>
      <c r="Z13" s="114">
        <v>0</v>
      </c>
      <c r="AA13" s="113">
        <v>0</v>
      </c>
      <c r="AB13" s="110">
        <v>0</v>
      </c>
      <c r="AC13" s="114">
        <v>44939010</v>
      </c>
      <c r="AD13" s="114">
        <v>50452305</v>
      </c>
      <c r="AE13" s="114">
        <v>54522576</v>
      </c>
      <c r="AF13" s="114">
        <v>79952402</v>
      </c>
      <c r="AG13" s="114">
        <v>74135814</v>
      </c>
      <c r="AH13" s="113">
        <v>304002107</v>
      </c>
      <c r="AI13" s="116">
        <v>304002107</v>
      </c>
      <c r="AJ13" s="110">
        <v>0</v>
      </c>
      <c r="AK13" s="114">
        <v>0</v>
      </c>
      <c r="AL13" s="113">
        <v>0</v>
      </c>
      <c r="AM13" s="110">
        <v>0</v>
      </c>
      <c r="AN13" s="114">
        <v>599545</v>
      </c>
      <c r="AO13" s="114">
        <v>2313818</v>
      </c>
      <c r="AP13" s="114">
        <v>3444836</v>
      </c>
      <c r="AQ13" s="114">
        <v>7170567</v>
      </c>
      <c r="AR13" s="114">
        <v>11175424</v>
      </c>
      <c r="AS13" s="113">
        <v>24704190</v>
      </c>
      <c r="AT13" s="116">
        <v>24704190</v>
      </c>
      <c r="AU13" s="110">
        <v>425028</v>
      </c>
      <c r="AV13" s="114">
        <v>600020</v>
      </c>
      <c r="AW13" s="113">
        <v>1025048</v>
      </c>
      <c r="AX13" s="110">
        <v>0</v>
      </c>
      <c r="AY13" s="114">
        <v>19954312</v>
      </c>
      <c r="AZ13" s="114">
        <v>23957497</v>
      </c>
      <c r="BA13" s="114">
        <v>14498171</v>
      </c>
      <c r="BB13" s="114">
        <v>20173364</v>
      </c>
      <c r="BC13" s="114">
        <v>16568566</v>
      </c>
      <c r="BD13" s="113">
        <v>95151910</v>
      </c>
      <c r="BE13" s="116">
        <v>96176958</v>
      </c>
      <c r="BF13" s="110">
        <v>123698</v>
      </c>
      <c r="BG13" s="114">
        <v>193523</v>
      </c>
      <c r="BH13" s="112">
        <v>317221</v>
      </c>
      <c r="BI13" s="111">
        <v>0</v>
      </c>
      <c r="BJ13" s="114">
        <v>1970223</v>
      </c>
      <c r="BK13" s="114">
        <v>2395093</v>
      </c>
      <c r="BL13" s="114">
        <v>1944736</v>
      </c>
      <c r="BM13" s="114">
        <v>1731491</v>
      </c>
      <c r="BN13" s="114">
        <v>1094621</v>
      </c>
      <c r="BO13" s="113">
        <v>9136164</v>
      </c>
      <c r="BP13" s="116">
        <v>9453385</v>
      </c>
      <c r="BQ13" s="110">
        <v>1586561</v>
      </c>
      <c r="BR13" s="114">
        <v>1061384</v>
      </c>
      <c r="BS13" s="113">
        <v>2647945</v>
      </c>
      <c r="BT13" s="110">
        <v>0</v>
      </c>
      <c r="BU13" s="114">
        <v>14319377</v>
      </c>
      <c r="BV13" s="114">
        <v>12801636</v>
      </c>
      <c r="BW13" s="114">
        <v>11496807</v>
      </c>
      <c r="BX13" s="114">
        <v>12735272</v>
      </c>
      <c r="BY13" s="114">
        <v>8613441</v>
      </c>
      <c r="BZ13" s="113">
        <v>59966533</v>
      </c>
      <c r="CA13" s="116">
        <v>62614478</v>
      </c>
      <c r="CB13" s="110">
        <v>660578</v>
      </c>
      <c r="CC13" s="114">
        <v>2336158</v>
      </c>
      <c r="CD13" s="113">
        <v>2996736</v>
      </c>
      <c r="CE13" s="110">
        <v>0</v>
      </c>
      <c r="CF13" s="114">
        <v>89180174</v>
      </c>
      <c r="CG13" s="114">
        <v>75058937</v>
      </c>
      <c r="CH13" s="114">
        <v>54046309</v>
      </c>
      <c r="CI13" s="114">
        <v>32609443</v>
      </c>
      <c r="CJ13" s="114">
        <v>12597025</v>
      </c>
      <c r="CK13" s="113">
        <v>263491888</v>
      </c>
      <c r="CL13" s="116">
        <v>266488624</v>
      </c>
      <c r="CM13" s="110">
        <v>0</v>
      </c>
      <c r="CN13" s="114">
        <v>60568</v>
      </c>
      <c r="CO13" s="113">
        <v>60568</v>
      </c>
      <c r="CP13" s="111">
        <v>0</v>
      </c>
      <c r="CQ13" s="114">
        <v>77009740</v>
      </c>
      <c r="CR13" s="114">
        <v>61833768</v>
      </c>
      <c r="CS13" s="114">
        <v>43945303</v>
      </c>
      <c r="CT13" s="114">
        <v>26804956</v>
      </c>
      <c r="CU13" s="114">
        <v>10812438</v>
      </c>
      <c r="CV13" s="113">
        <v>220406205</v>
      </c>
      <c r="CW13" s="116">
        <v>220466773</v>
      </c>
      <c r="CX13" s="110">
        <v>660578</v>
      </c>
      <c r="CY13" s="114">
        <v>2275590</v>
      </c>
      <c r="CZ13" s="113">
        <v>2936168</v>
      </c>
      <c r="DA13" s="110">
        <v>0</v>
      </c>
      <c r="DB13" s="114">
        <v>12170434</v>
      </c>
      <c r="DC13" s="114">
        <v>13225169</v>
      </c>
      <c r="DD13" s="114">
        <v>10101006</v>
      </c>
      <c r="DE13" s="114">
        <v>5804487</v>
      </c>
      <c r="DF13" s="114">
        <v>1784587</v>
      </c>
      <c r="DG13" s="113">
        <v>43085683</v>
      </c>
      <c r="DH13" s="116">
        <v>46021851</v>
      </c>
      <c r="DI13" s="110">
        <v>33070</v>
      </c>
      <c r="DJ13" s="114">
        <v>55364</v>
      </c>
      <c r="DK13" s="112">
        <v>88434</v>
      </c>
      <c r="DL13" s="111">
        <v>0</v>
      </c>
      <c r="DM13" s="114">
        <v>10930051</v>
      </c>
      <c r="DN13" s="114">
        <v>20099069</v>
      </c>
      <c r="DO13" s="114">
        <v>24889506</v>
      </c>
      <c r="DP13" s="114">
        <v>19964331</v>
      </c>
      <c r="DQ13" s="114">
        <v>8323213</v>
      </c>
      <c r="DR13" s="113">
        <v>84206170</v>
      </c>
      <c r="DS13" s="116">
        <v>84294604</v>
      </c>
      <c r="DT13" s="110">
        <v>33070</v>
      </c>
      <c r="DU13" s="114">
        <v>55364</v>
      </c>
      <c r="DV13" s="113">
        <v>88434</v>
      </c>
      <c r="DW13" s="110">
        <v>0</v>
      </c>
      <c r="DX13" s="114">
        <v>10316185</v>
      </c>
      <c r="DY13" s="114">
        <v>19299831</v>
      </c>
      <c r="DZ13" s="114">
        <v>22588766</v>
      </c>
      <c r="EA13" s="114">
        <v>17480053</v>
      </c>
      <c r="EB13" s="114">
        <v>7970000</v>
      </c>
      <c r="EC13" s="113">
        <v>77654835</v>
      </c>
      <c r="ED13" s="116">
        <v>77743269</v>
      </c>
      <c r="EE13" s="110">
        <v>0</v>
      </c>
      <c r="EF13" s="112">
        <v>0</v>
      </c>
      <c r="EG13" s="113">
        <v>0</v>
      </c>
      <c r="EH13" s="110">
        <v>0</v>
      </c>
      <c r="EI13" s="114">
        <v>613866</v>
      </c>
      <c r="EJ13" s="114">
        <v>799238</v>
      </c>
      <c r="EK13" s="114">
        <v>2300740</v>
      </c>
      <c r="EL13" s="114">
        <v>2484278</v>
      </c>
      <c r="EM13" s="114">
        <v>353213</v>
      </c>
      <c r="EN13" s="112">
        <v>6551335</v>
      </c>
      <c r="EO13" s="116">
        <v>6551335</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3645436</v>
      </c>
      <c r="FM13" s="114">
        <v>5827936</v>
      </c>
      <c r="FN13" s="113">
        <v>9473372</v>
      </c>
      <c r="FO13" s="110">
        <v>0</v>
      </c>
      <c r="FP13" s="114">
        <v>14679841</v>
      </c>
      <c r="FQ13" s="114">
        <v>31343711</v>
      </c>
      <c r="FR13" s="114">
        <v>22129361</v>
      </c>
      <c r="FS13" s="114">
        <v>19914349</v>
      </c>
      <c r="FT13" s="114">
        <v>12475470</v>
      </c>
      <c r="FU13" s="113">
        <v>100542732</v>
      </c>
      <c r="FV13" s="116">
        <v>110016104</v>
      </c>
      <c r="FW13" s="115">
        <v>1355618</v>
      </c>
      <c r="FX13" s="114">
        <v>3336464</v>
      </c>
      <c r="FY13" s="112">
        <v>4692082</v>
      </c>
      <c r="FZ13" s="111">
        <v>0</v>
      </c>
      <c r="GA13" s="114">
        <v>11382059</v>
      </c>
      <c r="GB13" s="114">
        <v>29040527</v>
      </c>
      <c r="GC13" s="114">
        <v>19769592</v>
      </c>
      <c r="GD13" s="114">
        <v>18868801</v>
      </c>
      <c r="GE13" s="114">
        <v>12224190</v>
      </c>
      <c r="GF13" s="113">
        <v>91285169</v>
      </c>
      <c r="GG13" s="318">
        <v>95977251</v>
      </c>
      <c r="GH13" s="115">
        <v>331200</v>
      </c>
      <c r="GI13" s="114">
        <v>262797</v>
      </c>
      <c r="GJ13" s="112">
        <v>593997</v>
      </c>
      <c r="GK13" s="111">
        <v>0</v>
      </c>
      <c r="GL13" s="114">
        <v>1006279</v>
      </c>
      <c r="GM13" s="114">
        <v>908976</v>
      </c>
      <c r="GN13" s="114">
        <v>596766</v>
      </c>
      <c r="GO13" s="114">
        <v>505548</v>
      </c>
      <c r="GP13" s="114">
        <v>89280</v>
      </c>
      <c r="GQ13" s="113">
        <v>3106849</v>
      </c>
      <c r="GR13" s="116">
        <v>3700846</v>
      </c>
      <c r="GS13" s="110">
        <v>1958618</v>
      </c>
      <c r="GT13" s="114">
        <v>2228675</v>
      </c>
      <c r="GU13" s="113">
        <v>4187293</v>
      </c>
      <c r="GV13" s="110">
        <v>0</v>
      </c>
      <c r="GW13" s="114">
        <v>2291503</v>
      </c>
      <c r="GX13" s="114">
        <v>1394208</v>
      </c>
      <c r="GY13" s="114">
        <v>1763003</v>
      </c>
      <c r="GZ13" s="114">
        <v>540000</v>
      </c>
      <c r="HA13" s="114">
        <v>162000</v>
      </c>
      <c r="HB13" s="112">
        <v>6150714</v>
      </c>
      <c r="HC13" s="116">
        <v>10338007</v>
      </c>
      <c r="HD13" s="110">
        <v>5702559</v>
      </c>
      <c r="HE13" s="114">
        <v>4495208</v>
      </c>
      <c r="HF13" s="112">
        <v>10197767</v>
      </c>
      <c r="HG13" s="111">
        <v>0</v>
      </c>
      <c r="HH13" s="114">
        <v>81800688</v>
      </c>
      <c r="HI13" s="114">
        <v>52072821</v>
      </c>
      <c r="HJ13" s="114">
        <v>49126678</v>
      </c>
      <c r="HK13" s="114">
        <v>65347622</v>
      </c>
      <c r="HL13" s="114">
        <v>36796546</v>
      </c>
      <c r="HM13" s="113">
        <v>285144355</v>
      </c>
      <c r="HN13" s="109">
        <v>295342122</v>
      </c>
      <c r="HO13" s="115">
        <v>1921215</v>
      </c>
      <c r="HP13" s="114">
        <v>3625685</v>
      </c>
      <c r="HQ13" s="113">
        <v>5546900</v>
      </c>
      <c r="HR13" s="110">
        <v>0</v>
      </c>
      <c r="HS13" s="114">
        <v>65274588</v>
      </c>
      <c r="HT13" s="114">
        <v>45620099</v>
      </c>
      <c r="HU13" s="114">
        <v>29468709</v>
      </c>
      <c r="HV13" s="114">
        <v>21780805</v>
      </c>
      <c r="HW13" s="114">
        <v>11808093</v>
      </c>
      <c r="HX13" s="112">
        <v>173952294</v>
      </c>
      <c r="HY13" s="116">
        <v>179499194</v>
      </c>
      <c r="HZ13" s="131">
        <v>242696</v>
      </c>
      <c r="IA13" s="132">
        <v>963114</v>
      </c>
      <c r="IB13" s="133">
        <v>1205810</v>
      </c>
      <c r="IC13" s="146">
        <v>0</v>
      </c>
      <c r="ID13" s="132">
        <v>89676706</v>
      </c>
      <c r="IE13" s="147">
        <v>93505818</v>
      </c>
      <c r="IF13" s="133">
        <v>96647990</v>
      </c>
      <c r="IG13" s="132">
        <v>67193585</v>
      </c>
      <c r="IH13" s="133">
        <v>41341593</v>
      </c>
      <c r="II13" s="148">
        <v>388365692</v>
      </c>
      <c r="IJ13" s="139">
        <v>389571502</v>
      </c>
      <c r="IK13" s="232">
        <v>0</v>
      </c>
      <c r="IL13" s="236">
        <v>0</v>
      </c>
      <c r="IM13" s="237">
        <v>0</v>
      </c>
      <c r="IN13" s="140"/>
      <c r="IO13" s="119">
        <v>510125</v>
      </c>
      <c r="IP13" s="119">
        <v>795793</v>
      </c>
      <c r="IQ13" s="119">
        <v>673205</v>
      </c>
      <c r="IR13" s="119">
        <v>2513451</v>
      </c>
      <c r="IS13" s="119">
        <v>1692851</v>
      </c>
      <c r="IT13" s="141">
        <v>6185425</v>
      </c>
      <c r="IU13" s="320">
        <v>6185425</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4717679</v>
      </c>
      <c r="JL13" s="119">
        <v>34662884</v>
      </c>
      <c r="JM13" s="119">
        <v>26019579</v>
      </c>
      <c r="JN13" s="119">
        <v>11706337</v>
      </c>
      <c r="JO13" s="119">
        <v>5364542</v>
      </c>
      <c r="JP13" s="120">
        <v>122471021</v>
      </c>
      <c r="JQ13" s="320">
        <v>122471021</v>
      </c>
      <c r="JR13" s="142">
        <v>0</v>
      </c>
      <c r="JS13" s="119">
        <v>0</v>
      </c>
      <c r="JT13" s="141">
        <v>0</v>
      </c>
      <c r="JU13" s="118">
        <v>0</v>
      </c>
      <c r="JV13" s="119">
        <v>7312146</v>
      </c>
      <c r="JW13" s="119">
        <v>10339773</v>
      </c>
      <c r="JX13" s="119">
        <v>12978932</v>
      </c>
      <c r="JY13" s="119">
        <v>6475000</v>
      </c>
      <c r="JZ13" s="119">
        <v>3073055</v>
      </c>
      <c r="KA13" s="120">
        <v>40178906</v>
      </c>
      <c r="KB13" s="320">
        <v>40178906</v>
      </c>
      <c r="KC13" s="234">
        <v>242696</v>
      </c>
      <c r="KD13" s="230">
        <v>963114</v>
      </c>
      <c r="KE13" s="120">
        <v>1205810</v>
      </c>
      <c r="KF13" s="118">
        <v>0</v>
      </c>
      <c r="KG13" s="119">
        <v>5775117</v>
      </c>
      <c r="KH13" s="119">
        <v>5700182</v>
      </c>
      <c r="KI13" s="119">
        <v>7860967</v>
      </c>
      <c r="KJ13" s="119">
        <v>5692128</v>
      </c>
      <c r="KK13" s="119">
        <v>2157412</v>
      </c>
      <c r="KL13" s="120">
        <v>27185806</v>
      </c>
      <c r="KM13" s="143">
        <v>28391616</v>
      </c>
      <c r="KN13" s="232">
        <v>0</v>
      </c>
      <c r="KO13" s="236">
        <v>0</v>
      </c>
      <c r="KP13" s="237">
        <v>0</v>
      </c>
      <c r="KQ13" s="140"/>
      <c r="KR13" s="119">
        <v>29425523</v>
      </c>
      <c r="KS13" s="119">
        <v>38811992</v>
      </c>
      <c r="KT13" s="119">
        <v>45826046</v>
      </c>
      <c r="KU13" s="119">
        <v>37989785</v>
      </c>
      <c r="KV13" s="119">
        <v>21733040</v>
      </c>
      <c r="KW13" s="120">
        <v>173786386</v>
      </c>
      <c r="KX13" s="320">
        <v>173786386</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936116</v>
      </c>
      <c r="LZ13" s="119">
        <v>3195194</v>
      </c>
      <c r="MA13" s="119">
        <v>3289261</v>
      </c>
      <c r="MB13" s="119">
        <v>2816884</v>
      </c>
      <c r="MC13" s="119">
        <v>7320693</v>
      </c>
      <c r="MD13" s="120">
        <v>18558148</v>
      </c>
      <c r="ME13" s="121">
        <v>18558148</v>
      </c>
      <c r="MF13" s="142">
        <v>0</v>
      </c>
      <c r="MG13" s="119">
        <v>0</v>
      </c>
      <c r="MH13" s="120">
        <v>0</v>
      </c>
      <c r="MI13" s="145"/>
      <c r="MJ13" s="119">
        <v>44448026</v>
      </c>
      <c r="MK13" s="119">
        <v>69547642</v>
      </c>
      <c r="ML13" s="119">
        <v>217242812</v>
      </c>
      <c r="MM13" s="119">
        <v>359016540</v>
      </c>
      <c r="MN13" s="119">
        <v>203757135</v>
      </c>
      <c r="MO13" s="120">
        <v>894012155</v>
      </c>
      <c r="MP13" s="143">
        <v>894012155</v>
      </c>
      <c r="MQ13" s="142">
        <v>0</v>
      </c>
      <c r="MR13" s="119">
        <v>0</v>
      </c>
      <c r="MS13" s="120">
        <v>0</v>
      </c>
      <c r="MT13" s="145"/>
      <c r="MU13" s="119">
        <v>4197834</v>
      </c>
      <c r="MV13" s="119">
        <v>10439373</v>
      </c>
      <c r="MW13" s="119">
        <v>143553993</v>
      </c>
      <c r="MX13" s="119">
        <v>260918240</v>
      </c>
      <c r="MY13" s="119">
        <v>170095589</v>
      </c>
      <c r="MZ13" s="120">
        <v>589205029</v>
      </c>
      <c r="NA13" s="143">
        <v>589205029</v>
      </c>
      <c r="NB13" s="142">
        <v>0</v>
      </c>
      <c r="NC13" s="119">
        <v>0</v>
      </c>
      <c r="ND13" s="120">
        <v>0</v>
      </c>
      <c r="NE13" s="145"/>
      <c r="NF13" s="119">
        <v>40250192</v>
      </c>
      <c r="NG13" s="119">
        <v>59108269</v>
      </c>
      <c r="NH13" s="119">
        <v>72977152</v>
      </c>
      <c r="NI13" s="119">
        <v>96620879</v>
      </c>
      <c r="NJ13" s="119">
        <v>31501195</v>
      </c>
      <c r="NK13" s="120">
        <v>300457687</v>
      </c>
      <c r="NL13" s="320">
        <v>300457687</v>
      </c>
      <c r="NM13" s="142">
        <v>0</v>
      </c>
      <c r="NN13" s="119">
        <v>0</v>
      </c>
      <c r="NO13" s="120">
        <v>0</v>
      </c>
      <c r="NP13" s="145"/>
      <c r="NQ13" s="119">
        <v>0</v>
      </c>
      <c r="NR13" s="119">
        <v>0</v>
      </c>
      <c r="NS13" s="119">
        <v>0</v>
      </c>
      <c r="NT13" s="119">
        <v>695988</v>
      </c>
      <c r="NU13" s="119">
        <v>1110573</v>
      </c>
      <c r="NV13" s="120">
        <v>1806561</v>
      </c>
      <c r="NW13" s="121">
        <v>1806561</v>
      </c>
      <c r="NX13" s="142">
        <v>0</v>
      </c>
      <c r="NY13" s="119">
        <v>0</v>
      </c>
      <c r="NZ13" s="120">
        <v>0</v>
      </c>
      <c r="OA13" s="145"/>
      <c r="OB13" s="119">
        <v>0</v>
      </c>
      <c r="OC13" s="119">
        <v>0</v>
      </c>
      <c r="OD13" s="119">
        <v>711667</v>
      </c>
      <c r="OE13" s="119">
        <v>781433</v>
      </c>
      <c r="OF13" s="119">
        <v>1049778</v>
      </c>
      <c r="OG13" s="120">
        <v>2542878</v>
      </c>
      <c r="OH13" s="121">
        <v>2542878</v>
      </c>
      <c r="OI13" s="142">
        <v>14340841</v>
      </c>
      <c r="OJ13" s="119">
        <v>19158392</v>
      </c>
      <c r="OK13" s="141">
        <v>33499233</v>
      </c>
      <c r="OL13" s="118">
        <v>0</v>
      </c>
      <c r="OM13" s="119">
        <v>477772541</v>
      </c>
      <c r="ON13" s="119">
        <v>479168446</v>
      </c>
      <c r="OO13" s="119">
        <v>579458491</v>
      </c>
      <c r="OP13" s="119">
        <v>707589771</v>
      </c>
      <c r="OQ13" s="119">
        <v>438686941</v>
      </c>
      <c r="OR13" s="120">
        <v>2682676190</v>
      </c>
      <c r="OS13" s="143">
        <v>2716175423</v>
      </c>
    </row>
    <row r="14" spans="1:409" ht="21" customHeight="1" x14ac:dyDescent="0.2">
      <c r="B14" s="62" t="s">
        <v>8</v>
      </c>
      <c r="C14" s="110">
        <v>11531753</v>
      </c>
      <c r="D14" s="114">
        <v>15336299</v>
      </c>
      <c r="E14" s="113">
        <v>26868052</v>
      </c>
      <c r="F14" s="109">
        <v>0</v>
      </c>
      <c r="G14" s="114">
        <v>137097859</v>
      </c>
      <c r="H14" s="114">
        <v>201766656</v>
      </c>
      <c r="I14" s="114">
        <v>178855418</v>
      </c>
      <c r="J14" s="114">
        <v>160328409</v>
      </c>
      <c r="K14" s="114">
        <v>117477507</v>
      </c>
      <c r="L14" s="109">
        <v>795525849</v>
      </c>
      <c r="M14" s="116">
        <v>822393901</v>
      </c>
      <c r="N14" s="110">
        <v>2026868</v>
      </c>
      <c r="O14" s="114">
        <v>2983341</v>
      </c>
      <c r="P14" s="113">
        <v>5010209</v>
      </c>
      <c r="Q14" s="110">
        <v>0</v>
      </c>
      <c r="R14" s="114">
        <v>36884348</v>
      </c>
      <c r="S14" s="114">
        <v>64453430</v>
      </c>
      <c r="T14" s="114">
        <v>60566279</v>
      </c>
      <c r="U14" s="114">
        <v>67652020</v>
      </c>
      <c r="V14" s="114">
        <v>63631298</v>
      </c>
      <c r="W14" s="113">
        <v>293187375</v>
      </c>
      <c r="X14" s="116">
        <v>298197584</v>
      </c>
      <c r="Y14" s="110">
        <v>0</v>
      </c>
      <c r="Z14" s="114">
        <v>0</v>
      </c>
      <c r="AA14" s="113">
        <v>0</v>
      </c>
      <c r="AB14" s="110">
        <v>0</v>
      </c>
      <c r="AC14" s="114">
        <v>19874998</v>
      </c>
      <c r="AD14" s="114">
        <v>38630410</v>
      </c>
      <c r="AE14" s="114">
        <v>40076638</v>
      </c>
      <c r="AF14" s="114">
        <v>44780999</v>
      </c>
      <c r="AG14" s="114">
        <v>41378813</v>
      </c>
      <c r="AH14" s="113">
        <v>184741858</v>
      </c>
      <c r="AI14" s="116">
        <v>184741858</v>
      </c>
      <c r="AJ14" s="110">
        <v>0</v>
      </c>
      <c r="AK14" s="114">
        <v>0</v>
      </c>
      <c r="AL14" s="113">
        <v>0</v>
      </c>
      <c r="AM14" s="110">
        <v>0</v>
      </c>
      <c r="AN14" s="114">
        <v>349332</v>
      </c>
      <c r="AO14" s="114">
        <v>863835</v>
      </c>
      <c r="AP14" s="114">
        <v>1512192</v>
      </c>
      <c r="AQ14" s="114">
        <v>3670995</v>
      </c>
      <c r="AR14" s="114">
        <v>6049270</v>
      </c>
      <c r="AS14" s="113">
        <v>12445624</v>
      </c>
      <c r="AT14" s="116">
        <v>12445624</v>
      </c>
      <c r="AU14" s="110">
        <v>1003861</v>
      </c>
      <c r="AV14" s="114">
        <v>2087992</v>
      </c>
      <c r="AW14" s="113">
        <v>3091853</v>
      </c>
      <c r="AX14" s="110">
        <v>0</v>
      </c>
      <c r="AY14" s="114">
        <v>9727312</v>
      </c>
      <c r="AZ14" s="114">
        <v>15373612</v>
      </c>
      <c r="BA14" s="114">
        <v>10728989</v>
      </c>
      <c r="BB14" s="114">
        <v>10824093</v>
      </c>
      <c r="BC14" s="114">
        <v>10452573</v>
      </c>
      <c r="BD14" s="113">
        <v>57106579</v>
      </c>
      <c r="BE14" s="116">
        <v>60198432</v>
      </c>
      <c r="BF14" s="110">
        <v>201454</v>
      </c>
      <c r="BG14" s="114">
        <v>381183</v>
      </c>
      <c r="BH14" s="112">
        <v>582637</v>
      </c>
      <c r="BI14" s="111">
        <v>0</v>
      </c>
      <c r="BJ14" s="114">
        <v>1750957</v>
      </c>
      <c r="BK14" s="114">
        <v>2539521</v>
      </c>
      <c r="BL14" s="114">
        <v>1827651</v>
      </c>
      <c r="BM14" s="114">
        <v>1820814</v>
      </c>
      <c r="BN14" s="114">
        <v>1019859</v>
      </c>
      <c r="BO14" s="113">
        <v>8958802</v>
      </c>
      <c r="BP14" s="116">
        <v>9541439</v>
      </c>
      <c r="BQ14" s="110">
        <v>821553</v>
      </c>
      <c r="BR14" s="114">
        <v>514166</v>
      </c>
      <c r="BS14" s="113">
        <v>1335719</v>
      </c>
      <c r="BT14" s="110">
        <v>0</v>
      </c>
      <c r="BU14" s="114">
        <v>5181749</v>
      </c>
      <c r="BV14" s="114">
        <v>7046052</v>
      </c>
      <c r="BW14" s="114">
        <v>6420809</v>
      </c>
      <c r="BX14" s="114">
        <v>6555119</v>
      </c>
      <c r="BY14" s="114">
        <v>4730783</v>
      </c>
      <c r="BZ14" s="113">
        <v>29934512</v>
      </c>
      <c r="CA14" s="116">
        <v>31270231</v>
      </c>
      <c r="CB14" s="110">
        <v>1314300</v>
      </c>
      <c r="CC14" s="114">
        <v>2306167</v>
      </c>
      <c r="CD14" s="113">
        <v>3620467</v>
      </c>
      <c r="CE14" s="110">
        <v>0</v>
      </c>
      <c r="CF14" s="114">
        <v>36821837</v>
      </c>
      <c r="CG14" s="114">
        <v>54075114</v>
      </c>
      <c r="CH14" s="114">
        <v>41351193</v>
      </c>
      <c r="CI14" s="114">
        <v>25723175</v>
      </c>
      <c r="CJ14" s="114">
        <v>15789986</v>
      </c>
      <c r="CK14" s="113">
        <v>173761305</v>
      </c>
      <c r="CL14" s="116">
        <v>177381772</v>
      </c>
      <c r="CM14" s="110">
        <v>0</v>
      </c>
      <c r="CN14" s="114">
        <v>0</v>
      </c>
      <c r="CO14" s="113">
        <v>0</v>
      </c>
      <c r="CP14" s="111">
        <v>0</v>
      </c>
      <c r="CQ14" s="114">
        <v>31753150</v>
      </c>
      <c r="CR14" s="114">
        <v>43865200</v>
      </c>
      <c r="CS14" s="114">
        <v>33793303</v>
      </c>
      <c r="CT14" s="114">
        <v>20826855</v>
      </c>
      <c r="CU14" s="114">
        <v>14193724</v>
      </c>
      <c r="CV14" s="113">
        <v>144432232</v>
      </c>
      <c r="CW14" s="116">
        <v>144432232</v>
      </c>
      <c r="CX14" s="110">
        <v>1314300</v>
      </c>
      <c r="CY14" s="114">
        <v>2306167</v>
      </c>
      <c r="CZ14" s="113">
        <v>3620467</v>
      </c>
      <c r="DA14" s="110">
        <v>0</v>
      </c>
      <c r="DB14" s="114">
        <v>5068687</v>
      </c>
      <c r="DC14" s="114">
        <v>10209914</v>
      </c>
      <c r="DD14" s="114">
        <v>7557890</v>
      </c>
      <c r="DE14" s="114">
        <v>4896320</v>
      </c>
      <c r="DF14" s="114">
        <v>1596262</v>
      </c>
      <c r="DG14" s="113">
        <v>29329073</v>
      </c>
      <c r="DH14" s="116">
        <v>32949540</v>
      </c>
      <c r="DI14" s="110">
        <v>119238</v>
      </c>
      <c r="DJ14" s="114">
        <v>309204</v>
      </c>
      <c r="DK14" s="112">
        <v>428442</v>
      </c>
      <c r="DL14" s="111">
        <v>0</v>
      </c>
      <c r="DM14" s="114">
        <v>4677772</v>
      </c>
      <c r="DN14" s="114">
        <v>9692515</v>
      </c>
      <c r="DO14" s="114">
        <v>21987917</v>
      </c>
      <c r="DP14" s="114">
        <v>14087002</v>
      </c>
      <c r="DQ14" s="114">
        <v>4640775</v>
      </c>
      <c r="DR14" s="113">
        <v>55085981</v>
      </c>
      <c r="DS14" s="116">
        <v>55514423</v>
      </c>
      <c r="DT14" s="110">
        <v>119238</v>
      </c>
      <c r="DU14" s="114">
        <v>309204</v>
      </c>
      <c r="DV14" s="113">
        <v>428442</v>
      </c>
      <c r="DW14" s="110">
        <v>0</v>
      </c>
      <c r="DX14" s="114">
        <v>4677772</v>
      </c>
      <c r="DY14" s="114">
        <v>9382117</v>
      </c>
      <c r="DZ14" s="114">
        <v>21416387</v>
      </c>
      <c r="EA14" s="114">
        <v>13948137</v>
      </c>
      <c r="EB14" s="114">
        <v>4640775</v>
      </c>
      <c r="EC14" s="113">
        <v>54065188</v>
      </c>
      <c r="ED14" s="116">
        <v>54493630</v>
      </c>
      <c r="EE14" s="110">
        <v>0</v>
      </c>
      <c r="EF14" s="112">
        <v>0</v>
      </c>
      <c r="EG14" s="113">
        <v>0</v>
      </c>
      <c r="EH14" s="110">
        <v>0</v>
      </c>
      <c r="EI14" s="114">
        <v>0</v>
      </c>
      <c r="EJ14" s="114">
        <v>310398</v>
      </c>
      <c r="EK14" s="114">
        <v>571530</v>
      </c>
      <c r="EL14" s="114">
        <v>138865</v>
      </c>
      <c r="EM14" s="114">
        <v>0</v>
      </c>
      <c r="EN14" s="112">
        <v>1020793</v>
      </c>
      <c r="EO14" s="116">
        <v>1020793</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2768623</v>
      </c>
      <c r="FM14" s="114">
        <v>4924968</v>
      </c>
      <c r="FN14" s="113">
        <v>7693591</v>
      </c>
      <c r="FO14" s="110">
        <v>0</v>
      </c>
      <c r="FP14" s="114">
        <v>7803395</v>
      </c>
      <c r="FQ14" s="114">
        <v>21986227</v>
      </c>
      <c r="FR14" s="114">
        <v>15206934</v>
      </c>
      <c r="FS14" s="114">
        <v>13103595</v>
      </c>
      <c r="FT14" s="114">
        <v>8921456</v>
      </c>
      <c r="FU14" s="113">
        <v>67021607</v>
      </c>
      <c r="FV14" s="116">
        <v>74715198</v>
      </c>
      <c r="FW14" s="115">
        <v>2107489</v>
      </c>
      <c r="FX14" s="114">
        <v>3842274</v>
      </c>
      <c r="FY14" s="112">
        <v>5949763</v>
      </c>
      <c r="FZ14" s="111">
        <v>0</v>
      </c>
      <c r="GA14" s="114">
        <v>6917630</v>
      </c>
      <c r="GB14" s="114">
        <v>20582392</v>
      </c>
      <c r="GC14" s="114">
        <v>14154976</v>
      </c>
      <c r="GD14" s="114">
        <v>12249784</v>
      </c>
      <c r="GE14" s="114">
        <v>8800410</v>
      </c>
      <c r="GF14" s="113">
        <v>62705192</v>
      </c>
      <c r="GG14" s="318">
        <v>68654955</v>
      </c>
      <c r="GH14" s="115">
        <v>105224</v>
      </c>
      <c r="GI14" s="114">
        <v>233289</v>
      </c>
      <c r="GJ14" s="112">
        <v>338513</v>
      </c>
      <c r="GK14" s="111">
        <v>0</v>
      </c>
      <c r="GL14" s="114">
        <v>354694</v>
      </c>
      <c r="GM14" s="114">
        <v>410343</v>
      </c>
      <c r="GN14" s="114">
        <v>385268</v>
      </c>
      <c r="GO14" s="114">
        <v>316270</v>
      </c>
      <c r="GP14" s="114">
        <v>0</v>
      </c>
      <c r="GQ14" s="113">
        <v>1466575</v>
      </c>
      <c r="GR14" s="116">
        <v>1805088</v>
      </c>
      <c r="GS14" s="110">
        <v>555910</v>
      </c>
      <c r="GT14" s="114">
        <v>849405</v>
      </c>
      <c r="GU14" s="113">
        <v>1405315</v>
      </c>
      <c r="GV14" s="110">
        <v>0</v>
      </c>
      <c r="GW14" s="114">
        <v>531071</v>
      </c>
      <c r="GX14" s="114">
        <v>993492</v>
      </c>
      <c r="GY14" s="114">
        <v>666690</v>
      </c>
      <c r="GZ14" s="114">
        <v>537541</v>
      </c>
      <c r="HA14" s="114">
        <v>121046</v>
      </c>
      <c r="HB14" s="112">
        <v>2849840</v>
      </c>
      <c r="HC14" s="116">
        <v>4255155</v>
      </c>
      <c r="HD14" s="110">
        <v>2878195</v>
      </c>
      <c r="HE14" s="114">
        <v>1740751</v>
      </c>
      <c r="HF14" s="112">
        <v>4618946</v>
      </c>
      <c r="HG14" s="111">
        <v>0</v>
      </c>
      <c r="HH14" s="114">
        <v>24300687</v>
      </c>
      <c r="HI14" s="114">
        <v>22388217</v>
      </c>
      <c r="HJ14" s="114">
        <v>20470786</v>
      </c>
      <c r="HK14" s="114">
        <v>27435679</v>
      </c>
      <c r="HL14" s="114">
        <v>17542064</v>
      </c>
      <c r="HM14" s="113">
        <v>112137433</v>
      </c>
      <c r="HN14" s="109">
        <v>116756379</v>
      </c>
      <c r="HO14" s="115">
        <v>2424529</v>
      </c>
      <c r="HP14" s="114">
        <v>3071868</v>
      </c>
      <c r="HQ14" s="113">
        <v>5496397</v>
      </c>
      <c r="HR14" s="110">
        <v>0</v>
      </c>
      <c r="HS14" s="114">
        <v>26609820</v>
      </c>
      <c r="HT14" s="114">
        <v>29171153</v>
      </c>
      <c r="HU14" s="114">
        <v>19272309</v>
      </c>
      <c r="HV14" s="114">
        <v>12326938</v>
      </c>
      <c r="HW14" s="114">
        <v>6951928</v>
      </c>
      <c r="HX14" s="112">
        <v>94332148</v>
      </c>
      <c r="HY14" s="116">
        <v>99828545</v>
      </c>
      <c r="HZ14" s="131">
        <v>420356</v>
      </c>
      <c r="IA14" s="132">
        <v>844336</v>
      </c>
      <c r="IB14" s="133">
        <v>1264692</v>
      </c>
      <c r="IC14" s="134">
        <v>0</v>
      </c>
      <c r="ID14" s="135">
        <v>57089544</v>
      </c>
      <c r="IE14" s="136">
        <v>69235762</v>
      </c>
      <c r="IF14" s="137">
        <v>69550843</v>
      </c>
      <c r="IG14" s="135">
        <v>50764633</v>
      </c>
      <c r="IH14" s="137">
        <v>26524835</v>
      </c>
      <c r="II14" s="138">
        <v>273165617</v>
      </c>
      <c r="IJ14" s="139">
        <v>274430309</v>
      </c>
      <c r="IK14" s="232">
        <v>0</v>
      </c>
      <c r="IL14" s="236">
        <v>0</v>
      </c>
      <c r="IM14" s="237">
        <v>0</v>
      </c>
      <c r="IN14" s="140"/>
      <c r="IO14" s="119">
        <v>361672</v>
      </c>
      <c r="IP14" s="119">
        <v>944907</v>
      </c>
      <c r="IQ14" s="119">
        <v>645451</v>
      </c>
      <c r="IR14" s="119">
        <v>1630734</v>
      </c>
      <c r="IS14" s="119">
        <v>681408</v>
      </c>
      <c r="IT14" s="141">
        <v>4264172</v>
      </c>
      <c r="IU14" s="320">
        <v>4264172</v>
      </c>
      <c r="IV14" s="142">
        <v>0</v>
      </c>
      <c r="IW14" s="119">
        <v>0</v>
      </c>
      <c r="IX14" s="120">
        <v>0</v>
      </c>
      <c r="IY14" s="144"/>
      <c r="IZ14" s="119">
        <v>70132</v>
      </c>
      <c r="JA14" s="119">
        <v>26462</v>
      </c>
      <c r="JB14" s="119">
        <v>19269</v>
      </c>
      <c r="JC14" s="119">
        <v>14987</v>
      </c>
      <c r="JD14" s="119">
        <v>162220</v>
      </c>
      <c r="JE14" s="120">
        <v>293070</v>
      </c>
      <c r="JF14" s="121">
        <v>293070</v>
      </c>
      <c r="JG14" s="142">
        <v>0</v>
      </c>
      <c r="JH14" s="119">
        <v>0</v>
      </c>
      <c r="JI14" s="141">
        <v>0</v>
      </c>
      <c r="JJ14" s="118">
        <v>0</v>
      </c>
      <c r="JK14" s="119">
        <v>27891993</v>
      </c>
      <c r="JL14" s="119">
        <v>32621007</v>
      </c>
      <c r="JM14" s="119">
        <v>22578025</v>
      </c>
      <c r="JN14" s="119">
        <v>11566350</v>
      </c>
      <c r="JO14" s="119">
        <v>4664088</v>
      </c>
      <c r="JP14" s="120">
        <v>99321463</v>
      </c>
      <c r="JQ14" s="320">
        <v>99321463</v>
      </c>
      <c r="JR14" s="142">
        <v>0</v>
      </c>
      <c r="JS14" s="119">
        <v>0</v>
      </c>
      <c r="JT14" s="141">
        <v>0</v>
      </c>
      <c r="JU14" s="118">
        <v>0</v>
      </c>
      <c r="JV14" s="119">
        <v>477790</v>
      </c>
      <c r="JW14" s="119">
        <v>798751</v>
      </c>
      <c r="JX14" s="119">
        <v>1237968</v>
      </c>
      <c r="JY14" s="119">
        <v>772432</v>
      </c>
      <c r="JZ14" s="119">
        <v>1473894</v>
      </c>
      <c r="KA14" s="120">
        <v>4760835</v>
      </c>
      <c r="KB14" s="320">
        <v>4760835</v>
      </c>
      <c r="KC14" s="234">
        <v>420356</v>
      </c>
      <c r="KD14" s="230">
        <v>844336</v>
      </c>
      <c r="KE14" s="120">
        <v>1264692</v>
      </c>
      <c r="KF14" s="118">
        <v>0</v>
      </c>
      <c r="KG14" s="119">
        <v>9435923</v>
      </c>
      <c r="KH14" s="119">
        <v>9761704</v>
      </c>
      <c r="KI14" s="119">
        <v>14384726</v>
      </c>
      <c r="KJ14" s="119">
        <v>7967400</v>
      </c>
      <c r="KK14" s="119">
        <v>2855843</v>
      </c>
      <c r="KL14" s="120">
        <v>44405596</v>
      </c>
      <c r="KM14" s="143">
        <v>45670288</v>
      </c>
      <c r="KN14" s="232">
        <v>0</v>
      </c>
      <c r="KO14" s="236">
        <v>0</v>
      </c>
      <c r="KP14" s="237">
        <v>0</v>
      </c>
      <c r="KQ14" s="140"/>
      <c r="KR14" s="119">
        <v>16687462</v>
      </c>
      <c r="KS14" s="119">
        <v>20241790</v>
      </c>
      <c r="KT14" s="119">
        <v>20863340</v>
      </c>
      <c r="KU14" s="119">
        <v>17719988</v>
      </c>
      <c r="KV14" s="119">
        <v>10404494</v>
      </c>
      <c r="KW14" s="120">
        <v>85917074</v>
      </c>
      <c r="KX14" s="320">
        <v>85917074</v>
      </c>
      <c r="KY14" s="142">
        <v>0</v>
      </c>
      <c r="KZ14" s="119">
        <v>0</v>
      </c>
      <c r="LA14" s="120">
        <v>0</v>
      </c>
      <c r="LB14" s="145"/>
      <c r="LC14" s="119">
        <v>353608</v>
      </c>
      <c r="LD14" s="119">
        <v>1551039</v>
      </c>
      <c r="LE14" s="119">
        <v>2362968</v>
      </c>
      <c r="LF14" s="119">
        <v>2941228</v>
      </c>
      <c r="LG14" s="119">
        <v>1209543</v>
      </c>
      <c r="LH14" s="120">
        <v>8418386</v>
      </c>
      <c r="LI14" s="121">
        <v>8418386</v>
      </c>
      <c r="LJ14" s="142">
        <v>0</v>
      </c>
      <c r="LK14" s="119">
        <v>0</v>
      </c>
      <c r="LL14" s="120">
        <v>0</v>
      </c>
      <c r="LM14" s="145"/>
      <c r="LN14" s="119">
        <v>0</v>
      </c>
      <c r="LO14" s="119">
        <v>233901</v>
      </c>
      <c r="LP14" s="119">
        <v>3434586</v>
      </c>
      <c r="LQ14" s="119">
        <v>5260780</v>
      </c>
      <c r="LR14" s="119">
        <v>3065927</v>
      </c>
      <c r="LS14" s="120">
        <v>11995194</v>
      </c>
      <c r="LT14" s="320">
        <v>11995194</v>
      </c>
      <c r="LU14" s="142">
        <v>0</v>
      </c>
      <c r="LV14" s="119">
        <v>0</v>
      </c>
      <c r="LW14" s="120">
        <v>0</v>
      </c>
      <c r="LX14" s="145"/>
      <c r="LY14" s="119">
        <v>1810964</v>
      </c>
      <c r="LZ14" s="119">
        <v>3056201</v>
      </c>
      <c r="MA14" s="119">
        <v>4024510</v>
      </c>
      <c r="MB14" s="119">
        <v>2890734</v>
      </c>
      <c r="MC14" s="119">
        <v>2007418</v>
      </c>
      <c r="MD14" s="120">
        <v>13789827</v>
      </c>
      <c r="ME14" s="121">
        <v>13789827</v>
      </c>
      <c r="MF14" s="142">
        <v>0</v>
      </c>
      <c r="MG14" s="119">
        <v>0</v>
      </c>
      <c r="MH14" s="120">
        <v>0</v>
      </c>
      <c r="MI14" s="145"/>
      <c r="MJ14" s="119">
        <v>15957658</v>
      </c>
      <c r="MK14" s="119">
        <v>42051263</v>
      </c>
      <c r="ML14" s="119">
        <v>142003256</v>
      </c>
      <c r="MM14" s="119">
        <v>159193934</v>
      </c>
      <c r="MN14" s="119">
        <v>99644339</v>
      </c>
      <c r="MO14" s="120">
        <v>458850450</v>
      </c>
      <c r="MP14" s="143">
        <v>458850450</v>
      </c>
      <c r="MQ14" s="142">
        <v>0</v>
      </c>
      <c r="MR14" s="119">
        <v>0</v>
      </c>
      <c r="MS14" s="120">
        <v>0</v>
      </c>
      <c r="MT14" s="145"/>
      <c r="MU14" s="119">
        <v>4068516</v>
      </c>
      <c r="MV14" s="119">
        <v>14468757</v>
      </c>
      <c r="MW14" s="119">
        <v>95115891</v>
      </c>
      <c r="MX14" s="119">
        <v>117172664</v>
      </c>
      <c r="MY14" s="119">
        <v>72783442</v>
      </c>
      <c r="MZ14" s="120">
        <v>303609270</v>
      </c>
      <c r="NA14" s="143">
        <v>303609270</v>
      </c>
      <c r="NB14" s="142">
        <v>0</v>
      </c>
      <c r="NC14" s="119">
        <v>0</v>
      </c>
      <c r="ND14" s="120">
        <v>0</v>
      </c>
      <c r="NE14" s="145"/>
      <c r="NF14" s="119">
        <v>11663728</v>
      </c>
      <c r="NG14" s="119">
        <v>27582506</v>
      </c>
      <c r="NH14" s="119">
        <v>45948170</v>
      </c>
      <c r="NI14" s="119">
        <v>38986281</v>
      </c>
      <c r="NJ14" s="119">
        <v>22136231</v>
      </c>
      <c r="NK14" s="120">
        <v>146316916</v>
      </c>
      <c r="NL14" s="320">
        <v>146316916</v>
      </c>
      <c r="NM14" s="142">
        <v>0</v>
      </c>
      <c r="NN14" s="119">
        <v>0</v>
      </c>
      <c r="NO14" s="120">
        <v>0</v>
      </c>
      <c r="NP14" s="145"/>
      <c r="NQ14" s="119">
        <v>0</v>
      </c>
      <c r="NR14" s="119">
        <v>0</v>
      </c>
      <c r="NS14" s="119">
        <v>0</v>
      </c>
      <c r="NT14" s="119">
        <v>359645</v>
      </c>
      <c r="NU14" s="119">
        <v>0</v>
      </c>
      <c r="NV14" s="120">
        <v>359645</v>
      </c>
      <c r="NW14" s="121">
        <v>359645</v>
      </c>
      <c r="NX14" s="142">
        <v>0</v>
      </c>
      <c r="NY14" s="119">
        <v>0</v>
      </c>
      <c r="NZ14" s="120">
        <v>0</v>
      </c>
      <c r="OA14" s="145"/>
      <c r="OB14" s="119">
        <v>225414</v>
      </c>
      <c r="OC14" s="119">
        <v>0</v>
      </c>
      <c r="OD14" s="119">
        <v>939195</v>
      </c>
      <c r="OE14" s="119">
        <v>2675344</v>
      </c>
      <c r="OF14" s="119">
        <v>4724666</v>
      </c>
      <c r="OG14" s="120">
        <v>8564619</v>
      </c>
      <c r="OH14" s="121">
        <v>8564619</v>
      </c>
      <c r="OI14" s="142">
        <v>11952109</v>
      </c>
      <c r="OJ14" s="119">
        <v>16180635</v>
      </c>
      <c r="OK14" s="141">
        <v>28132744</v>
      </c>
      <c r="OL14" s="118">
        <v>0</v>
      </c>
      <c r="OM14" s="119">
        <v>210145061</v>
      </c>
      <c r="ON14" s="119">
        <v>313053681</v>
      </c>
      <c r="OO14" s="119">
        <v>390409517</v>
      </c>
      <c r="OP14" s="119">
        <v>370286976</v>
      </c>
      <c r="OQ14" s="119">
        <v>243646681</v>
      </c>
      <c r="OR14" s="120">
        <v>1527541916</v>
      </c>
      <c r="OS14" s="143">
        <v>1555674660</v>
      </c>
    </row>
    <row r="15" spans="1:409" ht="21" customHeight="1" x14ac:dyDescent="0.2">
      <c r="B15" s="62" t="s">
        <v>9</v>
      </c>
      <c r="C15" s="110">
        <v>12320379</v>
      </c>
      <c r="D15" s="114">
        <v>14338611</v>
      </c>
      <c r="E15" s="113">
        <v>26658990</v>
      </c>
      <c r="F15" s="111">
        <v>0</v>
      </c>
      <c r="G15" s="114">
        <v>146865153</v>
      </c>
      <c r="H15" s="114">
        <v>145948575</v>
      </c>
      <c r="I15" s="114">
        <v>146205543</v>
      </c>
      <c r="J15" s="114">
        <v>160594514</v>
      </c>
      <c r="K15" s="114">
        <v>132419181</v>
      </c>
      <c r="L15" s="109">
        <v>732032966</v>
      </c>
      <c r="M15" s="116">
        <v>758691956</v>
      </c>
      <c r="N15" s="110">
        <v>1670515</v>
      </c>
      <c r="O15" s="114">
        <v>2691490</v>
      </c>
      <c r="P15" s="113">
        <v>4362005</v>
      </c>
      <c r="Q15" s="110">
        <v>0</v>
      </c>
      <c r="R15" s="114">
        <v>42907198</v>
      </c>
      <c r="S15" s="114">
        <v>48545780</v>
      </c>
      <c r="T15" s="114">
        <v>51382009</v>
      </c>
      <c r="U15" s="114">
        <v>67466827</v>
      </c>
      <c r="V15" s="114">
        <v>71526306</v>
      </c>
      <c r="W15" s="113">
        <v>281828120</v>
      </c>
      <c r="X15" s="116">
        <v>286190125</v>
      </c>
      <c r="Y15" s="110">
        <v>0</v>
      </c>
      <c r="Z15" s="114">
        <v>0</v>
      </c>
      <c r="AA15" s="113">
        <v>0</v>
      </c>
      <c r="AB15" s="110">
        <v>0</v>
      </c>
      <c r="AC15" s="114">
        <v>21631313</v>
      </c>
      <c r="AD15" s="114">
        <v>26761618</v>
      </c>
      <c r="AE15" s="114">
        <v>31946752</v>
      </c>
      <c r="AF15" s="114">
        <v>43182977</v>
      </c>
      <c r="AG15" s="114">
        <v>47865124</v>
      </c>
      <c r="AH15" s="113">
        <v>171387784</v>
      </c>
      <c r="AI15" s="116">
        <v>171387784</v>
      </c>
      <c r="AJ15" s="110">
        <v>0</v>
      </c>
      <c r="AK15" s="114">
        <v>0</v>
      </c>
      <c r="AL15" s="113">
        <v>0</v>
      </c>
      <c r="AM15" s="110">
        <v>0</v>
      </c>
      <c r="AN15" s="114">
        <v>326005</v>
      </c>
      <c r="AO15" s="114">
        <v>371868</v>
      </c>
      <c r="AP15" s="114">
        <v>1075968</v>
      </c>
      <c r="AQ15" s="114">
        <v>3404091</v>
      </c>
      <c r="AR15" s="114">
        <v>5769639</v>
      </c>
      <c r="AS15" s="113">
        <v>10947571</v>
      </c>
      <c r="AT15" s="116">
        <v>10947571</v>
      </c>
      <c r="AU15" s="110">
        <v>641452</v>
      </c>
      <c r="AV15" s="114">
        <v>1625552</v>
      </c>
      <c r="AW15" s="113">
        <v>2267004</v>
      </c>
      <c r="AX15" s="110">
        <v>0</v>
      </c>
      <c r="AY15" s="114">
        <v>12705820</v>
      </c>
      <c r="AZ15" s="114">
        <v>12328492</v>
      </c>
      <c r="BA15" s="114">
        <v>9826482</v>
      </c>
      <c r="BB15" s="114">
        <v>11706146</v>
      </c>
      <c r="BC15" s="114">
        <v>10480196</v>
      </c>
      <c r="BD15" s="113">
        <v>57047136</v>
      </c>
      <c r="BE15" s="116">
        <v>59314140</v>
      </c>
      <c r="BF15" s="110">
        <v>60234</v>
      </c>
      <c r="BG15" s="114">
        <v>479585</v>
      </c>
      <c r="BH15" s="112">
        <v>539819</v>
      </c>
      <c r="BI15" s="111">
        <v>0</v>
      </c>
      <c r="BJ15" s="114">
        <v>1666218</v>
      </c>
      <c r="BK15" s="114">
        <v>1703165</v>
      </c>
      <c r="BL15" s="114">
        <v>1550411</v>
      </c>
      <c r="BM15" s="114">
        <v>1174414</v>
      </c>
      <c r="BN15" s="114">
        <v>1438638</v>
      </c>
      <c r="BO15" s="113">
        <v>7532846</v>
      </c>
      <c r="BP15" s="116">
        <v>8072665</v>
      </c>
      <c r="BQ15" s="110">
        <v>968829</v>
      </c>
      <c r="BR15" s="114">
        <v>586353</v>
      </c>
      <c r="BS15" s="113">
        <v>1555182</v>
      </c>
      <c r="BT15" s="110">
        <v>0</v>
      </c>
      <c r="BU15" s="114">
        <v>6577842</v>
      </c>
      <c r="BV15" s="114">
        <v>7380637</v>
      </c>
      <c r="BW15" s="114">
        <v>6982396</v>
      </c>
      <c r="BX15" s="114">
        <v>7999199</v>
      </c>
      <c r="BY15" s="114">
        <v>5972709</v>
      </c>
      <c r="BZ15" s="113">
        <v>34912783</v>
      </c>
      <c r="CA15" s="116">
        <v>36467965</v>
      </c>
      <c r="CB15" s="110">
        <v>897540</v>
      </c>
      <c r="CC15" s="114">
        <v>2664891</v>
      </c>
      <c r="CD15" s="113">
        <v>3562431</v>
      </c>
      <c r="CE15" s="110">
        <v>0</v>
      </c>
      <c r="CF15" s="114">
        <v>32289093</v>
      </c>
      <c r="CG15" s="114">
        <v>28600408</v>
      </c>
      <c r="CH15" s="114">
        <v>25935878</v>
      </c>
      <c r="CI15" s="114">
        <v>17710402</v>
      </c>
      <c r="CJ15" s="114">
        <v>7406220</v>
      </c>
      <c r="CK15" s="113">
        <v>111942001</v>
      </c>
      <c r="CL15" s="116">
        <v>115504432</v>
      </c>
      <c r="CM15" s="110">
        <v>0</v>
      </c>
      <c r="CN15" s="114">
        <v>0</v>
      </c>
      <c r="CO15" s="113">
        <v>0</v>
      </c>
      <c r="CP15" s="111">
        <v>0</v>
      </c>
      <c r="CQ15" s="114">
        <v>26837128</v>
      </c>
      <c r="CR15" s="114">
        <v>23148977</v>
      </c>
      <c r="CS15" s="114">
        <v>20590480</v>
      </c>
      <c r="CT15" s="114">
        <v>13356549</v>
      </c>
      <c r="CU15" s="114">
        <v>5631435</v>
      </c>
      <c r="CV15" s="113">
        <v>89564569</v>
      </c>
      <c r="CW15" s="116">
        <v>89564569</v>
      </c>
      <c r="CX15" s="110">
        <v>897540</v>
      </c>
      <c r="CY15" s="114">
        <v>2664891</v>
      </c>
      <c r="CZ15" s="113">
        <v>3562431</v>
      </c>
      <c r="DA15" s="110">
        <v>0</v>
      </c>
      <c r="DB15" s="114">
        <v>5451965</v>
      </c>
      <c r="DC15" s="114">
        <v>5451431</v>
      </c>
      <c r="DD15" s="114">
        <v>5345398</v>
      </c>
      <c r="DE15" s="114">
        <v>4353853</v>
      </c>
      <c r="DF15" s="114">
        <v>1774785</v>
      </c>
      <c r="DG15" s="113">
        <v>22377432</v>
      </c>
      <c r="DH15" s="116">
        <v>25939863</v>
      </c>
      <c r="DI15" s="110">
        <v>76339</v>
      </c>
      <c r="DJ15" s="114">
        <v>156808</v>
      </c>
      <c r="DK15" s="112">
        <v>233147</v>
      </c>
      <c r="DL15" s="111">
        <v>0</v>
      </c>
      <c r="DM15" s="114">
        <v>4653540</v>
      </c>
      <c r="DN15" s="114">
        <v>6242235</v>
      </c>
      <c r="DO15" s="114">
        <v>15683181</v>
      </c>
      <c r="DP15" s="114">
        <v>13807307</v>
      </c>
      <c r="DQ15" s="114">
        <v>7350653</v>
      </c>
      <c r="DR15" s="113">
        <v>47736916</v>
      </c>
      <c r="DS15" s="116">
        <v>47970063</v>
      </c>
      <c r="DT15" s="110">
        <v>58327</v>
      </c>
      <c r="DU15" s="114">
        <v>137383</v>
      </c>
      <c r="DV15" s="113">
        <v>195710</v>
      </c>
      <c r="DW15" s="110">
        <v>0</v>
      </c>
      <c r="DX15" s="114">
        <v>4012390</v>
      </c>
      <c r="DY15" s="114">
        <v>5890946</v>
      </c>
      <c r="DZ15" s="114">
        <v>13759287</v>
      </c>
      <c r="EA15" s="114">
        <v>12522433</v>
      </c>
      <c r="EB15" s="114">
        <v>6175404</v>
      </c>
      <c r="EC15" s="113">
        <v>42360460</v>
      </c>
      <c r="ED15" s="116">
        <v>42556170</v>
      </c>
      <c r="EE15" s="110">
        <v>18012</v>
      </c>
      <c r="EF15" s="112">
        <v>19425</v>
      </c>
      <c r="EG15" s="113">
        <v>37437</v>
      </c>
      <c r="EH15" s="110">
        <v>0</v>
      </c>
      <c r="EI15" s="114">
        <v>641150</v>
      </c>
      <c r="EJ15" s="114">
        <v>351289</v>
      </c>
      <c r="EK15" s="114">
        <v>1923894</v>
      </c>
      <c r="EL15" s="114">
        <v>1284874</v>
      </c>
      <c r="EM15" s="114">
        <v>1175249</v>
      </c>
      <c r="EN15" s="112">
        <v>5376456</v>
      </c>
      <c r="EO15" s="116">
        <v>5413893</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4564119</v>
      </c>
      <c r="FM15" s="114">
        <v>3795166</v>
      </c>
      <c r="FN15" s="113">
        <v>8359285</v>
      </c>
      <c r="FO15" s="110">
        <v>0</v>
      </c>
      <c r="FP15" s="114">
        <v>9237677</v>
      </c>
      <c r="FQ15" s="114">
        <v>13629294</v>
      </c>
      <c r="FR15" s="114">
        <v>11296714</v>
      </c>
      <c r="FS15" s="114">
        <v>12399048</v>
      </c>
      <c r="FT15" s="114">
        <v>8537579</v>
      </c>
      <c r="FU15" s="113">
        <v>55100312</v>
      </c>
      <c r="FV15" s="116">
        <v>63459597</v>
      </c>
      <c r="FW15" s="115">
        <v>1857362</v>
      </c>
      <c r="FX15" s="114">
        <v>2866495</v>
      </c>
      <c r="FY15" s="112">
        <v>4723857</v>
      </c>
      <c r="FZ15" s="111">
        <v>0</v>
      </c>
      <c r="GA15" s="114">
        <v>7773349</v>
      </c>
      <c r="GB15" s="114">
        <v>12237523</v>
      </c>
      <c r="GC15" s="114">
        <v>10434565</v>
      </c>
      <c r="GD15" s="114">
        <v>11074014</v>
      </c>
      <c r="GE15" s="114">
        <v>8437951</v>
      </c>
      <c r="GF15" s="113">
        <v>49957402</v>
      </c>
      <c r="GG15" s="318">
        <v>54681259</v>
      </c>
      <c r="GH15" s="115">
        <v>140899</v>
      </c>
      <c r="GI15" s="114">
        <v>128205</v>
      </c>
      <c r="GJ15" s="112">
        <v>269104</v>
      </c>
      <c r="GK15" s="111">
        <v>0</v>
      </c>
      <c r="GL15" s="114">
        <v>525014</v>
      </c>
      <c r="GM15" s="114">
        <v>625741</v>
      </c>
      <c r="GN15" s="114">
        <v>386579</v>
      </c>
      <c r="GO15" s="114">
        <v>567884</v>
      </c>
      <c r="GP15" s="114">
        <v>99628</v>
      </c>
      <c r="GQ15" s="113">
        <v>2204846</v>
      </c>
      <c r="GR15" s="116">
        <v>2473950</v>
      </c>
      <c r="GS15" s="110">
        <v>2565858</v>
      </c>
      <c r="GT15" s="114">
        <v>800466</v>
      </c>
      <c r="GU15" s="113">
        <v>3366324</v>
      </c>
      <c r="GV15" s="110">
        <v>0</v>
      </c>
      <c r="GW15" s="114">
        <v>939314</v>
      </c>
      <c r="GX15" s="114">
        <v>766030</v>
      </c>
      <c r="GY15" s="114">
        <v>475570</v>
      </c>
      <c r="GZ15" s="114">
        <v>757150</v>
      </c>
      <c r="HA15" s="114">
        <v>0</v>
      </c>
      <c r="HB15" s="112">
        <v>2938064</v>
      </c>
      <c r="HC15" s="116">
        <v>6304388</v>
      </c>
      <c r="HD15" s="110">
        <v>3016335</v>
      </c>
      <c r="HE15" s="114">
        <v>2203822</v>
      </c>
      <c r="HF15" s="112">
        <v>5220157</v>
      </c>
      <c r="HG15" s="111">
        <v>0</v>
      </c>
      <c r="HH15" s="114">
        <v>30929404</v>
      </c>
      <c r="HI15" s="114">
        <v>30152662</v>
      </c>
      <c r="HJ15" s="114">
        <v>27932270</v>
      </c>
      <c r="HK15" s="114">
        <v>38354558</v>
      </c>
      <c r="HL15" s="114">
        <v>30278041</v>
      </c>
      <c r="HM15" s="113">
        <v>157646935</v>
      </c>
      <c r="HN15" s="109">
        <v>162867092</v>
      </c>
      <c r="HO15" s="115">
        <v>2095531</v>
      </c>
      <c r="HP15" s="114">
        <v>2826434</v>
      </c>
      <c r="HQ15" s="113">
        <v>4921965</v>
      </c>
      <c r="HR15" s="110">
        <v>0</v>
      </c>
      <c r="HS15" s="114">
        <v>26848241</v>
      </c>
      <c r="HT15" s="114">
        <v>18778196</v>
      </c>
      <c r="HU15" s="114">
        <v>13975491</v>
      </c>
      <c r="HV15" s="114">
        <v>10856372</v>
      </c>
      <c r="HW15" s="114">
        <v>7320382</v>
      </c>
      <c r="HX15" s="112">
        <v>77778682</v>
      </c>
      <c r="HY15" s="116">
        <v>82700647</v>
      </c>
      <c r="HZ15" s="128">
        <v>243988</v>
      </c>
      <c r="IA15" s="149">
        <v>502482</v>
      </c>
      <c r="IB15" s="129">
        <v>746470</v>
      </c>
      <c r="IC15" s="146">
        <v>0</v>
      </c>
      <c r="ID15" s="132">
        <v>32253962</v>
      </c>
      <c r="IE15" s="147">
        <v>38946467</v>
      </c>
      <c r="IF15" s="133">
        <v>46900796</v>
      </c>
      <c r="IG15" s="132">
        <v>35338604</v>
      </c>
      <c r="IH15" s="133">
        <v>23133283</v>
      </c>
      <c r="II15" s="148">
        <v>176573112</v>
      </c>
      <c r="IJ15" s="130">
        <v>177319582</v>
      </c>
      <c r="IK15" s="232">
        <v>0</v>
      </c>
      <c r="IL15" s="236">
        <v>0</v>
      </c>
      <c r="IM15" s="237">
        <v>0</v>
      </c>
      <c r="IN15" s="140"/>
      <c r="IO15" s="119">
        <v>150373</v>
      </c>
      <c r="IP15" s="119">
        <v>766919</v>
      </c>
      <c r="IQ15" s="119">
        <v>813511</v>
      </c>
      <c r="IR15" s="119">
        <v>2038676</v>
      </c>
      <c r="IS15" s="119">
        <v>1912797</v>
      </c>
      <c r="IT15" s="141">
        <v>5682276</v>
      </c>
      <c r="IU15" s="320">
        <v>5682276</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823146</v>
      </c>
      <c r="JL15" s="119">
        <v>14612908</v>
      </c>
      <c r="JM15" s="119">
        <v>15380476</v>
      </c>
      <c r="JN15" s="119">
        <v>8732911</v>
      </c>
      <c r="JO15" s="119">
        <v>3941168</v>
      </c>
      <c r="JP15" s="120">
        <v>60490609</v>
      </c>
      <c r="JQ15" s="320">
        <v>60490609</v>
      </c>
      <c r="JR15" s="142">
        <v>0</v>
      </c>
      <c r="JS15" s="119">
        <v>0</v>
      </c>
      <c r="JT15" s="141">
        <v>0</v>
      </c>
      <c r="JU15" s="118">
        <v>0</v>
      </c>
      <c r="JV15" s="119">
        <v>366634</v>
      </c>
      <c r="JW15" s="119">
        <v>612334</v>
      </c>
      <c r="JX15" s="119">
        <v>1060129</v>
      </c>
      <c r="JY15" s="119">
        <v>478743</v>
      </c>
      <c r="JZ15" s="119">
        <v>659716</v>
      </c>
      <c r="KA15" s="120">
        <v>3177556</v>
      </c>
      <c r="KB15" s="320">
        <v>3177556</v>
      </c>
      <c r="KC15" s="234">
        <v>243988</v>
      </c>
      <c r="KD15" s="230">
        <v>243824</v>
      </c>
      <c r="KE15" s="120">
        <v>487812</v>
      </c>
      <c r="KF15" s="118">
        <v>0</v>
      </c>
      <c r="KG15" s="119">
        <v>3896192</v>
      </c>
      <c r="KH15" s="119">
        <v>6456753</v>
      </c>
      <c r="KI15" s="119">
        <v>3417165</v>
      </c>
      <c r="KJ15" s="119">
        <v>4873901</v>
      </c>
      <c r="KK15" s="119">
        <v>1600871</v>
      </c>
      <c r="KL15" s="120">
        <v>20244882</v>
      </c>
      <c r="KM15" s="143">
        <v>20732694</v>
      </c>
      <c r="KN15" s="232">
        <v>0</v>
      </c>
      <c r="KO15" s="236">
        <v>258658</v>
      </c>
      <c r="KP15" s="237">
        <v>258658</v>
      </c>
      <c r="KQ15" s="140"/>
      <c r="KR15" s="119">
        <v>7941852</v>
      </c>
      <c r="KS15" s="119">
        <v>14761920</v>
      </c>
      <c r="KT15" s="119">
        <v>21681921</v>
      </c>
      <c r="KU15" s="119">
        <v>14553333</v>
      </c>
      <c r="KV15" s="119">
        <v>8746117</v>
      </c>
      <c r="KW15" s="120">
        <v>67685143</v>
      </c>
      <c r="KX15" s="320">
        <v>67943801</v>
      </c>
      <c r="KY15" s="142">
        <v>0</v>
      </c>
      <c r="KZ15" s="119">
        <v>0</v>
      </c>
      <c r="LA15" s="120">
        <v>0</v>
      </c>
      <c r="LB15" s="145"/>
      <c r="LC15" s="119">
        <v>877602</v>
      </c>
      <c r="LD15" s="119">
        <v>891930</v>
      </c>
      <c r="LE15" s="119">
        <v>1093380</v>
      </c>
      <c r="LF15" s="119">
        <v>1196546</v>
      </c>
      <c r="LG15" s="119">
        <v>1360891</v>
      </c>
      <c r="LH15" s="120">
        <v>5420349</v>
      </c>
      <c r="LI15" s="121">
        <v>5420349</v>
      </c>
      <c r="LJ15" s="142">
        <v>0</v>
      </c>
      <c r="LK15" s="119">
        <v>0</v>
      </c>
      <c r="LL15" s="120">
        <v>0</v>
      </c>
      <c r="LM15" s="145"/>
      <c r="LN15" s="119">
        <v>0</v>
      </c>
      <c r="LO15" s="119">
        <v>0</v>
      </c>
      <c r="LP15" s="119">
        <v>0</v>
      </c>
      <c r="LQ15" s="119">
        <v>329808</v>
      </c>
      <c r="LR15" s="119">
        <v>0</v>
      </c>
      <c r="LS15" s="120">
        <v>329808</v>
      </c>
      <c r="LT15" s="320">
        <v>329808</v>
      </c>
      <c r="LU15" s="142">
        <v>0</v>
      </c>
      <c r="LV15" s="119">
        <v>0</v>
      </c>
      <c r="LW15" s="120">
        <v>0</v>
      </c>
      <c r="LX15" s="145"/>
      <c r="LY15" s="119">
        <v>1198163</v>
      </c>
      <c r="LZ15" s="119">
        <v>843703</v>
      </c>
      <c r="MA15" s="119">
        <v>3454214</v>
      </c>
      <c r="MB15" s="119">
        <v>3134686</v>
      </c>
      <c r="MC15" s="119">
        <v>4911723</v>
      </c>
      <c r="MD15" s="120">
        <v>13542489</v>
      </c>
      <c r="ME15" s="121">
        <v>13542489</v>
      </c>
      <c r="MF15" s="142">
        <v>0</v>
      </c>
      <c r="MG15" s="119">
        <v>0</v>
      </c>
      <c r="MH15" s="120">
        <v>0</v>
      </c>
      <c r="MI15" s="145"/>
      <c r="MJ15" s="119">
        <v>6348410</v>
      </c>
      <c r="MK15" s="119">
        <v>20176498</v>
      </c>
      <c r="ML15" s="119">
        <v>76567505</v>
      </c>
      <c r="MM15" s="119">
        <v>142683911</v>
      </c>
      <c r="MN15" s="119">
        <v>103108791</v>
      </c>
      <c r="MO15" s="120">
        <v>348885115</v>
      </c>
      <c r="MP15" s="143">
        <v>348885115</v>
      </c>
      <c r="MQ15" s="142">
        <v>0</v>
      </c>
      <c r="MR15" s="119">
        <v>0</v>
      </c>
      <c r="MS15" s="120">
        <v>0</v>
      </c>
      <c r="MT15" s="145"/>
      <c r="MU15" s="119">
        <v>1336583</v>
      </c>
      <c r="MV15" s="119">
        <v>973951</v>
      </c>
      <c r="MW15" s="119">
        <v>55381568</v>
      </c>
      <c r="MX15" s="119">
        <v>99682042</v>
      </c>
      <c r="MY15" s="119">
        <v>79427923</v>
      </c>
      <c r="MZ15" s="120">
        <v>236802067</v>
      </c>
      <c r="NA15" s="143">
        <v>236802067</v>
      </c>
      <c r="NB15" s="142">
        <v>0</v>
      </c>
      <c r="NC15" s="119">
        <v>0</v>
      </c>
      <c r="ND15" s="120">
        <v>0</v>
      </c>
      <c r="NE15" s="145"/>
      <c r="NF15" s="119">
        <v>5011827</v>
      </c>
      <c r="NG15" s="119">
        <v>19202547</v>
      </c>
      <c r="NH15" s="119">
        <v>20825558</v>
      </c>
      <c r="NI15" s="119">
        <v>42291586</v>
      </c>
      <c r="NJ15" s="119">
        <v>21138115</v>
      </c>
      <c r="NK15" s="120">
        <v>108469633</v>
      </c>
      <c r="NL15" s="320">
        <v>108469633</v>
      </c>
      <c r="NM15" s="142">
        <v>0</v>
      </c>
      <c r="NN15" s="119">
        <v>0</v>
      </c>
      <c r="NO15" s="120">
        <v>0</v>
      </c>
      <c r="NP15" s="145"/>
      <c r="NQ15" s="119">
        <v>0</v>
      </c>
      <c r="NR15" s="119">
        <v>0</v>
      </c>
      <c r="NS15" s="119">
        <v>0</v>
      </c>
      <c r="NT15" s="119">
        <v>362021</v>
      </c>
      <c r="NU15" s="119">
        <v>0</v>
      </c>
      <c r="NV15" s="120">
        <v>362021</v>
      </c>
      <c r="NW15" s="121">
        <v>362021</v>
      </c>
      <c r="NX15" s="142">
        <v>0</v>
      </c>
      <c r="NY15" s="119">
        <v>0</v>
      </c>
      <c r="NZ15" s="120">
        <v>0</v>
      </c>
      <c r="OA15" s="145"/>
      <c r="OB15" s="119">
        <v>0</v>
      </c>
      <c r="OC15" s="119">
        <v>0</v>
      </c>
      <c r="OD15" s="119">
        <v>360379</v>
      </c>
      <c r="OE15" s="119">
        <v>348262</v>
      </c>
      <c r="OF15" s="119">
        <v>2542753</v>
      </c>
      <c r="OG15" s="120">
        <v>3251394</v>
      </c>
      <c r="OH15" s="121">
        <v>3251394</v>
      </c>
      <c r="OI15" s="142">
        <v>12564367</v>
      </c>
      <c r="OJ15" s="119">
        <v>14841093</v>
      </c>
      <c r="OK15" s="141">
        <v>27405460</v>
      </c>
      <c r="OL15" s="118">
        <v>0</v>
      </c>
      <c r="OM15" s="119">
        <v>185467525</v>
      </c>
      <c r="ON15" s="119">
        <v>205071540</v>
      </c>
      <c r="OO15" s="119">
        <v>269673844</v>
      </c>
      <c r="OP15" s="119">
        <v>338617029</v>
      </c>
      <c r="OQ15" s="119">
        <v>258661255</v>
      </c>
      <c r="OR15" s="120">
        <v>1257491193</v>
      </c>
      <c r="OS15" s="143">
        <v>1284896653</v>
      </c>
    </row>
    <row r="16" spans="1:409" ht="21" customHeight="1" x14ac:dyDescent="0.2">
      <c r="B16" s="62" t="s">
        <v>10</v>
      </c>
      <c r="C16" s="110">
        <v>23372583</v>
      </c>
      <c r="D16" s="114">
        <v>41178962</v>
      </c>
      <c r="E16" s="113">
        <v>64551545</v>
      </c>
      <c r="F16" s="172">
        <v>0</v>
      </c>
      <c r="G16" s="114">
        <v>317217706</v>
      </c>
      <c r="H16" s="114">
        <v>255526734</v>
      </c>
      <c r="I16" s="114">
        <v>240247746</v>
      </c>
      <c r="J16" s="114">
        <v>245910176</v>
      </c>
      <c r="K16" s="114">
        <v>191004037</v>
      </c>
      <c r="L16" s="109">
        <v>1249906399</v>
      </c>
      <c r="M16" s="116">
        <v>1314457944</v>
      </c>
      <c r="N16" s="110">
        <v>5738158</v>
      </c>
      <c r="O16" s="114">
        <v>12495863</v>
      </c>
      <c r="P16" s="113">
        <v>18234021</v>
      </c>
      <c r="Q16" s="110">
        <v>0</v>
      </c>
      <c r="R16" s="114">
        <v>99830006</v>
      </c>
      <c r="S16" s="114">
        <v>87159628</v>
      </c>
      <c r="T16" s="114">
        <v>84889382</v>
      </c>
      <c r="U16" s="114">
        <v>109727916</v>
      </c>
      <c r="V16" s="114">
        <v>105876652</v>
      </c>
      <c r="W16" s="113">
        <v>487483584</v>
      </c>
      <c r="X16" s="116">
        <v>505717605</v>
      </c>
      <c r="Y16" s="110">
        <v>0</v>
      </c>
      <c r="Z16" s="114">
        <v>0</v>
      </c>
      <c r="AA16" s="113">
        <v>0</v>
      </c>
      <c r="AB16" s="110">
        <v>0</v>
      </c>
      <c r="AC16" s="114">
        <v>50979792</v>
      </c>
      <c r="AD16" s="114">
        <v>47177246</v>
      </c>
      <c r="AE16" s="114">
        <v>53846319</v>
      </c>
      <c r="AF16" s="114">
        <v>74914190</v>
      </c>
      <c r="AG16" s="114">
        <v>66069212</v>
      </c>
      <c r="AH16" s="113">
        <v>292986759</v>
      </c>
      <c r="AI16" s="116">
        <v>292986759</v>
      </c>
      <c r="AJ16" s="110">
        <v>0</v>
      </c>
      <c r="AK16" s="114">
        <v>0</v>
      </c>
      <c r="AL16" s="113">
        <v>0</v>
      </c>
      <c r="AM16" s="110">
        <v>0</v>
      </c>
      <c r="AN16" s="114">
        <v>513928</v>
      </c>
      <c r="AO16" s="114">
        <v>1191952</v>
      </c>
      <c r="AP16" s="114">
        <v>1595962</v>
      </c>
      <c r="AQ16" s="114">
        <v>4994290</v>
      </c>
      <c r="AR16" s="114">
        <v>10631604</v>
      </c>
      <c r="AS16" s="113">
        <v>18927736</v>
      </c>
      <c r="AT16" s="116">
        <v>18927736</v>
      </c>
      <c r="AU16" s="110">
        <v>3170584</v>
      </c>
      <c r="AV16" s="114">
        <v>8641090</v>
      </c>
      <c r="AW16" s="113">
        <v>11811674</v>
      </c>
      <c r="AX16" s="110">
        <v>0</v>
      </c>
      <c r="AY16" s="114">
        <v>28861935</v>
      </c>
      <c r="AZ16" s="114">
        <v>21412134</v>
      </c>
      <c r="BA16" s="114">
        <v>15074623</v>
      </c>
      <c r="BB16" s="114">
        <v>14763901</v>
      </c>
      <c r="BC16" s="114">
        <v>16275751</v>
      </c>
      <c r="BD16" s="113">
        <v>96388344</v>
      </c>
      <c r="BE16" s="116">
        <v>108200018</v>
      </c>
      <c r="BF16" s="110">
        <v>614435</v>
      </c>
      <c r="BG16" s="114">
        <v>1114019</v>
      </c>
      <c r="BH16" s="112">
        <v>1728454</v>
      </c>
      <c r="BI16" s="111">
        <v>0</v>
      </c>
      <c r="BJ16" s="114">
        <v>3400686</v>
      </c>
      <c r="BK16" s="114">
        <v>3064556</v>
      </c>
      <c r="BL16" s="114">
        <v>1789087</v>
      </c>
      <c r="BM16" s="114">
        <v>1298208</v>
      </c>
      <c r="BN16" s="114">
        <v>1513956</v>
      </c>
      <c r="BO16" s="113">
        <v>11066493</v>
      </c>
      <c r="BP16" s="116">
        <v>12794947</v>
      </c>
      <c r="BQ16" s="110">
        <v>1953139</v>
      </c>
      <c r="BR16" s="114">
        <v>2740754</v>
      </c>
      <c r="BS16" s="113">
        <v>4693893</v>
      </c>
      <c r="BT16" s="110">
        <v>0</v>
      </c>
      <c r="BU16" s="114">
        <v>16073665</v>
      </c>
      <c r="BV16" s="114">
        <v>14313740</v>
      </c>
      <c r="BW16" s="114">
        <v>12583391</v>
      </c>
      <c r="BX16" s="114">
        <v>13757327</v>
      </c>
      <c r="BY16" s="114">
        <v>11386129</v>
      </c>
      <c r="BZ16" s="113">
        <v>68114252</v>
      </c>
      <c r="CA16" s="116">
        <v>72808145</v>
      </c>
      <c r="CB16" s="110">
        <v>1456097</v>
      </c>
      <c r="CC16" s="114">
        <v>3881912</v>
      </c>
      <c r="CD16" s="113">
        <v>5338009</v>
      </c>
      <c r="CE16" s="110">
        <v>0</v>
      </c>
      <c r="CF16" s="114">
        <v>86901062</v>
      </c>
      <c r="CG16" s="114">
        <v>63249709</v>
      </c>
      <c r="CH16" s="114">
        <v>48055732</v>
      </c>
      <c r="CI16" s="114">
        <v>34780316</v>
      </c>
      <c r="CJ16" s="114">
        <v>15029538</v>
      </c>
      <c r="CK16" s="113">
        <v>248016357</v>
      </c>
      <c r="CL16" s="116">
        <v>253354366</v>
      </c>
      <c r="CM16" s="110">
        <v>0</v>
      </c>
      <c r="CN16" s="114">
        <v>0</v>
      </c>
      <c r="CO16" s="113">
        <v>0</v>
      </c>
      <c r="CP16" s="111">
        <v>0</v>
      </c>
      <c r="CQ16" s="114">
        <v>74348573</v>
      </c>
      <c r="CR16" s="114">
        <v>52228298</v>
      </c>
      <c r="CS16" s="114">
        <v>41145347</v>
      </c>
      <c r="CT16" s="114">
        <v>29236043</v>
      </c>
      <c r="CU16" s="114">
        <v>13205569</v>
      </c>
      <c r="CV16" s="113">
        <v>210163830</v>
      </c>
      <c r="CW16" s="116">
        <v>210163830</v>
      </c>
      <c r="CX16" s="110">
        <v>1456097</v>
      </c>
      <c r="CY16" s="114">
        <v>3881912</v>
      </c>
      <c r="CZ16" s="113">
        <v>5338009</v>
      </c>
      <c r="DA16" s="110">
        <v>0</v>
      </c>
      <c r="DB16" s="114">
        <v>12552489</v>
      </c>
      <c r="DC16" s="114">
        <v>11021411</v>
      </c>
      <c r="DD16" s="114">
        <v>6910385</v>
      </c>
      <c r="DE16" s="114">
        <v>5544273</v>
      </c>
      <c r="DF16" s="114">
        <v>1823969</v>
      </c>
      <c r="DG16" s="113">
        <v>37852527</v>
      </c>
      <c r="DH16" s="116">
        <v>43190536</v>
      </c>
      <c r="DI16" s="110">
        <v>103855</v>
      </c>
      <c r="DJ16" s="114">
        <v>502396</v>
      </c>
      <c r="DK16" s="112">
        <v>606251</v>
      </c>
      <c r="DL16" s="111">
        <v>0</v>
      </c>
      <c r="DM16" s="114">
        <v>8908085</v>
      </c>
      <c r="DN16" s="114">
        <v>13938716</v>
      </c>
      <c r="DO16" s="114">
        <v>22444313</v>
      </c>
      <c r="DP16" s="114">
        <v>17185243</v>
      </c>
      <c r="DQ16" s="114">
        <v>9779405</v>
      </c>
      <c r="DR16" s="113">
        <v>72255762</v>
      </c>
      <c r="DS16" s="116">
        <v>72862013</v>
      </c>
      <c r="DT16" s="110">
        <v>103855</v>
      </c>
      <c r="DU16" s="114">
        <v>502396</v>
      </c>
      <c r="DV16" s="113">
        <v>606251</v>
      </c>
      <c r="DW16" s="110">
        <v>0</v>
      </c>
      <c r="DX16" s="114">
        <v>8586611</v>
      </c>
      <c r="DY16" s="114">
        <v>12851187</v>
      </c>
      <c r="DZ16" s="114">
        <v>21586359</v>
      </c>
      <c r="EA16" s="114">
        <v>16792383</v>
      </c>
      <c r="EB16" s="114">
        <v>8505818</v>
      </c>
      <c r="EC16" s="113">
        <v>68322358</v>
      </c>
      <c r="ED16" s="116">
        <v>68928609</v>
      </c>
      <c r="EE16" s="110">
        <v>0</v>
      </c>
      <c r="EF16" s="112">
        <v>0</v>
      </c>
      <c r="EG16" s="113">
        <v>0</v>
      </c>
      <c r="EH16" s="110">
        <v>0</v>
      </c>
      <c r="EI16" s="114">
        <v>321474</v>
      </c>
      <c r="EJ16" s="114">
        <v>1087529</v>
      </c>
      <c r="EK16" s="114">
        <v>857954</v>
      </c>
      <c r="EL16" s="114">
        <v>392860</v>
      </c>
      <c r="EM16" s="114">
        <v>1273587</v>
      </c>
      <c r="EN16" s="112">
        <v>3933404</v>
      </c>
      <c r="EO16" s="116">
        <v>3933404</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6309263</v>
      </c>
      <c r="FM16" s="114">
        <v>10699944</v>
      </c>
      <c r="FN16" s="113">
        <v>17009207</v>
      </c>
      <c r="FO16" s="110">
        <v>0</v>
      </c>
      <c r="FP16" s="114">
        <v>19490278</v>
      </c>
      <c r="FQ16" s="114">
        <v>23524315</v>
      </c>
      <c r="FR16" s="114">
        <v>18765049</v>
      </c>
      <c r="FS16" s="114">
        <v>17241028</v>
      </c>
      <c r="FT16" s="114">
        <v>15222614</v>
      </c>
      <c r="FU16" s="113">
        <v>94243284</v>
      </c>
      <c r="FV16" s="116">
        <v>111252491</v>
      </c>
      <c r="FW16" s="115">
        <v>4383211</v>
      </c>
      <c r="FX16" s="114">
        <v>8196430</v>
      </c>
      <c r="FY16" s="112">
        <v>12579641</v>
      </c>
      <c r="FZ16" s="111">
        <v>0</v>
      </c>
      <c r="GA16" s="114">
        <v>16019479</v>
      </c>
      <c r="GB16" s="114">
        <v>21983329</v>
      </c>
      <c r="GC16" s="114">
        <v>17821079</v>
      </c>
      <c r="GD16" s="114">
        <v>16528754</v>
      </c>
      <c r="GE16" s="114">
        <v>14796808</v>
      </c>
      <c r="GF16" s="113">
        <v>87149449</v>
      </c>
      <c r="GG16" s="318">
        <v>99729090</v>
      </c>
      <c r="GH16" s="115">
        <v>355047</v>
      </c>
      <c r="GI16" s="114">
        <v>671292</v>
      </c>
      <c r="GJ16" s="112">
        <v>1026339</v>
      </c>
      <c r="GK16" s="111">
        <v>0</v>
      </c>
      <c r="GL16" s="114">
        <v>1227290</v>
      </c>
      <c r="GM16" s="114">
        <v>825021</v>
      </c>
      <c r="GN16" s="114">
        <v>607482</v>
      </c>
      <c r="GO16" s="114">
        <v>522014</v>
      </c>
      <c r="GP16" s="114">
        <v>99812</v>
      </c>
      <c r="GQ16" s="113">
        <v>3281619</v>
      </c>
      <c r="GR16" s="116">
        <v>4307958</v>
      </c>
      <c r="GS16" s="110">
        <v>1571005</v>
      </c>
      <c r="GT16" s="114">
        <v>1832222</v>
      </c>
      <c r="GU16" s="113">
        <v>3403227</v>
      </c>
      <c r="GV16" s="110">
        <v>0</v>
      </c>
      <c r="GW16" s="114">
        <v>2243509</v>
      </c>
      <c r="GX16" s="114">
        <v>715965</v>
      </c>
      <c r="GY16" s="114">
        <v>336488</v>
      </c>
      <c r="GZ16" s="114">
        <v>190260</v>
      </c>
      <c r="HA16" s="114">
        <v>325994</v>
      </c>
      <c r="HB16" s="112">
        <v>3812216</v>
      </c>
      <c r="HC16" s="116">
        <v>7215443</v>
      </c>
      <c r="HD16" s="110">
        <v>4325790</v>
      </c>
      <c r="HE16" s="114">
        <v>6421242</v>
      </c>
      <c r="HF16" s="112">
        <v>10747032</v>
      </c>
      <c r="HG16" s="111">
        <v>0</v>
      </c>
      <c r="HH16" s="114">
        <v>51124379</v>
      </c>
      <c r="HI16" s="114">
        <v>39180152</v>
      </c>
      <c r="HJ16" s="114">
        <v>45517784</v>
      </c>
      <c r="HK16" s="114">
        <v>50924638</v>
      </c>
      <c r="HL16" s="114">
        <v>33977715</v>
      </c>
      <c r="HM16" s="113">
        <v>220724668</v>
      </c>
      <c r="HN16" s="109">
        <v>231471700</v>
      </c>
      <c r="HO16" s="115">
        <v>5439420</v>
      </c>
      <c r="HP16" s="114">
        <v>7177605</v>
      </c>
      <c r="HQ16" s="113">
        <v>12617025</v>
      </c>
      <c r="HR16" s="110">
        <v>0</v>
      </c>
      <c r="HS16" s="114">
        <v>50963896</v>
      </c>
      <c r="HT16" s="114">
        <v>28474214</v>
      </c>
      <c r="HU16" s="114">
        <v>20575486</v>
      </c>
      <c r="HV16" s="114">
        <v>16051035</v>
      </c>
      <c r="HW16" s="114">
        <v>11118113</v>
      </c>
      <c r="HX16" s="112">
        <v>127182744</v>
      </c>
      <c r="HY16" s="116">
        <v>139799769</v>
      </c>
      <c r="HZ16" s="150">
        <v>474288</v>
      </c>
      <c r="IA16" s="135">
        <v>2003810</v>
      </c>
      <c r="IB16" s="150">
        <v>2478098</v>
      </c>
      <c r="IC16" s="134">
        <v>0</v>
      </c>
      <c r="ID16" s="135">
        <v>73849696</v>
      </c>
      <c r="IE16" s="136">
        <v>79064542</v>
      </c>
      <c r="IF16" s="137">
        <v>86702046</v>
      </c>
      <c r="IG16" s="135">
        <v>81865883</v>
      </c>
      <c r="IH16" s="137">
        <v>70575914</v>
      </c>
      <c r="II16" s="138">
        <v>392058081</v>
      </c>
      <c r="IJ16" s="150">
        <v>394536179</v>
      </c>
      <c r="IK16" s="232">
        <v>0</v>
      </c>
      <c r="IL16" s="236">
        <v>0</v>
      </c>
      <c r="IM16" s="237">
        <v>0</v>
      </c>
      <c r="IN16" s="140"/>
      <c r="IO16" s="119">
        <v>1601968</v>
      </c>
      <c r="IP16" s="119">
        <v>1996566</v>
      </c>
      <c r="IQ16" s="119">
        <v>3781871</v>
      </c>
      <c r="IR16" s="119">
        <v>5038055</v>
      </c>
      <c r="IS16" s="119">
        <v>3972996</v>
      </c>
      <c r="IT16" s="141">
        <v>16391456</v>
      </c>
      <c r="IU16" s="320">
        <v>16391456</v>
      </c>
      <c r="IV16" s="142">
        <v>0</v>
      </c>
      <c r="IW16" s="119">
        <v>0</v>
      </c>
      <c r="IX16" s="120">
        <v>0</v>
      </c>
      <c r="IY16" s="144"/>
      <c r="IZ16" s="119">
        <v>152589</v>
      </c>
      <c r="JA16" s="119">
        <v>176511</v>
      </c>
      <c r="JB16" s="119">
        <v>116977</v>
      </c>
      <c r="JC16" s="119">
        <v>253127</v>
      </c>
      <c r="JD16" s="119">
        <v>369168</v>
      </c>
      <c r="JE16" s="120">
        <v>1068372</v>
      </c>
      <c r="JF16" s="121">
        <v>1068372</v>
      </c>
      <c r="JG16" s="142">
        <v>0</v>
      </c>
      <c r="JH16" s="119">
        <v>0</v>
      </c>
      <c r="JI16" s="141">
        <v>0</v>
      </c>
      <c r="JJ16" s="118">
        <v>0</v>
      </c>
      <c r="JK16" s="119">
        <v>24353454</v>
      </c>
      <c r="JL16" s="119">
        <v>15140712</v>
      </c>
      <c r="JM16" s="119">
        <v>10449143</v>
      </c>
      <c r="JN16" s="119">
        <v>8076616</v>
      </c>
      <c r="JO16" s="119">
        <v>2098424</v>
      </c>
      <c r="JP16" s="120">
        <v>60118349</v>
      </c>
      <c r="JQ16" s="320">
        <v>60118349</v>
      </c>
      <c r="JR16" s="142">
        <v>0</v>
      </c>
      <c r="JS16" s="119">
        <v>46251</v>
      </c>
      <c r="JT16" s="141">
        <v>46251</v>
      </c>
      <c r="JU16" s="118">
        <v>0</v>
      </c>
      <c r="JV16" s="119">
        <v>1152714</v>
      </c>
      <c r="JW16" s="119">
        <v>1097128</v>
      </c>
      <c r="JX16" s="119">
        <v>2458837</v>
      </c>
      <c r="JY16" s="119">
        <v>1459526</v>
      </c>
      <c r="JZ16" s="119">
        <v>1875220</v>
      </c>
      <c r="KA16" s="120">
        <v>8043425</v>
      </c>
      <c r="KB16" s="320">
        <v>8089676</v>
      </c>
      <c r="KC16" s="234">
        <v>474288</v>
      </c>
      <c r="KD16" s="230">
        <v>1448144</v>
      </c>
      <c r="KE16" s="120">
        <v>1922432</v>
      </c>
      <c r="KF16" s="118">
        <v>0</v>
      </c>
      <c r="KG16" s="119">
        <v>12399943</v>
      </c>
      <c r="KH16" s="119">
        <v>15331493</v>
      </c>
      <c r="KI16" s="119">
        <v>20074745</v>
      </c>
      <c r="KJ16" s="119">
        <v>14632862</v>
      </c>
      <c r="KK16" s="119">
        <v>12994748</v>
      </c>
      <c r="KL16" s="120">
        <v>75433791</v>
      </c>
      <c r="KM16" s="143">
        <v>77356223</v>
      </c>
      <c r="KN16" s="232">
        <v>0</v>
      </c>
      <c r="KO16" s="236">
        <v>509415</v>
      </c>
      <c r="KP16" s="237">
        <v>509415</v>
      </c>
      <c r="KQ16" s="140"/>
      <c r="KR16" s="119">
        <v>26118657</v>
      </c>
      <c r="KS16" s="119">
        <v>31500765</v>
      </c>
      <c r="KT16" s="119">
        <v>30344858</v>
      </c>
      <c r="KU16" s="119">
        <v>25708525</v>
      </c>
      <c r="KV16" s="119">
        <v>23957280</v>
      </c>
      <c r="KW16" s="120">
        <v>137630085</v>
      </c>
      <c r="KX16" s="320">
        <v>138139500</v>
      </c>
      <c r="KY16" s="142">
        <v>0</v>
      </c>
      <c r="KZ16" s="119">
        <v>0</v>
      </c>
      <c r="LA16" s="120">
        <v>0</v>
      </c>
      <c r="LB16" s="145"/>
      <c r="LC16" s="119">
        <v>4731555</v>
      </c>
      <c r="LD16" s="119">
        <v>5387328</v>
      </c>
      <c r="LE16" s="119">
        <v>8783307</v>
      </c>
      <c r="LF16" s="119">
        <v>7382183</v>
      </c>
      <c r="LG16" s="119">
        <v>7885135</v>
      </c>
      <c r="LH16" s="120">
        <v>34169508</v>
      </c>
      <c r="LI16" s="121">
        <v>34169508</v>
      </c>
      <c r="LJ16" s="142">
        <v>0</v>
      </c>
      <c r="LK16" s="119">
        <v>0</v>
      </c>
      <c r="LL16" s="120">
        <v>0</v>
      </c>
      <c r="LM16" s="145"/>
      <c r="LN16" s="119">
        <v>0</v>
      </c>
      <c r="LO16" s="119">
        <v>212983</v>
      </c>
      <c r="LP16" s="119">
        <v>1023213</v>
      </c>
      <c r="LQ16" s="119">
        <v>6083945</v>
      </c>
      <c r="LR16" s="119">
        <v>4782110</v>
      </c>
      <c r="LS16" s="120">
        <v>12102251</v>
      </c>
      <c r="LT16" s="320">
        <v>12102251</v>
      </c>
      <c r="LU16" s="142">
        <v>0</v>
      </c>
      <c r="LV16" s="119">
        <v>0</v>
      </c>
      <c r="LW16" s="120">
        <v>0</v>
      </c>
      <c r="LX16" s="145"/>
      <c r="LY16" s="119">
        <v>3338816</v>
      </c>
      <c r="LZ16" s="119">
        <v>8221056</v>
      </c>
      <c r="MA16" s="119">
        <v>9669095</v>
      </c>
      <c r="MB16" s="119">
        <v>13231044</v>
      </c>
      <c r="MC16" s="119">
        <v>12640833</v>
      </c>
      <c r="MD16" s="120">
        <v>47100844</v>
      </c>
      <c r="ME16" s="121">
        <v>47100844</v>
      </c>
      <c r="MF16" s="142">
        <v>0</v>
      </c>
      <c r="MG16" s="119">
        <v>0</v>
      </c>
      <c r="MH16" s="120">
        <v>0</v>
      </c>
      <c r="MI16" s="145"/>
      <c r="MJ16" s="119">
        <v>25887284</v>
      </c>
      <c r="MK16" s="119">
        <v>47227751</v>
      </c>
      <c r="ML16" s="119">
        <v>143970552</v>
      </c>
      <c r="MM16" s="119">
        <v>204381596</v>
      </c>
      <c r="MN16" s="119">
        <v>195698694</v>
      </c>
      <c r="MO16" s="120">
        <v>617165877</v>
      </c>
      <c r="MP16" s="143">
        <v>617165877</v>
      </c>
      <c r="MQ16" s="142">
        <v>0</v>
      </c>
      <c r="MR16" s="119">
        <v>0</v>
      </c>
      <c r="MS16" s="120">
        <v>0</v>
      </c>
      <c r="MT16" s="145"/>
      <c r="MU16" s="119">
        <v>3723899</v>
      </c>
      <c r="MV16" s="119">
        <v>10679031</v>
      </c>
      <c r="MW16" s="119">
        <v>93577884</v>
      </c>
      <c r="MX16" s="119">
        <v>148716500</v>
      </c>
      <c r="MY16" s="119">
        <v>148268764</v>
      </c>
      <c r="MZ16" s="120">
        <v>404966078</v>
      </c>
      <c r="NA16" s="143">
        <v>404966078</v>
      </c>
      <c r="NB16" s="142">
        <v>0</v>
      </c>
      <c r="NC16" s="119">
        <v>0</v>
      </c>
      <c r="ND16" s="120">
        <v>0</v>
      </c>
      <c r="NE16" s="145"/>
      <c r="NF16" s="119">
        <v>21952982</v>
      </c>
      <c r="NG16" s="119">
        <v>36548720</v>
      </c>
      <c r="NH16" s="119">
        <v>50392668</v>
      </c>
      <c r="NI16" s="119">
        <v>54520128</v>
      </c>
      <c r="NJ16" s="119">
        <v>34830380</v>
      </c>
      <c r="NK16" s="120">
        <v>198244878</v>
      </c>
      <c r="NL16" s="320">
        <v>198244878</v>
      </c>
      <c r="NM16" s="142">
        <v>0</v>
      </c>
      <c r="NN16" s="119">
        <v>0</v>
      </c>
      <c r="NO16" s="120">
        <v>0</v>
      </c>
      <c r="NP16" s="145"/>
      <c r="NQ16" s="119">
        <v>0</v>
      </c>
      <c r="NR16" s="119">
        <v>0</v>
      </c>
      <c r="NS16" s="119">
        <v>0</v>
      </c>
      <c r="NT16" s="119">
        <v>0</v>
      </c>
      <c r="NU16" s="119">
        <v>272214</v>
      </c>
      <c r="NV16" s="120">
        <v>272214</v>
      </c>
      <c r="NW16" s="121">
        <v>272214</v>
      </c>
      <c r="NX16" s="142">
        <v>0</v>
      </c>
      <c r="NY16" s="119">
        <v>0</v>
      </c>
      <c r="NZ16" s="120">
        <v>0</v>
      </c>
      <c r="OA16" s="145"/>
      <c r="OB16" s="119">
        <v>210403</v>
      </c>
      <c r="OC16" s="119">
        <v>0</v>
      </c>
      <c r="OD16" s="119">
        <v>0</v>
      </c>
      <c r="OE16" s="119">
        <v>1144968</v>
      </c>
      <c r="OF16" s="119">
        <v>12327336</v>
      </c>
      <c r="OG16" s="120">
        <v>13682707</v>
      </c>
      <c r="OH16" s="121">
        <v>13682707</v>
      </c>
      <c r="OI16" s="142">
        <v>23846871</v>
      </c>
      <c r="OJ16" s="119">
        <v>43182772</v>
      </c>
      <c r="OK16" s="141">
        <v>67029643</v>
      </c>
      <c r="OL16" s="118">
        <v>0</v>
      </c>
      <c r="OM16" s="119">
        <v>416954686</v>
      </c>
      <c r="ON16" s="119">
        <v>381819027</v>
      </c>
      <c r="OO16" s="119">
        <v>470920344</v>
      </c>
      <c r="OP16" s="119">
        <v>532157655</v>
      </c>
      <c r="OQ16" s="119">
        <v>457278645</v>
      </c>
      <c r="OR16" s="120">
        <v>2259130357</v>
      </c>
      <c r="OS16" s="143">
        <v>2326160000</v>
      </c>
    </row>
    <row r="17" spans="2:409" ht="21" customHeight="1" x14ac:dyDescent="0.2">
      <c r="B17" s="62" t="s">
        <v>11</v>
      </c>
      <c r="C17" s="110">
        <v>12127638</v>
      </c>
      <c r="D17" s="114">
        <v>16053364</v>
      </c>
      <c r="E17" s="171">
        <v>28181002</v>
      </c>
      <c r="F17" s="111">
        <v>0</v>
      </c>
      <c r="G17" s="114">
        <v>158047800</v>
      </c>
      <c r="H17" s="114">
        <v>136112677</v>
      </c>
      <c r="I17" s="114">
        <v>126695263</v>
      </c>
      <c r="J17" s="114">
        <v>134963698</v>
      </c>
      <c r="K17" s="114">
        <v>88549197</v>
      </c>
      <c r="L17" s="109">
        <v>644368635</v>
      </c>
      <c r="M17" s="116">
        <v>672549637</v>
      </c>
      <c r="N17" s="110">
        <v>1273554</v>
      </c>
      <c r="O17" s="114">
        <v>2473615</v>
      </c>
      <c r="P17" s="113">
        <v>3747169</v>
      </c>
      <c r="Q17" s="110">
        <v>0</v>
      </c>
      <c r="R17" s="114">
        <v>35427112</v>
      </c>
      <c r="S17" s="114">
        <v>38694925</v>
      </c>
      <c r="T17" s="114">
        <v>37693996</v>
      </c>
      <c r="U17" s="114">
        <v>48536758</v>
      </c>
      <c r="V17" s="114">
        <v>43768385</v>
      </c>
      <c r="W17" s="113">
        <v>204121176</v>
      </c>
      <c r="X17" s="116">
        <v>207868345</v>
      </c>
      <c r="Y17" s="110">
        <v>0</v>
      </c>
      <c r="Z17" s="114">
        <v>0</v>
      </c>
      <c r="AA17" s="113">
        <v>0</v>
      </c>
      <c r="AB17" s="110">
        <v>0</v>
      </c>
      <c r="AC17" s="114">
        <v>17595054</v>
      </c>
      <c r="AD17" s="114">
        <v>22582722</v>
      </c>
      <c r="AE17" s="114">
        <v>22776481</v>
      </c>
      <c r="AF17" s="114">
        <v>31279457</v>
      </c>
      <c r="AG17" s="114">
        <v>27780208</v>
      </c>
      <c r="AH17" s="113">
        <v>122013922</v>
      </c>
      <c r="AI17" s="116">
        <v>122013922</v>
      </c>
      <c r="AJ17" s="110">
        <v>0</v>
      </c>
      <c r="AK17" s="114">
        <v>44470</v>
      </c>
      <c r="AL17" s="113">
        <v>44470</v>
      </c>
      <c r="AM17" s="110">
        <v>0</v>
      </c>
      <c r="AN17" s="114">
        <v>207676</v>
      </c>
      <c r="AO17" s="114">
        <v>807439</v>
      </c>
      <c r="AP17" s="114">
        <v>1593390</v>
      </c>
      <c r="AQ17" s="114">
        <v>2857494</v>
      </c>
      <c r="AR17" s="114">
        <v>3895818</v>
      </c>
      <c r="AS17" s="113">
        <v>9361817</v>
      </c>
      <c r="AT17" s="116">
        <v>9406287</v>
      </c>
      <c r="AU17" s="110">
        <v>771072</v>
      </c>
      <c r="AV17" s="114">
        <v>1764095</v>
      </c>
      <c r="AW17" s="113">
        <v>2535167</v>
      </c>
      <c r="AX17" s="110">
        <v>0</v>
      </c>
      <c r="AY17" s="114">
        <v>10958637</v>
      </c>
      <c r="AZ17" s="114">
        <v>9200220</v>
      </c>
      <c r="BA17" s="114">
        <v>7125570</v>
      </c>
      <c r="BB17" s="114">
        <v>8092183</v>
      </c>
      <c r="BC17" s="114">
        <v>8410749</v>
      </c>
      <c r="BD17" s="113">
        <v>43787359</v>
      </c>
      <c r="BE17" s="116">
        <v>46322526</v>
      </c>
      <c r="BF17" s="110">
        <v>55743</v>
      </c>
      <c r="BG17" s="114">
        <v>195241</v>
      </c>
      <c r="BH17" s="112">
        <v>250984</v>
      </c>
      <c r="BI17" s="111">
        <v>0</v>
      </c>
      <c r="BJ17" s="114">
        <v>1071968</v>
      </c>
      <c r="BK17" s="114">
        <v>821778</v>
      </c>
      <c r="BL17" s="114">
        <v>1033883</v>
      </c>
      <c r="BM17" s="114">
        <v>800813</v>
      </c>
      <c r="BN17" s="114">
        <v>172416</v>
      </c>
      <c r="BO17" s="113">
        <v>3900858</v>
      </c>
      <c r="BP17" s="116">
        <v>4151842</v>
      </c>
      <c r="BQ17" s="110">
        <v>446739</v>
      </c>
      <c r="BR17" s="114">
        <v>469809</v>
      </c>
      <c r="BS17" s="113">
        <v>916548</v>
      </c>
      <c r="BT17" s="110">
        <v>0</v>
      </c>
      <c r="BU17" s="114">
        <v>5593777</v>
      </c>
      <c r="BV17" s="114">
        <v>5282766</v>
      </c>
      <c r="BW17" s="114">
        <v>5164672</v>
      </c>
      <c r="BX17" s="114">
        <v>5506811</v>
      </c>
      <c r="BY17" s="114">
        <v>3509194</v>
      </c>
      <c r="BZ17" s="113">
        <v>25057220</v>
      </c>
      <c r="CA17" s="116">
        <v>25973768</v>
      </c>
      <c r="CB17" s="110">
        <v>3158500</v>
      </c>
      <c r="CC17" s="114">
        <v>4439190</v>
      </c>
      <c r="CD17" s="113">
        <v>7597690</v>
      </c>
      <c r="CE17" s="110">
        <v>0</v>
      </c>
      <c r="CF17" s="114">
        <v>47610000</v>
      </c>
      <c r="CG17" s="114">
        <v>37966999</v>
      </c>
      <c r="CH17" s="114">
        <v>28262468</v>
      </c>
      <c r="CI17" s="114">
        <v>23034133</v>
      </c>
      <c r="CJ17" s="114">
        <v>11006806</v>
      </c>
      <c r="CK17" s="113">
        <v>147880406</v>
      </c>
      <c r="CL17" s="116">
        <v>155478096</v>
      </c>
      <c r="CM17" s="110">
        <v>0</v>
      </c>
      <c r="CN17" s="114">
        <v>0</v>
      </c>
      <c r="CO17" s="113">
        <v>0</v>
      </c>
      <c r="CP17" s="111">
        <v>0</v>
      </c>
      <c r="CQ17" s="114">
        <v>38400463</v>
      </c>
      <c r="CR17" s="114">
        <v>30073716</v>
      </c>
      <c r="CS17" s="114">
        <v>22128844</v>
      </c>
      <c r="CT17" s="114">
        <v>18410426</v>
      </c>
      <c r="CU17" s="114">
        <v>9216486</v>
      </c>
      <c r="CV17" s="113">
        <v>118229935</v>
      </c>
      <c r="CW17" s="116">
        <v>118229935</v>
      </c>
      <c r="CX17" s="110">
        <v>3158500</v>
      </c>
      <c r="CY17" s="114">
        <v>4439190</v>
      </c>
      <c r="CZ17" s="113">
        <v>7597690</v>
      </c>
      <c r="DA17" s="110">
        <v>0</v>
      </c>
      <c r="DB17" s="114">
        <v>9209537</v>
      </c>
      <c r="DC17" s="114">
        <v>7893283</v>
      </c>
      <c r="DD17" s="114">
        <v>6133624</v>
      </c>
      <c r="DE17" s="114">
        <v>4623707</v>
      </c>
      <c r="DF17" s="114">
        <v>1790320</v>
      </c>
      <c r="DG17" s="113">
        <v>29650471</v>
      </c>
      <c r="DH17" s="116">
        <v>37248161</v>
      </c>
      <c r="DI17" s="110">
        <v>237044</v>
      </c>
      <c r="DJ17" s="114">
        <v>344415</v>
      </c>
      <c r="DK17" s="112">
        <v>581459</v>
      </c>
      <c r="DL17" s="111">
        <v>0</v>
      </c>
      <c r="DM17" s="114">
        <v>5592124</v>
      </c>
      <c r="DN17" s="114">
        <v>6158659</v>
      </c>
      <c r="DO17" s="114">
        <v>11096447</v>
      </c>
      <c r="DP17" s="114">
        <v>9256134</v>
      </c>
      <c r="DQ17" s="114">
        <v>5679024</v>
      </c>
      <c r="DR17" s="113">
        <v>37782388</v>
      </c>
      <c r="DS17" s="116">
        <v>38363847</v>
      </c>
      <c r="DT17" s="110">
        <v>237044</v>
      </c>
      <c r="DU17" s="114">
        <v>344415</v>
      </c>
      <c r="DV17" s="113">
        <v>581459</v>
      </c>
      <c r="DW17" s="110">
        <v>0</v>
      </c>
      <c r="DX17" s="114">
        <v>5399209</v>
      </c>
      <c r="DY17" s="114">
        <v>5689816</v>
      </c>
      <c r="DZ17" s="114">
        <v>10748802</v>
      </c>
      <c r="EA17" s="114">
        <v>8970742</v>
      </c>
      <c r="EB17" s="114">
        <v>4863169</v>
      </c>
      <c r="EC17" s="113">
        <v>35671738</v>
      </c>
      <c r="ED17" s="116">
        <v>36253197</v>
      </c>
      <c r="EE17" s="110">
        <v>0</v>
      </c>
      <c r="EF17" s="112">
        <v>0</v>
      </c>
      <c r="EG17" s="113">
        <v>0</v>
      </c>
      <c r="EH17" s="110">
        <v>0</v>
      </c>
      <c r="EI17" s="114">
        <v>192915</v>
      </c>
      <c r="EJ17" s="114">
        <v>468843</v>
      </c>
      <c r="EK17" s="114">
        <v>347645</v>
      </c>
      <c r="EL17" s="114">
        <v>285392</v>
      </c>
      <c r="EM17" s="114">
        <v>815855</v>
      </c>
      <c r="EN17" s="112">
        <v>2110650</v>
      </c>
      <c r="EO17" s="116">
        <v>2110650</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3200949</v>
      </c>
      <c r="FM17" s="114">
        <v>3326807</v>
      </c>
      <c r="FN17" s="113">
        <v>6527756</v>
      </c>
      <c r="FO17" s="110">
        <v>0</v>
      </c>
      <c r="FP17" s="114">
        <v>7950303</v>
      </c>
      <c r="FQ17" s="114">
        <v>11660186</v>
      </c>
      <c r="FR17" s="114">
        <v>10061668</v>
      </c>
      <c r="FS17" s="114">
        <v>9736392</v>
      </c>
      <c r="FT17" s="114">
        <v>6165189</v>
      </c>
      <c r="FU17" s="113">
        <v>45573738</v>
      </c>
      <c r="FV17" s="116">
        <v>52101494</v>
      </c>
      <c r="FW17" s="115">
        <v>1723049</v>
      </c>
      <c r="FX17" s="114">
        <v>2749513</v>
      </c>
      <c r="FY17" s="112">
        <v>4472562</v>
      </c>
      <c r="FZ17" s="111">
        <v>0</v>
      </c>
      <c r="GA17" s="114">
        <v>6447125</v>
      </c>
      <c r="GB17" s="114">
        <v>11200114</v>
      </c>
      <c r="GC17" s="114">
        <v>9174453</v>
      </c>
      <c r="GD17" s="114">
        <v>9122000</v>
      </c>
      <c r="GE17" s="114">
        <v>6115120</v>
      </c>
      <c r="GF17" s="113">
        <v>42058812</v>
      </c>
      <c r="GG17" s="318">
        <v>46531374</v>
      </c>
      <c r="GH17" s="115">
        <v>152634</v>
      </c>
      <c r="GI17" s="114">
        <v>118978</v>
      </c>
      <c r="GJ17" s="112">
        <v>271612</v>
      </c>
      <c r="GK17" s="111">
        <v>0</v>
      </c>
      <c r="GL17" s="114">
        <v>510826</v>
      </c>
      <c r="GM17" s="114">
        <v>270718</v>
      </c>
      <c r="GN17" s="114">
        <v>87324</v>
      </c>
      <c r="GO17" s="114">
        <v>128412</v>
      </c>
      <c r="GP17" s="114">
        <v>50069</v>
      </c>
      <c r="GQ17" s="113">
        <v>1047349</v>
      </c>
      <c r="GR17" s="116">
        <v>1318961</v>
      </c>
      <c r="GS17" s="110">
        <v>1325266</v>
      </c>
      <c r="GT17" s="114">
        <v>458316</v>
      </c>
      <c r="GU17" s="113">
        <v>1783582</v>
      </c>
      <c r="GV17" s="110">
        <v>0</v>
      </c>
      <c r="GW17" s="114">
        <v>992352</v>
      </c>
      <c r="GX17" s="114">
        <v>189354</v>
      </c>
      <c r="GY17" s="114">
        <v>799891</v>
      </c>
      <c r="GZ17" s="114">
        <v>485980</v>
      </c>
      <c r="HA17" s="114">
        <v>0</v>
      </c>
      <c r="HB17" s="112">
        <v>2467577</v>
      </c>
      <c r="HC17" s="116">
        <v>4251159</v>
      </c>
      <c r="HD17" s="110">
        <v>1913148</v>
      </c>
      <c r="HE17" s="114">
        <v>2920413</v>
      </c>
      <c r="HF17" s="112">
        <v>4833561</v>
      </c>
      <c r="HG17" s="111">
        <v>0</v>
      </c>
      <c r="HH17" s="114">
        <v>33778468</v>
      </c>
      <c r="HI17" s="114">
        <v>24774961</v>
      </c>
      <c r="HJ17" s="114">
        <v>26850476</v>
      </c>
      <c r="HK17" s="114">
        <v>34400266</v>
      </c>
      <c r="HL17" s="114">
        <v>16364717</v>
      </c>
      <c r="HM17" s="113">
        <v>136168888</v>
      </c>
      <c r="HN17" s="109">
        <v>141002449</v>
      </c>
      <c r="HO17" s="115">
        <v>2344443</v>
      </c>
      <c r="HP17" s="114">
        <v>2548924</v>
      </c>
      <c r="HQ17" s="113">
        <v>4893367</v>
      </c>
      <c r="HR17" s="110">
        <v>0</v>
      </c>
      <c r="HS17" s="114">
        <v>27689793</v>
      </c>
      <c r="HT17" s="114">
        <v>16856947</v>
      </c>
      <c r="HU17" s="114">
        <v>12730208</v>
      </c>
      <c r="HV17" s="114">
        <v>10000015</v>
      </c>
      <c r="HW17" s="114">
        <v>5565076</v>
      </c>
      <c r="HX17" s="112">
        <v>72842039</v>
      </c>
      <c r="HY17" s="116">
        <v>77735406</v>
      </c>
      <c r="HZ17" s="131">
        <v>0</v>
      </c>
      <c r="IA17" s="132">
        <v>1991167</v>
      </c>
      <c r="IB17" s="133">
        <v>1991167</v>
      </c>
      <c r="IC17" s="146">
        <v>0</v>
      </c>
      <c r="ID17" s="132">
        <v>48547069</v>
      </c>
      <c r="IE17" s="147">
        <v>46903356</v>
      </c>
      <c r="IF17" s="133">
        <v>47813144</v>
      </c>
      <c r="IG17" s="132">
        <v>36594306</v>
      </c>
      <c r="IH17" s="133">
        <v>15964433</v>
      </c>
      <c r="II17" s="148">
        <v>195822308</v>
      </c>
      <c r="IJ17" s="139">
        <v>197813475</v>
      </c>
      <c r="IK17" s="232">
        <v>0</v>
      </c>
      <c r="IL17" s="236">
        <v>0</v>
      </c>
      <c r="IM17" s="237">
        <v>0</v>
      </c>
      <c r="IN17" s="140"/>
      <c r="IO17" s="119">
        <v>912759</v>
      </c>
      <c r="IP17" s="119">
        <v>1306351</v>
      </c>
      <c r="IQ17" s="119">
        <v>884259</v>
      </c>
      <c r="IR17" s="119">
        <v>1713489</v>
      </c>
      <c r="IS17" s="119">
        <v>1318437</v>
      </c>
      <c r="IT17" s="141">
        <v>6135295</v>
      </c>
      <c r="IU17" s="320">
        <v>6135295</v>
      </c>
      <c r="IV17" s="142">
        <v>0</v>
      </c>
      <c r="IW17" s="119">
        <v>0</v>
      </c>
      <c r="IX17" s="120">
        <v>0</v>
      </c>
      <c r="IY17" s="144"/>
      <c r="IZ17" s="119">
        <v>176891</v>
      </c>
      <c r="JA17" s="119">
        <v>230153</v>
      </c>
      <c r="JB17" s="119">
        <v>353262</v>
      </c>
      <c r="JC17" s="119">
        <v>312128</v>
      </c>
      <c r="JD17" s="119">
        <v>113966</v>
      </c>
      <c r="JE17" s="120">
        <v>1186400</v>
      </c>
      <c r="JF17" s="121">
        <v>1186400</v>
      </c>
      <c r="JG17" s="142">
        <v>0</v>
      </c>
      <c r="JH17" s="119">
        <v>0</v>
      </c>
      <c r="JI17" s="141">
        <v>0</v>
      </c>
      <c r="JJ17" s="118">
        <v>0</v>
      </c>
      <c r="JK17" s="119">
        <v>26697467</v>
      </c>
      <c r="JL17" s="119">
        <v>17374199</v>
      </c>
      <c r="JM17" s="119">
        <v>13262436</v>
      </c>
      <c r="JN17" s="119">
        <v>9383983</v>
      </c>
      <c r="JO17" s="119">
        <v>4115947</v>
      </c>
      <c r="JP17" s="120">
        <v>70834032</v>
      </c>
      <c r="JQ17" s="320">
        <v>70834032</v>
      </c>
      <c r="JR17" s="142">
        <v>0</v>
      </c>
      <c r="JS17" s="119">
        <v>37989</v>
      </c>
      <c r="JT17" s="141">
        <v>37989</v>
      </c>
      <c r="JU17" s="118">
        <v>0</v>
      </c>
      <c r="JV17" s="119">
        <v>980234</v>
      </c>
      <c r="JW17" s="119">
        <v>1060950</v>
      </c>
      <c r="JX17" s="119">
        <v>1967131</v>
      </c>
      <c r="JY17" s="119">
        <v>0</v>
      </c>
      <c r="JZ17" s="119">
        <v>197105</v>
      </c>
      <c r="KA17" s="120">
        <v>4205420</v>
      </c>
      <c r="KB17" s="320">
        <v>4243409</v>
      </c>
      <c r="KC17" s="234">
        <v>0</v>
      </c>
      <c r="KD17" s="230">
        <v>424058</v>
      </c>
      <c r="KE17" s="120">
        <v>424058</v>
      </c>
      <c r="KF17" s="118">
        <v>0</v>
      </c>
      <c r="KG17" s="119">
        <v>5143872</v>
      </c>
      <c r="KH17" s="119">
        <v>7728200</v>
      </c>
      <c r="KI17" s="119">
        <v>8066472</v>
      </c>
      <c r="KJ17" s="119">
        <v>6751844</v>
      </c>
      <c r="KK17" s="119">
        <v>2160019</v>
      </c>
      <c r="KL17" s="120">
        <v>29850407</v>
      </c>
      <c r="KM17" s="143">
        <v>30274465</v>
      </c>
      <c r="KN17" s="232">
        <v>0</v>
      </c>
      <c r="KO17" s="236">
        <v>1529120</v>
      </c>
      <c r="KP17" s="237">
        <v>1529120</v>
      </c>
      <c r="KQ17" s="140"/>
      <c r="KR17" s="119">
        <v>13875776</v>
      </c>
      <c r="KS17" s="119">
        <v>18143056</v>
      </c>
      <c r="KT17" s="119">
        <v>22145505</v>
      </c>
      <c r="KU17" s="119">
        <v>16544377</v>
      </c>
      <c r="KV17" s="119">
        <v>6822904</v>
      </c>
      <c r="KW17" s="120">
        <v>77531618</v>
      </c>
      <c r="KX17" s="320">
        <v>79060738</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51424</v>
      </c>
      <c r="LP17" s="119">
        <v>0</v>
      </c>
      <c r="LQ17" s="119">
        <v>0</v>
      </c>
      <c r="LR17" s="119">
        <v>0</v>
      </c>
      <c r="LS17" s="120">
        <v>251424</v>
      </c>
      <c r="LT17" s="320">
        <v>251424</v>
      </c>
      <c r="LU17" s="142">
        <v>0</v>
      </c>
      <c r="LV17" s="119">
        <v>0</v>
      </c>
      <c r="LW17" s="120">
        <v>0</v>
      </c>
      <c r="LX17" s="145"/>
      <c r="LY17" s="119">
        <v>760070</v>
      </c>
      <c r="LZ17" s="119">
        <v>809023</v>
      </c>
      <c r="MA17" s="119">
        <v>1134079</v>
      </c>
      <c r="MB17" s="119">
        <v>1888485</v>
      </c>
      <c r="MC17" s="119">
        <v>1236055</v>
      </c>
      <c r="MD17" s="120">
        <v>5827712</v>
      </c>
      <c r="ME17" s="121">
        <v>5827712</v>
      </c>
      <c r="MF17" s="142">
        <v>0</v>
      </c>
      <c r="MG17" s="119">
        <v>0</v>
      </c>
      <c r="MH17" s="120">
        <v>0</v>
      </c>
      <c r="MI17" s="145"/>
      <c r="MJ17" s="119">
        <v>17520949</v>
      </c>
      <c r="MK17" s="119">
        <v>24812120</v>
      </c>
      <c r="ML17" s="119">
        <v>89168710</v>
      </c>
      <c r="MM17" s="119">
        <v>149355239</v>
      </c>
      <c r="MN17" s="119">
        <v>87780935</v>
      </c>
      <c r="MO17" s="120">
        <v>368637953</v>
      </c>
      <c r="MP17" s="143">
        <v>368637953</v>
      </c>
      <c r="MQ17" s="142">
        <v>0</v>
      </c>
      <c r="MR17" s="119">
        <v>0</v>
      </c>
      <c r="MS17" s="120">
        <v>0</v>
      </c>
      <c r="MT17" s="145"/>
      <c r="MU17" s="119">
        <v>426276</v>
      </c>
      <c r="MV17" s="119">
        <v>1367786</v>
      </c>
      <c r="MW17" s="119">
        <v>50357584</v>
      </c>
      <c r="MX17" s="119">
        <v>96948917</v>
      </c>
      <c r="MY17" s="119">
        <v>56949882</v>
      </c>
      <c r="MZ17" s="120">
        <v>206050445</v>
      </c>
      <c r="NA17" s="143">
        <v>206050445</v>
      </c>
      <c r="NB17" s="142">
        <v>0</v>
      </c>
      <c r="NC17" s="119">
        <v>0</v>
      </c>
      <c r="ND17" s="120">
        <v>0</v>
      </c>
      <c r="NE17" s="145"/>
      <c r="NF17" s="119">
        <v>16850051</v>
      </c>
      <c r="NG17" s="119">
        <v>22087934</v>
      </c>
      <c r="NH17" s="119">
        <v>37133192</v>
      </c>
      <c r="NI17" s="119">
        <v>48561572</v>
      </c>
      <c r="NJ17" s="119">
        <v>24303577</v>
      </c>
      <c r="NK17" s="120">
        <v>148936326</v>
      </c>
      <c r="NL17" s="320">
        <v>148936326</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244622</v>
      </c>
      <c r="OC17" s="119">
        <v>1356400</v>
      </c>
      <c r="OD17" s="119">
        <v>1677934</v>
      </c>
      <c r="OE17" s="119">
        <v>3844750</v>
      </c>
      <c r="OF17" s="119">
        <v>6527476</v>
      </c>
      <c r="OG17" s="120">
        <v>13651182</v>
      </c>
      <c r="OH17" s="121">
        <v>13651182</v>
      </c>
      <c r="OI17" s="142">
        <v>12127638</v>
      </c>
      <c r="OJ17" s="119">
        <v>18044531</v>
      </c>
      <c r="OK17" s="141">
        <v>30172169</v>
      </c>
      <c r="OL17" s="118">
        <v>0</v>
      </c>
      <c r="OM17" s="119">
        <v>224115818</v>
      </c>
      <c r="ON17" s="119">
        <v>207828153</v>
      </c>
      <c r="OO17" s="119">
        <v>263677117</v>
      </c>
      <c r="OP17" s="119">
        <v>320913243</v>
      </c>
      <c r="OQ17" s="119">
        <v>192294565</v>
      </c>
      <c r="OR17" s="120">
        <v>1208828896</v>
      </c>
      <c r="OS17" s="143">
        <v>1239001065</v>
      </c>
    </row>
    <row r="18" spans="2:409" ht="21" customHeight="1" x14ac:dyDescent="0.2">
      <c r="B18" s="62" t="s">
        <v>12</v>
      </c>
      <c r="C18" s="110">
        <v>16586252</v>
      </c>
      <c r="D18" s="114">
        <v>30346496</v>
      </c>
      <c r="E18" s="113">
        <v>46932748</v>
      </c>
      <c r="F18" s="109">
        <v>0</v>
      </c>
      <c r="G18" s="114">
        <v>119624630</v>
      </c>
      <c r="H18" s="170">
        <v>144356638</v>
      </c>
      <c r="I18" s="170">
        <v>132706264</v>
      </c>
      <c r="J18" s="170">
        <v>149018101</v>
      </c>
      <c r="K18" s="170">
        <v>109237060</v>
      </c>
      <c r="L18" s="112">
        <v>654942693</v>
      </c>
      <c r="M18" s="116">
        <v>701875441</v>
      </c>
      <c r="N18" s="110">
        <v>3243053</v>
      </c>
      <c r="O18" s="114">
        <v>7413164</v>
      </c>
      <c r="P18" s="113">
        <v>10656217</v>
      </c>
      <c r="Q18" s="110">
        <v>0</v>
      </c>
      <c r="R18" s="114">
        <v>34459546</v>
      </c>
      <c r="S18" s="114">
        <v>44344877</v>
      </c>
      <c r="T18" s="114">
        <v>41868426</v>
      </c>
      <c r="U18" s="114">
        <v>54417649</v>
      </c>
      <c r="V18" s="114">
        <v>54941762</v>
      </c>
      <c r="W18" s="113">
        <v>230032260</v>
      </c>
      <c r="X18" s="116">
        <v>240688477</v>
      </c>
      <c r="Y18" s="110">
        <v>0</v>
      </c>
      <c r="Z18" s="114">
        <v>0</v>
      </c>
      <c r="AA18" s="113">
        <v>0</v>
      </c>
      <c r="AB18" s="110">
        <v>0</v>
      </c>
      <c r="AC18" s="114">
        <v>20257175</v>
      </c>
      <c r="AD18" s="114">
        <v>25102429</v>
      </c>
      <c r="AE18" s="114">
        <v>26466289</v>
      </c>
      <c r="AF18" s="114">
        <v>35439249</v>
      </c>
      <c r="AG18" s="114">
        <v>37178878</v>
      </c>
      <c r="AH18" s="113">
        <v>144444020</v>
      </c>
      <c r="AI18" s="116">
        <v>144444020</v>
      </c>
      <c r="AJ18" s="110">
        <v>10987</v>
      </c>
      <c r="AK18" s="114">
        <v>194434</v>
      </c>
      <c r="AL18" s="113">
        <v>205421</v>
      </c>
      <c r="AM18" s="110">
        <v>0</v>
      </c>
      <c r="AN18" s="114">
        <v>236760</v>
      </c>
      <c r="AO18" s="114">
        <v>925559</v>
      </c>
      <c r="AP18" s="114">
        <v>1294694</v>
      </c>
      <c r="AQ18" s="114">
        <v>3661343</v>
      </c>
      <c r="AR18" s="114">
        <v>4598108</v>
      </c>
      <c r="AS18" s="113">
        <v>10716464</v>
      </c>
      <c r="AT18" s="116">
        <v>10921885</v>
      </c>
      <c r="AU18" s="110">
        <v>2276563</v>
      </c>
      <c r="AV18" s="114">
        <v>5485766</v>
      </c>
      <c r="AW18" s="113">
        <v>7762329</v>
      </c>
      <c r="AX18" s="110">
        <v>0</v>
      </c>
      <c r="AY18" s="114">
        <v>9475179</v>
      </c>
      <c r="AZ18" s="114">
        <v>12442387</v>
      </c>
      <c r="BA18" s="114">
        <v>9098148</v>
      </c>
      <c r="BB18" s="114">
        <v>8655917</v>
      </c>
      <c r="BC18" s="114">
        <v>8173878</v>
      </c>
      <c r="BD18" s="113">
        <v>47845509</v>
      </c>
      <c r="BE18" s="116">
        <v>55607838</v>
      </c>
      <c r="BF18" s="110">
        <v>144715</v>
      </c>
      <c r="BG18" s="114">
        <v>584773</v>
      </c>
      <c r="BH18" s="112">
        <v>729488</v>
      </c>
      <c r="BI18" s="111">
        <v>0</v>
      </c>
      <c r="BJ18" s="114">
        <v>559216</v>
      </c>
      <c r="BK18" s="114">
        <v>1275920</v>
      </c>
      <c r="BL18" s="114">
        <v>820053</v>
      </c>
      <c r="BM18" s="114">
        <v>938846</v>
      </c>
      <c r="BN18" s="114">
        <v>628427</v>
      </c>
      <c r="BO18" s="113">
        <v>4222462</v>
      </c>
      <c r="BP18" s="116">
        <v>4951950</v>
      </c>
      <c r="BQ18" s="110">
        <v>810788</v>
      </c>
      <c r="BR18" s="114">
        <v>1148191</v>
      </c>
      <c r="BS18" s="113">
        <v>1958979</v>
      </c>
      <c r="BT18" s="110">
        <v>0</v>
      </c>
      <c r="BU18" s="114">
        <v>3931216</v>
      </c>
      <c r="BV18" s="114">
        <v>4598582</v>
      </c>
      <c r="BW18" s="114">
        <v>4189242</v>
      </c>
      <c r="BX18" s="114">
        <v>5722294</v>
      </c>
      <c r="BY18" s="114">
        <v>4362471</v>
      </c>
      <c r="BZ18" s="113">
        <v>22803805</v>
      </c>
      <c r="CA18" s="116">
        <v>24762784</v>
      </c>
      <c r="CB18" s="110">
        <v>3231320</v>
      </c>
      <c r="CC18" s="114">
        <v>5883666</v>
      </c>
      <c r="CD18" s="113">
        <v>9114986</v>
      </c>
      <c r="CE18" s="110">
        <v>0</v>
      </c>
      <c r="CF18" s="114">
        <v>36865163</v>
      </c>
      <c r="CG18" s="114">
        <v>40453317</v>
      </c>
      <c r="CH18" s="114">
        <v>32174991</v>
      </c>
      <c r="CI18" s="114">
        <v>28279838</v>
      </c>
      <c r="CJ18" s="114">
        <v>12470549</v>
      </c>
      <c r="CK18" s="113">
        <v>150243858</v>
      </c>
      <c r="CL18" s="116">
        <v>159358844</v>
      </c>
      <c r="CM18" s="110">
        <v>0</v>
      </c>
      <c r="CN18" s="114">
        <v>0</v>
      </c>
      <c r="CO18" s="113">
        <v>0</v>
      </c>
      <c r="CP18" s="111">
        <v>0</v>
      </c>
      <c r="CQ18" s="114">
        <v>30943664</v>
      </c>
      <c r="CR18" s="114">
        <v>30387005</v>
      </c>
      <c r="CS18" s="114">
        <v>24172875</v>
      </c>
      <c r="CT18" s="114">
        <v>22014219</v>
      </c>
      <c r="CU18" s="114">
        <v>9874984</v>
      </c>
      <c r="CV18" s="113">
        <v>117392747</v>
      </c>
      <c r="CW18" s="116">
        <v>117392747</v>
      </c>
      <c r="CX18" s="110">
        <v>3231320</v>
      </c>
      <c r="CY18" s="114">
        <v>5883666</v>
      </c>
      <c r="CZ18" s="113">
        <v>9114986</v>
      </c>
      <c r="DA18" s="110">
        <v>0</v>
      </c>
      <c r="DB18" s="114">
        <v>5921499</v>
      </c>
      <c r="DC18" s="114">
        <v>10066312</v>
      </c>
      <c r="DD18" s="114">
        <v>8002116</v>
      </c>
      <c r="DE18" s="114">
        <v>6265619</v>
      </c>
      <c r="DF18" s="114">
        <v>2595565</v>
      </c>
      <c r="DG18" s="113">
        <v>32851111</v>
      </c>
      <c r="DH18" s="116">
        <v>41966097</v>
      </c>
      <c r="DI18" s="110">
        <v>48098</v>
      </c>
      <c r="DJ18" s="114">
        <v>538861</v>
      </c>
      <c r="DK18" s="112">
        <v>586959</v>
      </c>
      <c r="DL18" s="111">
        <v>0</v>
      </c>
      <c r="DM18" s="114">
        <v>4892922</v>
      </c>
      <c r="DN18" s="114">
        <v>6736398</v>
      </c>
      <c r="DO18" s="114">
        <v>11860440</v>
      </c>
      <c r="DP18" s="114">
        <v>10624952</v>
      </c>
      <c r="DQ18" s="114">
        <v>6348633</v>
      </c>
      <c r="DR18" s="113">
        <v>40463345</v>
      </c>
      <c r="DS18" s="116">
        <v>41050304</v>
      </c>
      <c r="DT18" s="110">
        <v>48098</v>
      </c>
      <c r="DU18" s="114">
        <v>538861</v>
      </c>
      <c r="DV18" s="113">
        <v>586959</v>
      </c>
      <c r="DW18" s="110">
        <v>0</v>
      </c>
      <c r="DX18" s="114">
        <v>4859676</v>
      </c>
      <c r="DY18" s="114">
        <v>6169546</v>
      </c>
      <c r="DZ18" s="114">
        <v>11653470</v>
      </c>
      <c r="EA18" s="114">
        <v>10259552</v>
      </c>
      <c r="EB18" s="114">
        <v>6201183</v>
      </c>
      <c r="EC18" s="113">
        <v>39143427</v>
      </c>
      <c r="ED18" s="116">
        <v>39730386</v>
      </c>
      <c r="EE18" s="110">
        <v>0</v>
      </c>
      <c r="EF18" s="112">
        <v>0</v>
      </c>
      <c r="EG18" s="113">
        <v>0</v>
      </c>
      <c r="EH18" s="110">
        <v>0</v>
      </c>
      <c r="EI18" s="114">
        <v>33246</v>
      </c>
      <c r="EJ18" s="114">
        <v>566852</v>
      </c>
      <c r="EK18" s="114">
        <v>206970</v>
      </c>
      <c r="EL18" s="114">
        <v>365400</v>
      </c>
      <c r="EM18" s="114">
        <v>147450</v>
      </c>
      <c r="EN18" s="112">
        <v>1319918</v>
      </c>
      <c r="EO18" s="116">
        <v>1319918</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4280708</v>
      </c>
      <c r="FM18" s="114">
        <v>7027141</v>
      </c>
      <c r="FN18" s="113">
        <v>11307849</v>
      </c>
      <c r="FO18" s="110">
        <v>0</v>
      </c>
      <c r="FP18" s="114">
        <v>4337153</v>
      </c>
      <c r="FQ18" s="114">
        <v>13413339</v>
      </c>
      <c r="FR18" s="114">
        <v>12310374</v>
      </c>
      <c r="FS18" s="114">
        <v>12581801</v>
      </c>
      <c r="FT18" s="114">
        <v>8248798</v>
      </c>
      <c r="FU18" s="113">
        <v>50891465</v>
      </c>
      <c r="FV18" s="116">
        <v>62199314</v>
      </c>
      <c r="FW18" s="115">
        <v>2416633</v>
      </c>
      <c r="FX18" s="114">
        <v>5222160</v>
      </c>
      <c r="FY18" s="112">
        <v>7638793</v>
      </c>
      <c r="FZ18" s="111">
        <v>0</v>
      </c>
      <c r="GA18" s="114">
        <v>3466133</v>
      </c>
      <c r="GB18" s="114">
        <v>12749950</v>
      </c>
      <c r="GC18" s="114">
        <v>11153688</v>
      </c>
      <c r="GD18" s="114">
        <v>11917213</v>
      </c>
      <c r="GE18" s="114">
        <v>7971449</v>
      </c>
      <c r="GF18" s="113">
        <v>47258433</v>
      </c>
      <c r="GG18" s="318">
        <v>54897226</v>
      </c>
      <c r="GH18" s="115">
        <v>352136</v>
      </c>
      <c r="GI18" s="114">
        <v>476395</v>
      </c>
      <c r="GJ18" s="112">
        <v>828531</v>
      </c>
      <c r="GK18" s="111">
        <v>0</v>
      </c>
      <c r="GL18" s="114">
        <v>297054</v>
      </c>
      <c r="GM18" s="114">
        <v>346341</v>
      </c>
      <c r="GN18" s="114">
        <v>713535</v>
      </c>
      <c r="GO18" s="114">
        <v>419968</v>
      </c>
      <c r="GP18" s="114">
        <v>115449</v>
      </c>
      <c r="GQ18" s="113">
        <v>1892347</v>
      </c>
      <c r="GR18" s="116">
        <v>2720878</v>
      </c>
      <c r="GS18" s="110">
        <v>1511939</v>
      </c>
      <c r="GT18" s="114">
        <v>1328586</v>
      </c>
      <c r="GU18" s="113">
        <v>2840525</v>
      </c>
      <c r="GV18" s="110">
        <v>0</v>
      </c>
      <c r="GW18" s="114">
        <v>573966</v>
      </c>
      <c r="GX18" s="114">
        <v>317048</v>
      </c>
      <c r="GY18" s="114">
        <v>443151</v>
      </c>
      <c r="GZ18" s="114">
        <v>244620</v>
      </c>
      <c r="HA18" s="114">
        <v>161900</v>
      </c>
      <c r="HB18" s="112">
        <v>1740685</v>
      </c>
      <c r="HC18" s="116">
        <v>4581210</v>
      </c>
      <c r="HD18" s="110">
        <v>2494600</v>
      </c>
      <c r="HE18" s="114">
        <v>4837366</v>
      </c>
      <c r="HF18" s="112">
        <v>7331966</v>
      </c>
      <c r="HG18" s="111">
        <v>0</v>
      </c>
      <c r="HH18" s="114">
        <v>17883239</v>
      </c>
      <c r="HI18" s="114">
        <v>21267931</v>
      </c>
      <c r="HJ18" s="114">
        <v>20473794</v>
      </c>
      <c r="HK18" s="114">
        <v>31928436</v>
      </c>
      <c r="HL18" s="114">
        <v>21139894</v>
      </c>
      <c r="HM18" s="113">
        <v>112693294</v>
      </c>
      <c r="HN18" s="109">
        <v>120025260</v>
      </c>
      <c r="HO18" s="115">
        <v>3288473</v>
      </c>
      <c r="HP18" s="114">
        <v>4646298</v>
      </c>
      <c r="HQ18" s="113">
        <v>7934771</v>
      </c>
      <c r="HR18" s="110">
        <v>0</v>
      </c>
      <c r="HS18" s="114">
        <v>21186607</v>
      </c>
      <c r="HT18" s="114">
        <v>18140776</v>
      </c>
      <c r="HU18" s="114">
        <v>14018239</v>
      </c>
      <c r="HV18" s="114">
        <v>11185425</v>
      </c>
      <c r="HW18" s="114">
        <v>6087424</v>
      </c>
      <c r="HX18" s="112">
        <v>70618471</v>
      </c>
      <c r="HY18" s="116">
        <v>78553242</v>
      </c>
      <c r="HZ18" s="150">
        <v>0</v>
      </c>
      <c r="IA18" s="135">
        <v>0</v>
      </c>
      <c r="IB18" s="150">
        <v>0</v>
      </c>
      <c r="IC18" s="134">
        <v>0</v>
      </c>
      <c r="ID18" s="135">
        <v>30234787</v>
      </c>
      <c r="IE18" s="136">
        <v>35393385</v>
      </c>
      <c r="IF18" s="137">
        <v>47608984</v>
      </c>
      <c r="IG18" s="135">
        <v>42832961</v>
      </c>
      <c r="IH18" s="137">
        <v>33618035</v>
      </c>
      <c r="II18" s="138">
        <v>189688152</v>
      </c>
      <c r="IJ18" s="150">
        <v>189688152</v>
      </c>
      <c r="IK18" s="232">
        <v>0</v>
      </c>
      <c r="IL18" s="236">
        <v>0</v>
      </c>
      <c r="IM18" s="237">
        <v>0</v>
      </c>
      <c r="IN18" s="140"/>
      <c r="IO18" s="119">
        <v>633495</v>
      </c>
      <c r="IP18" s="119">
        <v>752172</v>
      </c>
      <c r="IQ18" s="119">
        <v>831837</v>
      </c>
      <c r="IR18" s="119">
        <v>601033</v>
      </c>
      <c r="IS18" s="119">
        <v>2138183</v>
      </c>
      <c r="IT18" s="141">
        <v>4956720</v>
      </c>
      <c r="IU18" s="320">
        <v>495672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6610425</v>
      </c>
      <c r="JL18" s="119">
        <v>14111681</v>
      </c>
      <c r="JM18" s="119">
        <v>14219516</v>
      </c>
      <c r="JN18" s="119">
        <v>6814802</v>
      </c>
      <c r="JO18" s="119">
        <v>4038346</v>
      </c>
      <c r="JP18" s="120">
        <v>55794770</v>
      </c>
      <c r="JQ18" s="320">
        <v>55794770</v>
      </c>
      <c r="JR18" s="142">
        <v>0</v>
      </c>
      <c r="JS18" s="119">
        <v>0</v>
      </c>
      <c r="JT18" s="141">
        <v>0</v>
      </c>
      <c r="JU18" s="118">
        <v>0</v>
      </c>
      <c r="JV18" s="119">
        <v>328077</v>
      </c>
      <c r="JW18" s="119">
        <v>216419</v>
      </c>
      <c r="JX18" s="119">
        <v>143905</v>
      </c>
      <c r="JY18" s="119">
        <v>96563</v>
      </c>
      <c r="JZ18" s="119">
        <v>0</v>
      </c>
      <c r="KA18" s="120">
        <v>784964</v>
      </c>
      <c r="KB18" s="320">
        <v>784964</v>
      </c>
      <c r="KC18" s="234">
        <v>0</v>
      </c>
      <c r="KD18" s="230">
        <v>0</v>
      </c>
      <c r="KE18" s="120">
        <v>0</v>
      </c>
      <c r="KF18" s="118">
        <v>0</v>
      </c>
      <c r="KG18" s="119">
        <v>2121145</v>
      </c>
      <c r="KH18" s="119">
        <v>4548871</v>
      </c>
      <c r="KI18" s="119">
        <v>10879987</v>
      </c>
      <c r="KJ18" s="119">
        <v>13211726</v>
      </c>
      <c r="KK18" s="119">
        <v>7518070</v>
      </c>
      <c r="KL18" s="120">
        <v>38279799</v>
      </c>
      <c r="KM18" s="143">
        <v>38279799</v>
      </c>
      <c r="KN18" s="232">
        <v>0</v>
      </c>
      <c r="KO18" s="236">
        <v>0</v>
      </c>
      <c r="KP18" s="237">
        <v>0</v>
      </c>
      <c r="KQ18" s="140"/>
      <c r="KR18" s="119">
        <v>9732920</v>
      </c>
      <c r="KS18" s="119">
        <v>12543047</v>
      </c>
      <c r="KT18" s="119">
        <v>13292808</v>
      </c>
      <c r="KU18" s="119">
        <v>10539600</v>
      </c>
      <c r="KV18" s="119">
        <v>10428023</v>
      </c>
      <c r="KW18" s="120">
        <v>56536398</v>
      </c>
      <c r="KX18" s="320">
        <v>56536398</v>
      </c>
      <c r="KY18" s="142">
        <v>0</v>
      </c>
      <c r="KZ18" s="119">
        <v>0</v>
      </c>
      <c r="LA18" s="120">
        <v>0</v>
      </c>
      <c r="LB18" s="145"/>
      <c r="LC18" s="119">
        <v>0</v>
      </c>
      <c r="LD18" s="119">
        <v>1286732</v>
      </c>
      <c r="LE18" s="119">
        <v>695985</v>
      </c>
      <c r="LF18" s="119">
        <v>2587933</v>
      </c>
      <c r="LG18" s="119">
        <v>818262</v>
      </c>
      <c r="LH18" s="120">
        <v>5388912</v>
      </c>
      <c r="LI18" s="121">
        <v>5388912</v>
      </c>
      <c r="LJ18" s="142">
        <v>0</v>
      </c>
      <c r="LK18" s="119">
        <v>0</v>
      </c>
      <c r="LL18" s="120">
        <v>0</v>
      </c>
      <c r="LM18" s="145"/>
      <c r="LN18" s="119">
        <v>0</v>
      </c>
      <c r="LO18" s="119">
        <v>264590</v>
      </c>
      <c r="LP18" s="119">
        <v>3020050</v>
      </c>
      <c r="LQ18" s="119">
        <v>3118604</v>
      </c>
      <c r="LR18" s="119">
        <v>2227853</v>
      </c>
      <c r="LS18" s="120">
        <v>8631097</v>
      </c>
      <c r="LT18" s="320">
        <v>8631097</v>
      </c>
      <c r="LU18" s="142">
        <v>0</v>
      </c>
      <c r="LV18" s="119">
        <v>0</v>
      </c>
      <c r="LW18" s="120">
        <v>0</v>
      </c>
      <c r="LX18" s="145"/>
      <c r="LY18" s="119">
        <v>808725</v>
      </c>
      <c r="LZ18" s="119">
        <v>1669873</v>
      </c>
      <c r="MA18" s="119">
        <v>4524896</v>
      </c>
      <c r="MB18" s="119">
        <v>5862700</v>
      </c>
      <c r="MC18" s="119">
        <v>6449298</v>
      </c>
      <c r="MD18" s="120">
        <v>19315492</v>
      </c>
      <c r="ME18" s="121">
        <v>19315492</v>
      </c>
      <c r="MF18" s="142">
        <v>0</v>
      </c>
      <c r="MG18" s="119">
        <v>0</v>
      </c>
      <c r="MH18" s="120">
        <v>0</v>
      </c>
      <c r="MI18" s="145"/>
      <c r="MJ18" s="119">
        <v>8257136</v>
      </c>
      <c r="MK18" s="119">
        <v>29945433</v>
      </c>
      <c r="ML18" s="119">
        <v>95223470</v>
      </c>
      <c r="MM18" s="119">
        <v>135613424</v>
      </c>
      <c r="MN18" s="119">
        <v>101067874</v>
      </c>
      <c r="MO18" s="120">
        <v>370107337</v>
      </c>
      <c r="MP18" s="143">
        <v>370107337</v>
      </c>
      <c r="MQ18" s="142">
        <v>0</v>
      </c>
      <c r="MR18" s="119">
        <v>0</v>
      </c>
      <c r="MS18" s="120">
        <v>0</v>
      </c>
      <c r="MT18" s="145"/>
      <c r="MU18" s="119">
        <v>250482</v>
      </c>
      <c r="MV18" s="119">
        <v>4448097</v>
      </c>
      <c r="MW18" s="119">
        <v>47784513</v>
      </c>
      <c r="MX18" s="119">
        <v>81334526</v>
      </c>
      <c r="MY18" s="119">
        <v>73521182</v>
      </c>
      <c r="MZ18" s="120">
        <v>207338800</v>
      </c>
      <c r="NA18" s="143">
        <v>207338800</v>
      </c>
      <c r="NB18" s="142">
        <v>0</v>
      </c>
      <c r="NC18" s="119">
        <v>0</v>
      </c>
      <c r="ND18" s="120">
        <v>0</v>
      </c>
      <c r="NE18" s="145"/>
      <c r="NF18" s="119">
        <v>8006654</v>
      </c>
      <c r="NG18" s="119">
        <v>24891453</v>
      </c>
      <c r="NH18" s="119">
        <v>47103299</v>
      </c>
      <c r="NI18" s="119">
        <v>48912008</v>
      </c>
      <c r="NJ18" s="119">
        <v>22438642</v>
      </c>
      <c r="NK18" s="120">
        <v>151352056</v>
      </c>
      <c r="NL18" s="320">
        <v>151352056</v>
      </c>
      <c r="NM18" s="142">
        <v>0</v>
      </c>
      <c r="NN18" s="119">
        <v>0</v>
      </c>
      <c r="NO18" s="120">
        <v>0</v>
      </c>
      <c r="NP18" s="145"/>
      <c r="NQ18" s="119">
        <v>0</v>
      </c>
      <c r="NR18" s="119">
        <v>0</v>
      </c>
      <c r="NS18" s="119">
        <v>0</v>
      </c>
      <c r="NT18" s="119">
        <v>0</v>
      </c>
      <c r="NU18" s="119">
        <v>396050</v>
      </c>
      <c r="NV18" s="120">
        <v>396050</v>
      </c>
      <c r="NW18" s="121">
        <v>396050</v>
      </c>
      <c r="NX18" s="142">
        <v>0</v>
      </c>
      <c r="NY18" s="119">
        <v>0</v>
      </c>
      <c r="NZ18" s="120">
        <v>0</v>
      </c>
      <c r="OA18" s="145"/>
      <c r="OB18" s="119">
        <v>0</v>
      </c>
      <c r="OC18" s="119">
        <v>605883</v>
      </c>
      <c r="OD18" s="119">
        <v>335658</v>
      </c>
      <c r="OE18" s="119">
        <v>5366890</v>
      </c>
      <c r="OF18" s="119">
        <v>4712000</v>
      </c>
      <c r="OG18" s="120">
        <v>11020431</v>
      </c>
      <c r="OH18" s="121">
        <v>11020431</v>
      </c>
      <c r="OI18" s="142">
        <v>16586252</v>
      </c>
      <c r="OJ18" s="119">
        <v>30346496</v>
      </c>
      <c r="OK18" s="141">
        <v>46932748</v>
      </c>
      <c r="OL18" s="118">
        <v>0</v>
      </c>
      <c r="OM18" s="119">
        <v>158116553</v>
      </c>
      <c r="ON18" s="119">
        <v>209695456</v>
      </c>
      <c r="OO18" s="119">
        <v>275538718</v>
      </c>
      <c r="OP18" s="119">
        <v>327464486</v>
      </c>
      <c r="OQ18" s="119">
        <v>243922969</v>
      </c>
      <c r="OR18" s="120">
        <v>1214738182</v>
      </c>
      <c r="OS18" s="143">
        <v>1261670930</v>
      </c>
    </row>
    <row r="19" spans="2:409" ht="21" customHeight="1" x14ac:dyDescent="0.2">
      <c r="B19" s="62" t="s">
        <v>13</v>
      </c>
      <c r="C19" s="110">
        <v>3530142</v>
      </c>
      <c r="D19" s="114">
        <v>5883846</v>
      </c>
      <c r="E19" s="113">
        <v>9413988</v>
      </c>
      <c r="F19" s="110">
        <v>0</v>
      </c>
      <c r="G19" s="170">
        <v>47663576</v>
      </c>
      <c r="H19" s="114">
        <v>57774285</v>
      </c>
      <c r="I19" s="114">
        <v>52759590</v>
      </c>
      <c r="J19" s="114">
        <v>57076337</v>
      </c>
      <c r="K19" s="114">
        <v>47155253</v>
      </c>
      <c r="L19" s="112">
        <v>262429041</v>
      </c>
      <c r="M19" s="116">
        <v>271843029</v>
      </c>
      <c r="N19" s="110">
        <v>670008</v>
      </c>
      <c r="O19" s="114">
        <v>1310152</v>
      </c>
      <c r="P19" s="113">
        <v>1980160</v>
      </c>
      <c r="Q19" s="110">
        <v>0</v>
      </c>
      <c r="R19" s="114">
        <v>13870372</v>
      </c>
      <c r="S19" s="114">
        <v>18623039</v>
      </c>
      <c r="T19" s="114">
        <v>16017092</v>
      </c>
      <c r="U19" s="114">
        <v>20933034</v>
      </c>
      <c r="V19" s="114">
        <v>24363329</v>
      </c>
      <c r="W19" s="113">
        <v>93806866</v>
      </c>
      <c r="X19" s="116">
        <v>95787026</v>
      </c>
      <c r="Y19" s="110">
        <v>0</v>
      </c>
      <c r="Z19" s="114">
        <v>0</v>
      </c>
      <c r="AA19" s="113">
        <v>0</v>
      </c>
      <c r="AB19" s="110">
        <v>0</v>
      </c>
      <c r="AC19" s="114">
        <v>6389313</v>
      </c>
      <c r="AD19" s="114">
        <v>9797817</v>
      </c>
      <c r="AE19" s="114">
        <v>8898745</v>
      </c>
      <c r="AF19" s="114">
        <v>13657209</v>
      </c>
      <c r="AG19" s="114">
        <v>16483356</v>
      </c>
      <c r="AH19" s="113">
        <v>55226440</v>
      </c>
      <c r="AI19" s="116">
        <v>55226440</v>
      </c>
      <c r="AJ19" s="110">
        <v>0</v>
      </c>
      <c r="AK19" s="114">
        <v>0</v>
      </c>
      <c r="AL19" s="113">
        <v>0</v>
      </c>
      <c r="AM19" s="110">
        <v>0</v>
      </c>
      <c r="AN19" s="114">
        <v>40753</v>
      </c>
      <c r="AO19" s="114">
        <v>52555</v>
      </c>
      <c r="AP19" s="114">
        <v>394090</v>
      </c>
      <c r="AQ19" s="114">
        <v>651296</v>
      </c>
      <c r="AR19" s="114">
        <v>2022437</v>
      </c>
      <c r="AS19" s="113">
        <v>3161131</v>
      </c>
      <c r="AT19" s="116">
        <v>3161131</v>
      </c>
      <c r="AU19" s="110">
        <v>158012</v>
      </c>
      <c r="AV19" s="114">
        <v>724756</v>
      </c>
      <c r="AW19" s="113">
        <v>882768</v>
      </c>
      <c r="AX19" s="110">
        <v>0</v>
      </c>
      <c r="AY19" s="114">
        <v>4454167</v>
      </c>
      <c r="AZ19" s="114">
        <v>5524555</v>
      </c>
      <c r="BA19" s="114">
        <v>3988122</v>
      </c>
      <c r="BB19" s="114">
        <v>3609522</v>
      </c>
      <c r="BC19" s="114">
        <v>3547926</v>
      </c>
      <c r="BD19" s="113">
        <v>21124292</v>
      </c>
      <c r="BE19" s="116">
        <v>22007060</v>
      </c>
      <c r="BF19" s="110">
        <v>75361</v>
      </c>
      <c r="BG19" s="114">
        <v>193795</v>
      </c>
      <c r="BH19" s="112">
        <v>269156</v>
      </c>
      <c r="BI19" s="111">
        <v>0</v>
      </c>
      <c r="BJ19" s="114">
        <v>533165</v>
      </c>
      <c r="BK19" s="114">
        <v>581394</v>
      </c>
      <c r="BL19" s="114">
        <v>321302</v>
      </c>
      <c r="BM19" s="114">
        <v>399127</v>
      </c>
      <c r="BN19" s="114">
        <v>211452</v>
      </c>
      <c r="BO19" s="113">
        <v>2046440</v>
      </c>
      <c r="BP19" s="116">
        <v>2315596</v>
      </c>
      <c r="BQ19" s="110">
        <v>436635</v>
      </c>
      <c r="BR19" s="114">
        <v>391601</v>
      </c>
      <c r="BS19" s="113">
        <v>828236</v>
      </c>
      <c r="BT19" s="110">
        <v>0</v>
      </c>
      <c r="BU19" s="114">
        <v>2452974</v>
      </c>
      <c r="BV19" s="114">
        <v>2666718</v>
      </c>
      <c r="BW19" s="114">
        <v>2414833</v>
      </c>
      <c r="BX19" s="114">
        <v>2615880</v>
      </c>
      <c r="BY19" s="114">
        <v>2098158</v>
      </c>
      <c r="BZ19" s="113">
        <v>12248563</v>
      </c>
      <c r="CA19" s="116">
        <v>13076799</v>
      </c>
      <c r="CB19" s="110">
        <v>337921</v>
      </c>
      <c r="CC19" s="114">
        <v>1009795</v>
      </c>
      <c r="CD19" s="113">
        <v>1347716</v>
      </c>
      <c r="CE19" s="110">
        <v>0</v>
      </c>
      <c r="CF19" s="114">
        <v>8901983</v>
      </c>
      <c r="CG19" s="114">
        <v>12052457</v>
      </c>
      <c r="CH19" s="114">
        <v>9185988</v>
      </c>
      <c r="CI19" s="114">
        <v>8512311</v>
      </c>
      <c r="CJ19" s="114">
        <v>3466810</v>
      </c>
      <c r="CK19" s="113">
        <v>42119549</v>
      </c>
      <c r="CL19" s="116">
        <v>43467265</v>
      </c>
      <c r="CM19" s="110">
        <v>0</v>
      </c>
      <c r="CN19" s="114">
        <v>0</v>
      </c>
      <c r="CO19" s="113">
        <v>0</v>
      </c>
      <c r="CP19" s="111">
        <v>0</v>
      </c>
      <c r="CQ19" s="114">
        <v>8016467</v>
      </c>
      <c r="CR19" s="114">
        <v>10367557</v>
      </c>
      <c r="CS19" s="114">
        <v>8174020</v>
      </c>
      <c r="CT19" s="114">
        <v>6317652</v>
      </c>
      <c r="CU19" s="114">
        <v>2644392</v>
      </c>
      <c r="CV19" s="113">
        <v>35520088</v>
      </c>
      <c r="CW19" s="116">
        <v>35520088</v>
      </c>
      <c r="CX19" s="110">
        <v>337921</v>
      </c>
      <c r="CY19" s="114">
        <v>1009795</v>
      </c>
      <c r="CZ19" s="113">
        <v>1347716</v>
      </c>
      <c r="DA19" s="110">
        <v>0</v>
      </c>
      <c r="DB19" s="114">
        <v>885516</v>
      </c>
      <c r="DC19" s="114">
        <v>1684900</v>
      </c>
      <c r="DD19" s="114">
        <v>1011968</v>
      </c>
      <c r="DE19" s="114">
        <v>2194659</v>
      </c>
      <c r="DF19" s="114">
        <v>822418</v>
      </c>
      <c r="DG19" s="113">
        <v>6599461</v>
      </c>
      <c r="DH19" s="116">
        <v>7947177</v>
      </c>
      <c r="DI19" s="110">
        <v>0</v>
      </c>
      <c r="DJ19" s="114">
        <v>79881</v>
      </c>
      <c r="DK19" s="112">
        <v>79881</v>
      </c>
      <c r="DL19" s="111">
        <v>0</v>
      </c>
      <c r="DM19" s="114">
        <v>1202057</v>
      </c>
      <c r="DN19" s="114">
        <v>2469269</v>
      </c>
      <c r="DO19" s="114">
        <v>6079674</v>
      </c>
      <c r="DP19" s="114">
        <v>5348003</v>
      </c>
      <c r="DQ19" s="114">
        <v>2523900</v>
      </c>
      <c r="DR19" s="113">
        <v>17622903</v>
      </c>
      <c r="DS19" s="116">
        <v>17702784</v>
      </c>
      <c r="DT19" s="110">
        <v>0</v>
      </c>
      <c r="DU19" s="114">
        <v>79881</v>
      </c>
      <c r="DV19" s="113">
        <v>79881</v>
      </c>
      <c r="DW19" s="110">
        <v>0</v>
      </c>
      <c r="DX19" s="114">
        <v>1001247</v>
      </c>
      <c r="DY19" s="114">
        <v>1755011</v>
      </c>
      <c r="DZ19" s="114">
        <v>5030838</v>
      </c>
      <c r="EA19" s="114">
        <v>4685244</v>
      </c>
      <c r="EB19" s="114">
        <v>2523900</v>
      </c>
      <c r="EC19" s="113">
        <v>14996240</v>
      </c>
      <c r="ED19" s="116">
        <v>15076121</v>
      </c>
      <c r="EE19" s="110">
        <v>0</v>
      </c>
      <c r="EF19" s="112">
        <v>0</v>
      </c>
      <c r="EG19" s="113">
        <v>0</v>
      </c>
      <c r="EH19" s="110">
        <v>0</v>
      </c>
      <c r="EI19" s="114">
        <v>200810</v>
      </c>
      <c r="EJ19" s="114">
        <v>714258</v>
      </c>
      <c r="EK19" s="114">
        <v>1048836</v>
      </c>
      <c r="EL19" s="114">
        <v>662759</v>
      </c>
      <c r="EM19" s="114">
        <v>0</v>
      </c>
      <c r="EN19" s="112">
        <v>2626663</v>
      </c>
      <c r="EO19" s="116">
        <v>2626663</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623016</v>
      </c>
      <c r="FM19" s="114">
        <v>1327726</v>
      </c>
      <c r="FN19" s="113">
        <v>1950742</v>
      </c>
      <c r="FO19" s="110">
        <v>0</v>
      </c>
      <c r="FP19" s="114">
        <v>2340702</v>
      </c>
      <c r="FQ19" s="114">
        <v>4942129</v>
      </c>
      <c r="FR19" s="114">
        <v>4157528</v>
      </c>
      <c r="FS19" s="114">
        <v>3810624</v>
      </c>
      <c r="FT19" s="114">
        <v>2604381</v>
      </c>
      <c r="FU19" s="113">
        <v>17855364</v>
      </c>
      <c r="FV19" s="116">
        <v>19806106</v>
      </c>
      <c r="FW19" s="115">
        <v>360807</v>
      </c>
      <c r="FX19" s="114">
        <v>860107</v>
      </c>
      <c r="FY19" s="112">
        <v>1220914</v>
      </c>
      <c r="FZ19" s="111">
        <v>0</v>
      </c>
      <c r="GA19" s="114">
        <v>1749628</v>
      </c>
      <c r="GB19" s="114">
        <v>4785837</v>
      </c>
      <c r="GC19" s="114">
        <v>3897572</v>
      </c>
      <c r="GD19" s="114">
        <v>3651156</v>
      </c>
      <c r="GE19" s="114">
        <v>2564033</v>
      </c>
      <c r="GF19" s="113">
        <v>16648226</v>
      </c>
      <c r="GG19" s="318">
        <v>17869140</v>
      </c>
      <c r="GH19" s="115">
        <v>39248</v>
      </c>
      <c r="GI19" s="114">
        <v>29007</v>
      </c>
      <c r="GJ19" s="112">
        <v>68255</v>
      </c>
      <c r="GK19" s="111">
        <v>0</v>
      </c>
      <c r="GL19" s="114">
        <v>131274</v>
      </c>
      <c r="GM19" s="114">
        <v>113092</v>
      </c>
      <c r="GN19" s="114">
        <v>65340</v>
      </c>
      <c r="GO19" s="114">
        <v>65568</v>
      </c>
      <c r="GP19" s="114">
        <v>40348</v>
      </c>
      <c r="GQ19" s="113">
        <v>415622</v>
      </c>
      <c r="GR19" s="116">
        <v>483877</v>
      </c>
      <c r="GS19" s="110">
        <v>222961</v>
      </c>
      <c r="GT19" s="114">
        <v>438612</v>
      </c>
      <c r="GU19" s="113">
        <v>661573</v>
      </c>
      <c r="GV19" s="110">
        <v>0</v>
      </c>
      <c r="GW19" s="114">
        <v>459800</v>
      </c>
      <c r="GX19" s="114">
        <v>43200</v>
      </c>
      <c r="GY19" s="114">
        <v>194616</v>
      </c>
      <c r="GZ19" s="114">
        <v>93900</v>
      </c>
      <c r="HA19" s="114">
        <v>0</v>
      </c>
      <c r="HB19" s="112">
        <v>791516</v>
      </c>
      <c r="HC19" s="116">
        <v>1453089</v>
      </c>
      <c r="HD19" s="110">
        <v>1466358</v>
      </c>
      <c r="HE19" s="114">
        <v>1187161</v>
      </c>
      <c r="HF19" s="112">
        <v>2653519</v>
      </c>
      <c r="HG19" s="111">
        <v>0</v>
      </c>
      <c r="HH19" s="114">
        <v>13102266</v>
      </c>
      <c r="HI19" s="114">
        <v>12079921</v>
      </c>
      <c r="HJ19" s="114">
        <v>11723250</v>
      </c>
      <c r="HK19" s="114">
        <v>14357870</v>
      </c>
      <c r="HL19" s="114">
        <v>11649288</v>
      </c>
      <c r="HM19" s="113">
        <v>62912595</v>
      </c>
      <c r="HN19" s="109">
        <v>65566114</v>
      </c>
      <c r="HO19" s="115">
        <v>432839</v>
      </c>
      <c r="HP19" s="114">
        <v>969131</v>
      </c>
      <c r="HQ19" s="113">
        <v>1401970</v>
      </c>
      <c r="HR19" s="110">
        <v>0</v>
      </c>
      <c r="HS19" s="114">
        <v>8246196</v>
      </c>
      <c r="HT19" s="114">
        <v>7607470</v>
      </c>
      <c r="HU19" s="114">
        <v>5596058</v>
      </c>
      <c r="HV19" s="114">
        <v>4114495</v>
      </c>
      <c r="HW19" s="114">
        <v>2547545</v>
      </c>
      <c r="HX19" s="112">
        <v>28111764</v>
      </c>
      <c r="HY19" s="116">
        <v>29513734</v>
      </c>
      <c r="HZ19" s="131">
        <v>32984</v>
      </c>
      <c r="IA19" s="132">
        <v>199974</v>
      </c>
      <c r="IB19" s="133">
        <v>232958</v>
      </c>
      <c r="IC19" s="146">
        <v>0</v>
      </c>
      <c r="ID19" s="132">
        <v>10650200</v>
      </c>
      <c r="IE19" s="147">
        <v>12308729</v>
      </c>
      <c r="IF19" s="133">
        <v>17044470</v>
      </c>
      <c r="IG19" s="132">
        <v>9400154</v>
      </c>
      <c r="IH19" s="133">
        <v>5450540</v>
      </c>
      <c r="II19" s="148">
        <v>54854093</v>
      </c>
      <c r="IJ19" s="139">
        <v>55087051</v>
      </c>
      <c r="IK19" s="232">
        <v>0</v>
      </c>
      <c r="IL19" s="236">
        <v>0</v>
      </c>
      <c r="IM19" s="237">
        <v>0</v>
      </c>
      <c r="IN19" s="140"/>
      <c r="IO19" s="119">
        <v>82355</v>
      </c>
      <c r="IP19" s="119">
        <v>139182</v>
      </c>
      <c r="IQ19" s="119">
        <v>384561</v>
      </c>
      <c r="IR19" s="119">
        <v>251530</v>
      </c>
      <c r="IS19" s="119">
        <v>336488</v>
      </c>
      <c r="IT19" s="141">
        <v>1194116</v>
      </c>
      <c r="IU19" s="320">
        <v>1194116</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205722</v>
      </c>
      <c r="JL19" s="119">
        <v>6455580</v>
      </c>
      <c r="JM19" s="119">
        <v>5601185</v>
      </c>
      <c r="JN19" s="119">
        <v>2793533</v>
      </c>
      <c r="JO19" s="119">
        <v>1023228</v>
      </c>
      <c r="JP19" s="120">
        <v>22079248</v>
      </c>
      <c r="JQ19" s="320">
        <v>22079248</v>
      </c>
      <c r="JR19" s="142">
        <v>0</v>
      </c>
      <c r="JS19" s="119">
        <v>0</v>
      </c>
      <c r="JT19" s="141">
        <v>0</v>
      </c>
      <c r="JU19" s="118">
        <v>0</v>
      </c>
      <c r="JV19" s="119">
        <v>136752</v>
      </c>
      <c r="JW19" s="119">
        <v>372961</v>
      </c>
      <c r="JX19" s="119">
        <v>957600</v>
      </c>
      <c r="JY19" s="119">
        <v>279788</v>
      </c>
      <c r="JZ19" s="119">
        <v>397231</v>
      </c>
      <c r="KA19" s="120">
        <v>2144332</v>
      </c>
      <c r="KB19" s="320">
        <v>2144332</v>
      </c>
      <c r="KC19" s="234">
        <v>32984</v>
      </c>
      <c r="KD19" s="230">
        <v>199974</v>
      </c>
      <c r="KE19" s="120">
        <v>232958</v>
      </c>
      <c r="KF19" s="118">
        <v>0</v>
      </c>
      <c r="KG19" s="119">
        <v>1397373</v>
      </c>
      <c r="KH19" s="119">
        <v>1482945</v>
      </c>
      <c r="KI19" s="119">
        <v>2109369</v>
      </c>
      <c r="KJ19" s="119">
        <v>284855</v>
      </c>
      <c r="KK19" s="119">
        <v>0</v>
      </c>
      <c r="KL19" s="120">
        <v>5274542</v>
      </c>
      <c r="KM19" s="143">
        <v>5507500</v>
      </c>
      <c r="KN19" s="232">
        <v>0</v>
      </c>
      <c r="KO19" s="236">
        <v>0</v>
      </c>
      <c r="KP19" s="237">
        <v>0</v>
      </c>
      <c r="KQ19" s="140"/>
      <c r="KR19" s="119">
        <v>2827998</v>
      </c>
      <c r="KS19" s="119">
        <v>3858061</v>
      </c>
      <c r="KT19" s="119">
        <v>7358615</v>
      </c>
      <c r="KU19" s="119">
        <v>4126978</v>
      </c>
      <c r="KV19" s="119">
        <v>2975961</v>
      </c>
      <c r="KW19" s="120">
        <v>21147613</v>
      </c>
      <c r="KX19" s="320">
        <v>21147613</v>
      </c>
      <c r="KY19" s="142">
        <v>0</v>
      </c>
      <c r="KZ19" s="119">
        <v>0</v>
      </c>
      <c r="LA19" s="120">
        <v>0</v>
      </c>
      <c r="LB19" s="145"/>
      <c r="LC19" s="119">
        <v>0</v>
      </c>
      <c r="LD19" s="119">
        <v>0</v>
      </c>
      <c r="LE19" s="119">
        <v>633140</v>
      </c>
      <c r="LF19" s="119">
        <v>1663470</v>
      </c>
      <c r="LG19" s="119">
        <v>717632</v>
      </c>
      <c r="LH19" s="120">
        <v>3014242</v>
      </c>
      <c r="LI19" s="121">
        <v>3014242</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3226887</v>
      </c>
      <c r="MK19" s="119">
        <v>7993738</v>
      </c>
      <c r="ML19" s="119">
        <v>26491264</v>
      </c>
      <c r="MM19" s="119">
        <v>50427886</v>
      </c>
      <c r="MN19" s="119">
        <v>45240174</v>
      </c>
      <c r="MO19" s="120">
        <v>133379949</v>
      </c>
      <c r="MP19" s="143">
        <v>133379949</v>
      </c>
      <c r="MQ19" s="142">
        <v>0</v>
      </c>
      <c r="MR19" s="119">
        <v>0</v>
      </c>
      <c r="MS19" s="120">
        <v>0</v>
      </c>
      <c r="MT19" s="145"/>
      <c r="MU19" s="119">
        <v>423308</v>
      </c>
      <c r="MV19" s="119">
        <v>998557</v>
      </c>
      <c r="MW19" s="119">
        <v>16295877</v>
      </c>
      <c r="MX19" s="119">
        <v>41102617</v>
      </c>
      <c r="MY19" s="119">
        <v>36548792</v>
      </c>
      <c r="MZ19" s="120">
        <v>95369151</v>
      </c>
      <c r="NA19" s="143">
        <v>95369151</v>
      </c>
      <c r="NB19" s="142">
        <v>0</v>
      </c>
      <c r="NC19" s="119">
        <v>0</v>
      </c>
      <c r="ND19" s="120">
        <v>0</v>
      </c>
      <c r="NE19" s="145"/>
      <c r="NF19" s="119">
        <v>2803579</v>
      </c>
      <c r="NG19" s="119">
        <v>6995181</v>
      </c>
      <c r="NH19" s="119">
        <v>10195387</v>
      </c>
      <c r="NI19" s="119">
        <v>9325269</v>
      </c>
      <c r="NJ19" s="119">
        <v>8691382</v>
      </c>
      <c r="NK19" s="120">
        <v>38010798</v>
      </c>
      <c r="NL19" s="320">
        <v>38010798</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563126</v>
      </c>
      <c r="OJ19" s="119">
        <v>6083820</v>
      </c>
      <c r="OK19" s="141">
        <v>9646946</v>
      </c>
      <c r="OL19" s="118">
        <v>0</v>
      </c>
      <c r="OM19" s="119">
        <v>61540663</v>
      </c>
      <c r="ON19" s="119">
        <v>78076752</v>
      </c>
      <c r="OO19" s="119">
        <v>96295324</v>
      </c>
      <c r="OP19" s="119">
        <v>116904377</v>
      </c>
      <c r="OQ19" s="119">
        <v>97845967</v>
      </c>
      <c r="OR19" s="120">
        <v>450663083</v>
      </c>
      <c r="OS19" s="143">
        <v>460310029</v>
      </c>
    </row>
    <row r="20" spans="2:409" ht="21" customHeight="1" x14ac:dyDescent="0.2">
      <c r="B20" s="62" t="s">
        <v>15</v>
      </c>
      <c r="C20" s="110">
        <v>2198158</v>
      </c>
      <c r="D20" s="114">
        <v>3838366</v>
      </c>
      <c r="E20" s="113">
        <v>6036524</v>
      </c>
      <c r="F20" s="109">
        <v>0</v>
      </c>
      <c r="G20" s="114">
        <v>31798461</v>
      </c>
      <c r="H20" s="114">
        <v>42390550</v>
      </c>
      <c r="I20" s="114">
        <v>33386928</v>
      </c>
      <c r="J20" s="114">
        <v>38543354</v>
      </c>
      <c r="K20" s="114">
        <v>24325440</v>
      </c>
      <c r="L20" s="109">
        <v>170444733</v>
      </c>
      <c r="M20" s="116">
        <v>176481257</v>
      </c>
      <c r="N20" s="110">
        <v>194769</v>
      </c>
      <c r="O20" s="114">
        <v>588140</v>
      </c>
      <c r="P20" s="113">
        <v>782909</v>
      </c>
      <c r="Q20" s="110">
        <v>0</v>
      </c>
      <c r="R20" s="114">
        <v>6238566</v>
      </c>
      <c r="S20" s="114">
        <v>11239017</v>
      </c>
      <c r="T20" s="114">
        <v>9273108</v>
      </c>
      <c r="U20" s="114">
        <v>10194705</v>
      </c>
      <c r="V20" s="114">
        <v>12657783</v>
      </c>
      <c r="W20" s="113">
        <v>49603179</v>
      </c>
      <c r="X20" s="116">
        <v>50386088</v>
      </c>
      <c r="Y20" s="110">
        <v>0</v>
      </c>
      <c r="Z20" s="114">
        <v>0</v>
      </c>
      <c r="AA20" s="113">
        <v>0</v>
      </c>
      <c r="AB20" s="110">
        <v>0</v>
      </c>
      <c r="AC20" s="114">
        <v>3222524</v>
      </c>
      <c r="AD20" s="114">
        <v>6188927</v>
      </c>
      <c r="AE20" s="114">
        <v>5465788</v>
      </c>
      <c r="AF20" s="114">
        <v>5387147</v>
      </c>
      <c r="AG20" s="114">
        <v>8095853</v>
      </c>
      <c r="AH20" s="113">
        <v>28360239</v>
      </c>
      <c r="AI20" s="116">
        <v>28360239</v>
      </c>
      <c r="AJ20" s="110">
        <v>0</v>
      </c>
      <c r="AK20" s="114">
        <v>0</v>
      </c>
      <c r="AL20" s="113">
        <v>0</v>
      </c>
      <c r="AM20" s="110">
        <v>0</v>
      </c>
      <c r="AN20" s="114">
        <v>0</v>
      </c>
      <c r="AO20" s="114">
        <v>26308</v>
      </c>
      <c r="AP20" s="114">
        <v>528208</v>
      </c>
      <c r="AQ20" s="114">
        <v>978200</v>
      </c>
      <c r="AR20" s="114">
        <v>1280753</v>
      </c>
      <c r="AS20" s="113">
        <v>2813469</v>
      </c>
      <c r="AT20" s="116">
        <v>2813469</v>
      </c>
      <c r="AU20" s="110">
        <v>13823</v>
      </c>
      <c r="AV20" s="114">
        <v>435844</v>
      </c>
      <c r="AW20" s="113">
        <v>449667</v>
      </c>
      <c r="AX20" s="110">
        <v>0</v>
      </c>
      <c r="AY20" s="114">
        <v>1276188</v>
      </c>
      <c r="AZ20" s="114">
        <v>3185845</v>
      </c>
      <c r="BA20" s="114">
        <v>1858623</v>
      </c>
      <c r="BB20" s="114">
        <v>2040917</v>
      </c>
      <c r="BC20" s="114">
        <v>2227989</v>
      </c>
      <c r="BD20" s="113">
        <v>10589562</v>
      </c>
      <c r="BE20" s="116">
        <v>11039229</v>
      </c>
      <c r="BF20" s="110">
        <v>0</v>
      </c>
      <c r="BG20" s="114">
        <v>23395</v>
      </c>
      <c r="BH20" s="112">
        <v>23395</v>
      </c>
      <c r="BI20" s="111">
        <v>0</v>
      </c>
      <c r="BJ20" s="114">
        <v>237650</v>
      </c>
      <c r="BK20" s="114">
        <v>417660</v>
      </c>
      <c r="BL20" s="114">
        <v>96026</v>
      </c>
      <c r="BM20" s="114">
        <v>102818</v>
      </c>
      <c r="BN20" s="114">
        <v>152059</v>
      </c>
      <c r="BO20" s="113">
        <v>1006213</v>
      </c>
      <c r="BP20" s="116">
        <v>1029608</v>
      </c>
      <c r="BQ20" s="110">
        <v>180946</v>
      </c>
      <c r="BR20" s="114">
        <v>128901</v>
      </c>
      <c r="BS20" s="113">
        <v>309847</v>
      </c>
      <c r="BT20" s="110">
        <v>0</v>
      </c>
      <c r="BU20" s="114">
        <v>1502204</v>
      </c>
      <c r="BV20" s="114">
        <v>1420277</v>
      </c>
      <c r="BW20" s="114">
        <v>1324463</v>
      </c>
      <c r="BX20" s="114">
        <v>1685623</v>
      </c>
      <c r="BY20" s="114">
        <v>901129</v>
      </c>
      <c r="BZ20" s="113">
        <v>6833696</v>
      </c>
      <c r="CA20" s="116">
        <v>7143543</v>
      </c>
      <c r="CB20" s="110">
        <v>0</v>
      </c>
      <c r="CC20" s="114">
        <v>310189</v>
      </c>
      <c r="CD20" s="113">
        <v>310189</v>
      </c>
      <c r="CE20" s="110">
        <v>0</v>
      </c>
      <c r="CF20" s="114">
        <v>6907652</v>
      </c>
      <c r="CG20" s="114">
        <v>10099143</v>
      </c>
      <c r="CH20" s="114">
        <v>5729160</v>
      </c>
      <c r="CI20" s="114">
        <v>3113441</v>
      </c>
      <c r="CJ20" s="114">
        <v>1533547</v>
      </c>
      <c r="CK20" s="113">
        <v>27382943</v>
      </c>
      <c r="CL20" s="116">
        <v>27693132</v>
      </c>
      <c r="CM20" s="110">
        <v>0</v>
      </c>
      <c r="CN20" s="114">
        <v>0</v>
      </c>
      <c r="CO20" s="113">
        <v>0</v>
      </c>
      <c r="CP20" s="111">
        <v>0</v>
      </c>
      <c r="CQ20" s="114">
        <v>5270998</v>
      </c>
      <c r="CR20" s="114">
        <v>7959022</v>
      </c>
      <c r="CS20" s="114">
        <v>4091566</v>
      </c>
      <c r="CT20" s="114">
        <v>2313040</v>
      </c>
      <c r="CU20" s="114">
        <v>1259565</v>
      </c>
      <c r="CV20" s="113">
        <v>20894191</v>
      </c>
      <c r="CW20" s="116">
        <v>20894191</v>
      </c>
      <c r="CX20" s="110">
        <v>0</v>
      </c>
      <c r="CY20" s="114">
        <v>310189</v>
      </c>
      <c r="CZ20" s="113">
        <v>310189</v>
      </c>
      <c r="DA20" s="110">
        <v>0</v>
      </c>
      <c r="DB20" s="114">
        <v>1636654</v>
      </c>
      <c r="DC20" s="114">
        <v>2140121</v>
      </c>
      <c r="DD20" s="114">
        <v>1637594</v>
      </c>
      <c r="DE20" s="114">
        <v>800401</v>
      </c>
      <c r="DF20" s="114">
        <v>273982</v>
      </c>
      <c r="DG20" s="113">
        <v>6488752</v>
      </c>
      <c r="DH20" s="116">
        <v>6798941</v>
      </c>
      <c r="DI20" s="110">
        <v>47907</v>
      </c>
      <c r="DJ20" s="114">
        <v>60698</v>
      </c>
      <c r="DK20" s="112">
        <v>108605</v>
      </c>
      <c r="DL20" s="111">
        <v>0</v>
      </c>
      <c r="DM20" s="114">
        <v>671590</v>
      </c>
      <c r="DN20" s="114">
        <v>2574618</v>
      </c>
      <c r="DO20" s="114">
        <v>5996501</v>
      </c>
      <c r="DP20" s="114">
        <v>9153205</v>
      </c>
      <c r="DQ20" s="114">
        <v>2680047</v>
      </c>
      <c r="DR20" s="113">
        <v>21075961</v>
      </c>
      <c r="DS20" s="116">
        <v>21184566</v>
      </c>
      <c r="DT20" s="110">
        <v>47907</v>
      </c>
      <c r="DU20" s="114">
        <v>60698</v>
      </c>
      <c r="DV20" s="113">
        <v>108605</v>
      </c>
      <c r="DW20" s="110">
        <v>0</v>
      </c>
      <c r="DX20" s="114">
        <v>478646</v>
      </c>
      <c r="DY20" s="114">
        <v>2220225</v>
      </c>
      <c r="DZ20" s="114">
        <v>5941885</v>
      </c>
      <c r="EA20" s="114">
        <v>8947125</v>
      </c>
      <c r="EB20" s="114">
        <v>2624710</v>
      </c>
      <c r="EC20" s="113">
        <v>20212591</v>
      </c>
      <c r="ED20" s="116">
        <v>20321196</v>
      </c>
      <c r="EE20" s="110">
        <v>0</v>
      </c>
      <c r="EF20" s="112">
        <v>0</v>
      </c>
      <c r="EG20" s="113">
        <v>0</v>
      </c>
      <c r="EH20" s="110">
        <v>0</v>
      </c>
      <c r="EI20" s="114">
        <v>192944</v>
      </c>
      <c r="EJ20" s="114">
        <v>354393</v>
      </c>
      <c r="EK20" s="114">
        <v>54616</v>
      </c>
      <c r="EL20" s="114">
        <v>206080</v>
      </c>
      <c r="EM20" s="114">
        <v>55337</v>
      </c>
      <c r="EN20" s="112">
        <v>863370</v>
      </c>
      <c r="EO20" s="116">
        <v>86337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511564</v>
      </c>
      <c r="FM20" s="114">
        <v>1106341</v>
      </c>
      <c r="FN20" s="113">
        <v>1617905</v>
      </c>
      <c r="FO20" s="110">
        <v>0</v>
      </c>
      <c r="FP20" s="114">
        <v>1633710</v>
      </c>
      <c r="FQ20" s="114">
        <v>4482948</v>
      </c>
      <c r="FR20" s="114">
        <v>2978067</v>
      </c>
      <c r="FS20" s="114">
        <v>2610331</v>
      </c>
      <c r="FT20" s="114">
        <v>1740629</v>
      </c>
      <c r="FU20" s="113">
        <v>13445685</v>
      </c>
      <c r="FV20" s="116">
        <v>15063590</v>
      </c>
      <c r="FW20" s="115">
        <v>332032</v>
      </c>
      <c r="FX20" s="114">
        <v>826518</v>
      </c>
      <c r="FY20" s="112">
        <v>1158550</v>
      </c>
      <c r="FZ20" s="111">
        <v>0</v>
      </c>
      <c r="GA20" s="114">
        <v>1161359</v>
      </c>
      <c r="GB20" s="114">
        <v>4135826</v>
      </c>
      <c r="GC20" s="114">
        <v>2837986</v>
      </c>
      <c r="GD20" s="114">
        <v>2394669</v>
      </c>
      <c r="GE20" s="114">
        <v>1648793</v>
      </c>
      <c r="GF20" s="113">
        <v>12178633</v>
      </c>
      <c r="GG20" s="318">
        <v>13337183</v>
      </c>
      <c r="GH20" s="115">
        <v>32832</v>
      </c>
      <c r="GI20" s="114">
        <v>180823</v>
      </c>
      <c r="GJ20" s="112">
        <v>213655</v>
      </c>
      <c r="GK20" s="111">
        <v>0</v>
      </c>
      <c r="GL20" s="114">
        <v>133671</v>
      </c>
      <c r="GM20" s="114">
        <v>177462</v>
      </c>
      <c r="GN20" s="114">
        <v>86891</v>
      </c>
      <c r="GO20" s="114">
        <v>35662</v>
      </c>
      <c r="GP20" s="114">
        <v>91836</v>
      </c>
      <c r="GQ20" s="113">
        <v>525522</v>
      </c>
      <c r="GR20" s="116">
        <v>739177</v>
      </c>
      <c r="GS20" s="110">
        <v>146700</v>
      </c>
      <c r="GT20" s="114">
        <v>99000</v>
      </c>
      <c r="GU20" s="113">
        <v>245700</v>
      </c>
      <c r="GV20" s="110">
        <v>0</v>
      </c>
      <c r="GW20" s="114">
        <v>338680</v>
      </c>
      <c r="GX20" s="114">
        <v>169660</v>
      </c>
      <c r="GY20" s="114">
        <v>53190</v>
      </c>
      <c r="GZ20" s="114">
        <v>180000</v>
      </c>
      <c r="HA20" s="114">
        <v>0</v>
      </c>
      <c r="HB20" s="112">
        <v>741530</v>
      </c>
      <c r="HC20" s="116">
        <v>987230</v>
      </c>
      <c r="HD20" s="110">
        <v>1168449</v>
      </c>
      <c r="HE20" s="114">
        <v>993535</v>
      </c>
      <c r="HF20" s="112">
        <v>2161984</v>
      </c>
      <c r="HG20" s="111">
        <v>0</v>
      </c>
      <c r="HH20" s="114">
        <v>10558567</v>
      </c>
      <c r="HI20" s="114">
        <v>6835837</v>
      </c>
      <c r="HJ20" s="114">
        <v>5382972</v>
      </c>
      <c r="HK20" s="114">
        <v>10542454</v>
      </c>
      <c r="HL20" s="114">
        <v>4016946</v>
      </c>
      <c r="HM20" s="113">
        <v>37336776</v>
      </c>
      <c r="HN20" s="109">
        <v>39498760</v>
      </c>
      <c r="HO20" s="115">
        <v>275469</v>
      </c>
      <c r="HP20" s="114">
        <v>779463</v>
      </c>
      <c r="HQ20" s="113">
        <v>1054932</v>
      </c>
      <c r="HR20" s="110">
        <v>0</v>
      </c>
      <c r="HS20" s="114">
        <v>5788376</v>
      </c>
      <c r="HT20" s="114">
        <v>7158987</v>
      </c>
      <c r="HU20" s="114">
        <v>4027120</v>
      </c>
      <c r="HV20" s="114">
        <v>2929218</v>
      </c>
      <c r="HW20" s="114">
        <v>1696488</v>
      </c>
      <c r="HX20" s="112">
        <v>21600189</v>
      </c>
      <c r="HY20" s="116">
        <v>22655121</v>
      </c>
      <c r="HZ20" s="150">
        <v>185165</v>
      </c>
      <c r="IA20" s="135">
        <v>1939363</v>
      </c>
      <c r="IB20" s="150">
        <v>2124528</v>
      </c>
      <c r="IC20" s="134">
        <v>0</v>
      </c>
      <c r="ID20" s="135">
        <v>18133258</v>
      </c>
      <c r="IE20" s="136">
        <v>21500447</v>
      </c>
      <c r="IF20" s="137">
        <v>23054586</v>
      </c>
      <c r="IG20" s="135">
        <v>19920576</v>
      </c>
      <c r="IH20" s="137">
        <v>10790077</v>
      </c>
      <c r="II20" s="138">
        <v>93398944</v>
      </c>
      <c r="IJ20" s="150">
        <v>95523472</v>
      </c>
      <c r="IK20" s="232">
        <v>0</v>
      </c>
      <c r="IL20" s="236">
        <v>0</v>
      </c>
      <c r="IM20" s="237">
        <v>0</v>
      </c>
      <c r="IN20" s="140"/>
      <c r="IO20" s="119">
        <v>295406</v>
      </c>
      <c r="IP20" s="119">
        <v>475021</v>
      </c>
      <c r="IQ20" s="119">
        <v>1119218</v>
      </c>
      <c r="IR20" s="119">
        <v>1252304</v>
      </c>
      <c r="IS20" s="119">
        <v>1535325</v>
      </c>
      <c r="IT20" s="141">
        <v>4677274</v>
      </c>
      <c r="IU20" s="320">
        <v>4677274</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243207</v>
      </c>
      <c r="JL20" s="119">
        <v>8476673</v>
      </c>
      <c r="JM20" s="119">
        <v>6154647</v>
      </c>
      <c r="JN20" s="119">
        <v>4014544</v>
      </c>
      <c r="JO20" s="119">
        <v>809930</v>
      </c>
      <c r="JP20" s="120">
        <v>25699001</v>
      </c>
      <c r="JQ20" s="320">
        <v>25699001</v>
      </c>
      <c r="JR20" s="142">
        <v>0</v>
      </c>
      <c r="JS20" s="119">
        <v>0</v>
      </c>
      <c r="JT20" s="141">
        <v>0</v>
      </c>
      <c r="JU20" s="118">
        <v>0</v>
      </c>
      <c r="JV20" s="119">
        <v>84862</v>
      </c>
      <c r="JW20" s="119">
        <v>507089</v>
      </c>
      <c r="JX20" s="119">
        <v>363777</v>
      </c>
      <c r="JY20" s="119">
        <v>397895</v>
      </c>
      <c r="JZ20" s="119">
        <v>130417</v>
      </c>
      <c r="KA20" s="120">
        <v>1484040</v>
      </c>
      <c r="KB20" s="320">
        <v>1484040</v>
      </c>
      <c r="KC20" s="234">
        <v>185165</v>
      </c>
      <c r="KD20" s="230">
        <v>996184</v>
      </c>
      <c r="KE20" s="120">
        <v>1181349</v>
      </c>
      <c r="KF20" s="118">
        <v>0</v>
      </c>
      <c r="KG20" s="119">
        <v>2467533</v>
      </c>
      <c r="KH20" s="119">
        <v>3131841</v>
      </c>
      <c r="KI20" s="119">
        <v>1732021</v>
      </c>
      <c r="KJ20" s="119">
        <v>1980618</v>
      </c>
      <c r="KK20" s="119">
        <v>1194575</v>
      </c>
      <c r="KL20" s="120">
        <v>10506588</v>
      </c>
      <c r="KM20" s="143">
        <v>11687937</v>
      </c>
      <c r="KN20" s="232">
        <v>0</v>
      </c>
      <c r="KO20" s="236">
        <v>943179</v>
      </c>
      <c r="KP20" s="237">
        <v>943179</v>
      </c>
      <c r="KQ20" s="140"/>
      <c r="KR20" s="119">
        <v>9042250</v>
      </c>
      <c r="KS20" s="119">
        <v>8909823</v>
      </c>
      <c r="KT20" s="119">
        <v>11438088</v>
      </c>
      <c r="KU20" s="119">
        <v>8161574</v>
      </c>
      <c r="KV20" s="119">
        <v>4573790</v>
      </c>
      <c r="KW20" s="120">
        <v>42125525</v>
      </c>
      <c r="KX20" s="320">
        <v>43068704</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246835</v>
      </c>
      <c r="LQ20" s="119">
        <v>4113641</v>
      </c>
      <c r="LR20" s="119">
        <v>2546040</v>
      </c>
      <c r="LS20" s="120">
        <v>8906516</v>
      </c>
      <c r="LT20" s="320">
        <v>8906516</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610219</v>
      </c>
      <c r="MK20" s="119">
        <v>10268599</v>
      </c>
      <c r="ML20" s="119">
        <v>38083253</v>
      </c>
      <c r="MM20" s="119">
        <v>51371780</v>
      </c>
      <c r="MN20" s="119">
        <v>35715420</v>
      </c>
      <c r="MO20" s="120">
        <v>142049271</v>
      </c>
      <c r="MP20" s="143">
        <v>142049271</v>
      </c>
      <c r="MQ20" s="142">
        <v>0</v>
      </c>
      <c r="MR20" s="119">
        <v>0</v>
      </c>
      <c r="MS20" s="120">
        <v>0</v>
      </c>
      <c r="MT20" s="145"/>
      <c r="MU20" s="119">
        <v>0</v>
      </c>
      <c r="MV20" s="119">
        <v>215592</v>
      </c>
      <c r="MW20" s="119">
        <v>21034313</v>
      </c>
      <c r="MX20" s="119">
        <v>37784678</v>
      </c>
      <c r="MY20" s="119">
        <v>26516339</v>
      </c>
      <c r="MZ20" s="120">
        <v>85550922</v>
      </c>
      <c r="NA20" s="143">
        <v>85550922</v>
      </c>
      <c r="NB20" s="142">
        <v>0</v>
      </c>
      <c r="NC20" s="119">
        <v>0</v>
      </c>
      <c r="ND20" s="120">
        <v>0</v>
      </c>
      <c r="NE20" s="145"/>
      <c r="NF20" s="119">
        <v>6610219</v>
      </c>
      <c r="NG20" s="119">
        <v>10053007</v>
      </c>
      <c r="NH20" s="119">
        <v>17048940</v>
      </c>
      <c r="NI20" s="119">
        <v>13587102</v>
      </c>
      <c r="NJ20" s="119">
        <v>8410411</v>
      </c>
      <c r="NK20" s="120">
        <v>55709679</v>
      </c>
      <c r="NL20" s="320">
        <v>55709679</v>
      </c>
      <c r="NM20" s="142">
        <v>0</v>
      </c>
      <c r="NN20" s="119">
        <v>0</v>
      </c>
      <c r="NO20" s="120">
        <v>0</v>
      </c>
      <c r="NP20" s="145"/>
      <c r="NQ20" s="119">
        <v>0</v>
      </c>
      <c r="NR20" s="119">
        <v>0</v>
      </c>
      <c r="NS20" s="119">
        <v>0</v>
      </c>
      <c r="NT20" s="119">
        <v>0</v>
      </c>
      <c r="NU20" s="119">
        <v>788670</v>
      </c>
      <c r="NV20" s="120">
        <v>788670</v>
      </c>
      <c r="NW20" s="121">
        <v>788670</v>
      </c>
      <c r="NX20" s="142">
        <v>0</v>
      </c>
      <c r="NY20" s="119">
        <v>0</v>
      </c>
      <c r="NZ20" s="120">
        <v>0</v>
      </c>
      <c r="OA20" s="145"/>
      <c r="OB20" s="119">
        <v>0</v>
      </c>
      <c r="OC20" s="119">
        <v>0</v>
      </c>
      <c r="OD20" s="119">
        <v>0</v>
      </c>
      <c r="OE20" s="119">
        <v>0</v>
      </c>
      <c r="OF20" s="119">
        <v>0</v>
      </c>
      <c r="OG20" s="120">
        <v>0</v>
      </c>
      <c r="OH20" s="121">
        <v>0</v>
      </c>
      <c r="OI20" s="142">
        <v>2383323</v>
      </c>
      <c r="OJ20" s="119">
        <v>5777729</v>
      </c>
      <c r="OK20" s="141">
        <v>8161052</v>
      </c>
      <c r="OL20" s="118">
        <v>0</v>
      </c>
      <c r="OM20" s="119">
        <v>56541938</v>
      </c>
      <c r="ON20" s="119">
        <v>74159596</v>
      </c>
      <c r="OO20" s="119">
        <v>94524767</v>
      </c>
      <c r="OP20" s="119">
        <v>109835710</v>
      </c>
      <c r="OQ20" s="119">
        <v>70830937</v>
      </c>
      <c r="OR20" s="120">
        <v>405892948</v>
      </c>
      <c r="OS20" s="143">
        <v>414054000</v>
      </c>
    </row>
    <row r="21" spans="2:409" ht="21" customHeight="1" x14ac:dyDescent="0.2">
      <c r="B21" s="62" t="s">
        <v>16</v>
      </c>
      <c r="C21" s="110">
        <v>6088232</v>
      </c>
      <c r="D21" s="114">
        <v>12159065</v>
      </c>
      <c r="E21" s="113">
        <v>18247297</v>
      </c>
      <c r="F21" s="109">
        <v>0</v>
      </c>
      <c r="G21" s="114">
        <v>77419953</v>
      </c>
      <c r="H21" s="114">
        <v>127331086</v>
      </c>
      <c r="I21" s="114">
        <v>103932493</v>
      </c>
      <c r="J21" s="114">
        <v>98315802</v>
      </c>
      <c r="K21" s="114">
        <v>71311519</v>
      </c>
      <c r="L21" s="109">
        <v>478310853</v>
      </c>
      <c r="M21" s="116">
        <v>496558150</v>
      </c>
      <c r="N21" s="110">
        <v>1214956</v>
      </c>
      <c r="O21" s="114">
        <v>1700837</v>
      </c>
      <c r="P21" s="113">
        <v>2915793</v>
      </c>
      <c r="Q21" s="110">
        <v>0</v>
      </c>
      <c r="R21" s="114">
        <v>15866597</v>
      </c>
      <c r="S21" s="114">
        <v>28835817</v>
      </c>
      <c r="T21" s="114">
        <v>25291225</v>
      </c>
      <c r="U21" s="114">
        <v>29128731</v>
      </c>
      <c r="V21" s="114">
        <v>25172401</v>
      </c>
      <c r="W21" s="113">
        <v>124294771</v>
      </c>
      <c r="X21" s="116">
        <v>127210564</v>
      </c>
      <c r="Y21" s="110">
        <v>0</v>
      </c>
      <c r="Z21" s="114">
        <v>0</v>
      </c>
      <c r="AA21" s="113">
        <v>0</v>
      </c>
      <c r="AB21" s="110">
        <v>0</v>
      </c>
      <c r="AC21" s="114">
        <v>6412260</v>
      </c>
      <c r="AD21" s="114">
        <v>11737147</v>
      </c>
      <c r="AE21" s="114">
        <v>13481950</v>
      </c>
      <c r="AF21" s="114">
        <v>16096538</v>
      </c>
      <c r="AG21" s="114">
        <v>12768354</v>
      </c>
      <c r="AH21" s="113">
        <v>60496249</v>
      </c>
      <c r="AI21" s="116">
        <v>60496249</v>
      </c>
      <c r="AJ21" s="110">
        <v>0</v>
      </c>
      <c r="AK21" s="114">
        <v>0</v>
      </c>
      <c r="AL21" s="113">
        <v>0</v>
      </c>
      <c r="AM21" s="110">
        <v>0</v>
      </c>
      <c r="AN21" s="114">
        <v>128136</v>
      </c>
      <c r="AO21" s="114">
        <v>444423</v>
      </c>
      <c r="AP21" s="114">
        <v>675936</v>
      </c>
      <c r="AQ21" s="114">
        <v>1012754</v>
      </c>
      <c r="AR21" s="114">
        <v>2703228</v>
      </c>
      <c r="AS21" s="113">
        <v>4964477</v>
      </c>
      <c r="AT21" s="116">
        <v>4964477</v>
      </c>
      <c r="AU21" s="110">
        <v>648660</v>
      </c>
      <c r="AV21" s="114">
        <v>992565</v>
      </c>
      <c r="AW21" s="113">
        <v>1641225</v>
      </c>
      <c r="AX21" s="110">
        <v>0</v>
      </c>
      <c r="AY21" s="114">
        <v>6319292</v>
      </c>
      <c r="AZ21" s="114">
        <v>11855259</v>
      </c>
      <c r="BA21" s="114">
        <v>7192147</v>
      </c>
      <c r="BB21" s="114">
        <v>7885078</v>
      </c>
      <c r="BC21" s="114">
        <v>6306111</v>
      </c>
      <c r="BD21" s="113">
        <v>39557887</v>
      </c>
      <c r="BE21" s="116">
        <v>41199112</v>
      </c>
      <c r="BF21" s="110">
        <v>56645</v>
      </c>
      <c r="BG21" s="114">
        <v>294449</v>
      </c>
      <c r="BH21" s="112">
        <v>351094</v>
      </c>
      <c r="BI21" s="111">
        <v>0</v>
      </c>
      <c r="BJ21" s="114">
        <v>403832</v>
      </c>
      <c r="BK21" s="114">
        <v>1273894</v>
      </c>
      <c r="BL21" s="114">
        <v>511000</v>
      </c>
      <c r="BM21" s="114">
        <v>246198</v>
      </c>
      <c r="BN21" s="114">
        <v>474383</v>
      </c>
      <c r="BO21" s="113">
        <v>2909307</v>
      </c>
      <c r="BP21" s="116">
        <v>3260401</v>
      </c>
      <c r="BQ21" s="110">
        <v>509651</v>
      </c>
      <c r="BR21" s="114">
        <v>413823</v>
      </c>
      <c r="BS21" s="113">
        <v>923474</v>
      </c>
      <c r="BT21" s="110">
        <v>0</v>
      </c>
      <c r="BU21" s="114">
        <v>2603077</v>
      </c>
      <c r="BV21" s="114">
        <v>3525094</v>
      </c>
      <c r="BW21" s="114">
        <v>3430192</v>
      </c>
      <c r="BX21" s="114">
        <v>3888163</v>
      </c>
      <c r="BY21" s="114">
        <v>2920325</v>
      </c>
      <c r="BZ21" s="113">
        <v>16366851</v>
      </c>
      <c r="CA21" s="116">
        <v>17290325</v>
      </c>
      <c r="CB21" s="110">
        <v>1055470</v>
      </c>
      <c r="CC21" s="114">
        <v>3872842</v>
      </c>
      <c r="CD21" s="113">
        <v>4928312</v>
      </c>
      <c r="CE21" s="110">
        <v>0</v>
      </c>
      <c r="CF21" s="114">
        <v>25847579</v>
      </c>
      <c r="CG21" s="114">
        <v>45621417</v>
      </c>
      <c r="CH21" s="114">
        <v>31928119</v>
      </c>
      <c r="CI21" s="114">
        <v>23376265</v>
      </c>
      <c r="CJ21" s="114">
        <v>13568376</v>
      </c>
      <c r="CK21" s="113">
        <v>140341756</v>
      </c>
      <c r="CL21" s="116">
        <v>145270068</v>
      </c>
      <c r="CM21" s="110">
        <v>0</v>
      </c>
      <c r="CN21" s="114">
        <v>0</v>
      </c>
      <c r="CO21" s="113">
        <v>0</v>
      </c>
      <c r="CP21" s="111">
        <v>0</v>
      </c>
      <c r="CQ21" s="114">
        <v>16620078</v>
      </c>
      <c r="CR21" s="114">
        <v>29931703</v>
      </c>
      <c r="CS21" s="114">
        <v>23012058</v>
      </c>
      <c r="CT21" s="114">
        <v>18632878</v>
      </c>
      <c r="CU21" s="114">
        <v>11909909</v>
      </c>
      <c r="CV21" s="113">
        <v>100106626</v>
      </c>
      <c r="CW21" s="116">
        <v>100106626</v>
      </c>
      <c r="CX21" s="110">
        <v>1055470</v>
      </c>
      <c r="CY21" s="114">
        <v>3872842</v>
      </c>
      <c r="CZ21" s="113">
        <v>4928312</v>
      </c>
      <c r="DA21" s="110">
        <v>0</v>
      </c>
      <c r="DB21" s="114">
        <v>9227501</v>
      </c>
      <c r="DC21" s="114">
        <v>15689714</v>
      </c>
      <c r="DD21" s="114">
        <v>8916061</v>
      </c>
      <c r="DE21" s="114">
        <v>4743387</v>
      </c>
      <c r="DF21" s="114">
        <v>1658467</v>
      </c>
      <c r="DG21" s="113">
        <v>40235130</v>
      </c>
      <c r="DH21" s="116">
        <v>45163442</v>
      </c>
      <c r="DI21" s="110">
        <v>0</v>
      </c>
      <c r="DJ21" s="114">
        <v>29164</v>
      </c>
      <c r="DK21" s="112">
        <v>29164</v>
      </c>
      <c r="DL21" s="111">
        <v>0</v>
      </c>
      <c r="DM21" s="114">
        <v>2245745</v>
      </c>
      <c r="DN21" s="114">
        <v>6293441</v>
      </c>
      <c r="DO21" s="114">
        <v>9280559</v>
      </c>
      <c r="DP21" s="114">
        <v>4333564</v>
      </c>
      <c r="DQ21" s="114">
        <v>2174858</v>
      </c>
      <c r="DR21" s="113">
        <v>24328167</v>
      </c>
      <c r="DS21" s="116">
        <v>24357331</v>
      </c>
      <c r="DT21" s="110">
        <v>0</v>
      </c>
      <c r="DU21" s="114">
        <v>29164</v>
      </c>
      <c r="DV21" s="113">
        <v>29164</v>
      </c>
      <c r="DW21" s="110">
        <v>0</v>
      </c>
      <c r="DX21" s="114">
        <v>1997999</v>
      </c>
      <c r="DY21" s="114">
        <v>6004996</v>
      </c>
      <c r="DZ21" s="114">
        <v>8580467</v>
      </c>
      <c r="EA21" s="114">
        <v>3866859</v>
      </c>
      <c r="EB21" s="114">
        <v>1914428</v>
      </c>
      <c r="EC21" s="113">
        <v>22364749</v>
      </c>
      <c r="ED21" s="116">
        <v>22393913</v>
      </c>
      <c r="EE21" s="110">
        <v>0</v>
      </c>
      <c r="EF21" s="112">
        <v>0</v>
      </c>
      <c r="EG21" s="113">
        <v>0</v>
      </c>
      <c r="EH21" s="110">
        <v>0</v>
      </c>
      <c r="EI21" s="114">
        <v>247746</v>
      </c>
      <c r="EJ21" s="114">
        <v>288445</v>
      </c>
      <c r="EK21" s="114">
        <v>700092</v>
      </c>
      <c r="EL21" s="114">
        <v>466705</v>
      </c>
      <c r="EM21" s="114">
        <v>260430</v>
      </c>
      <c r="EN21" s="112">
        <v>1963418</v>
      </c>
      <c r="EO21" s="116">
        <v>1963418</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1272890</v>
      </c>
      <c r="FM21" s="114">
        <v>2658902</v>
      </c>
      <c r="FN21" s="113">
        <v>3931792</v>
      </c>
      <c r="FO21" s="110">
        <v>0</v>
      </c>
      <c r="FP21" s="114">
        <v>3693514</v>
      </c>
      <c r="FQ21" s="114">
        <v>12303790</v>
      </c>
      <c r="FR21" s="114">
        <v>7833856</v>
      </c>
      <c r="FS21" s="114">
        <v>7744928</v>
      </c>
      <c r="FT21" s="114">
        <v>5380325</v>
      </c>
      <c r="FU21" s="113">
        <v>36956413</v>
      </c>
      <c r="FV21" s="116">
        <v>40888205</v>
      </c>
      <c r="FW21" s="115">
        <v>850932</v>
      </c>
      <c r="FX21" s="114">
        <v>1955611</v>
      </c>
      <c r="FY21" s="112">
        <v>2806543</v>
      </c>
      <c r="FZ21" s="111">
        <v>0</v>
      </c>
      <c r="GA21" s="114">
        <v>2880004</v>
      </c>
      <c r="GB21" s="114">
        <v>10984442</v>
      </c>
      <c r="GC21" s="114">
        <v>7429076</v>
      </c>
      <c r="GD21" s="114">
        <v>7184921</v>
      </c>
      <c r="GE21" s="114">
        <v>5116992</v>
      </c>
      <c r="GF21" s="113">
        <v>33595435</v>
      </c>
      <c r="GG21" s="318">
        <v>36401978</v>
      </c>
      <c r="GH21" s="115">
        <v>76950</v>
      </c>
      <c r="GI21" s="114">
        <v>138267</v>
      </c>
      <c r="GJ21" s="112">
        <v>215217</v>
      </c>
      <c r="GK21" s="111">
        <v>0</v>
      </c>
      <c r="GL21" s="114">
        <v>363060</v>
      </c>
      <c r="GM21" s="114">
        <v>549225</v>
      </c>
      <c r="GN21" s="114">
        <v>98780</v>
      </c>
      <c r="GO21" s="114">
        <v>278037</v>
      </c>
      <c r="GP21" s="114">
        <v>164333</v>
      </c>
      <c r="GQ21" s="113">
        <v>1453435</v>
      </c>
      <c r="GR21" s="116">
        <v>1668652</v>
      </c>
      <c r="GS21" s="110">
        <v>345008</v>
      </c>
      <c r="GT21" s="114">
        <v>565024</v>
      </c>
      <c r="GU21" s="113">
        <v>910032</v>
      </c>
      <c r="GV21" s="110">
        <v>0</v>
      </c>
      <c r="GW21" s="114">
        <v>450450</v>
      </c>
      <c r="GX21" s="114">
        <v>770123</v>
      </c>
      <c r="GY21" s="114">
        <v>306000</v>
      </c>
      <c r="GZ21" s="114">
        <v>281970</v>
      </c>
      <c r="HA21" s="114">
        <v>99000</v>
      </c>
      <c r="HB21" s="112">
        <v>1907543</v>
      </c>
      <c r="HC21" s="116">
        <v>2817575</v>
      </c>
      <c r="HD21" s="110">
        <v>1556556</v>
      </c>
      <c r="HE21" s="114">
        <v>2065788</v>
      </c>
      <c r="HF21" s="112">
        <v>3622344</v>
      </c>
      <c r="HG21" s="111">
        <v>0</v>
      </c>
      <c r="HH21" s="114">
        <v>17329863</v>
      </c>
      <c r="HI21" s="114">
        <v>18056277</v>
      </c>
      <c r="HJ21" s="114">
        <v>19481313</v>
      </c>
      <c r="HK21" s="114">
        <v>27086451</v>
      </c>
      <c r="HL21" s="114">
        <v>21046585</v>
      </c>
      <c r="HM21" s="113">
        <v>103000489</v>
      </c>
      <c r="HN21" s="109">
        <v>106622833</v>
      </c>
      <c r="HO21" s="115">
        <v>988360</v>
      </c>
      <c r="HP21" s="114">
        <v>1831532</v>
      </c>
      <c r="HQ21" s="113">
        <v>2819892</v>
      </c>
      <c r="HR21" s="110">
        <v>0</v>
      </c>
      <c r="HS21" s="114">
        <v>12436655</v>
      </c>
      <c r="HT21" s="114">
        <v>16220344</v>
      </c>
      <c r="HU21" s="114">
        <v>10117421</v>
      </c>
      <c r="HV21" s="114">
        <v>6645863</v>
      </c>
      <c r="HW21" s="114">
        <v>3968974</v>
      </c>
      <c r="HX21" s="112">
        <v>49389257</v>
      </c>
      <c r="HY21" s="116">
        <v>52209149</v>
      </c>
      <c r="HZ21" s="131">
        <v>46661</v>
      </c>
      <c r="IA21" s="132">
        <v>169892</v>
      </c>
      <c r="IB21" s="133">
        <v>216553</v>
      </c>
      <c r="IC21" s="146">
        <v>0</v>
      </c>
      <c r="ID21" s="132">
        <v>14565911</v>
      </c>
      <c r="IE21" s="147">
        <v>31412520</v>
      </c>
      <c r="IF21" s="133">
        <v>37737459</v>
      </c>
      <c r="IG21" s="132">
        <v>26275009</v>
      </c>
      <c r="IH21" s="133">
        <v>21203564</v>
      </c>
      <c r="II21" s="148">
        <v>131194463</v>
      </c>
      <c r="IJ21" s="139">
        <v>131411016</v>
      </c>
      <c r="IK21" s="232">
        <v>0</v>
      </c>
      <c r="IL21" s="236">
        <v>0</v>
      </c>
      <c r="IM21" s="237">
        <v>0</v>
      </c>
      <c r="IN21" s="140"/>
      <c r="IO21" s="119">
        <v>863278</v>
      </c>
      <c r="IP21" s="119">
        <v>1646408</v>
      </c>
      <c r="IQ21" s="119">
        <v>2667338</v>
      </c>
      <c r="IR21" s="119">
        <v>2210298</v>
      </c>
      <c r="IS21" s="119">
        <v>2341981</v>
      </c>
      <c r="IT21" s="141">
        <v>9729303</v>
      </c>
      <c r="IU21" s="320">
        <v>9729303</v>
      </c>
      <c r="IV21" s="142">
        <v>0</v>
      </c>
      <c r="IW21" s="119">
        <v>0</v>
      </c>
      <c r="IX21" s="120">
        <v>0</v>
      </c>
      <c r="IY21" s="144"/>
      <c r="IZ21" s="119">
        <v>28770</v>
      </c>
      <c r="JA21" s="119">
        <v>18446</v>
      </c>
      <c r="JB21" s="119">
        <v>55141</v>
      </c>
      <c r="JC21" s="119">
        <v>116830</v>
      </c>
      <c r="JD21" s="119">
        <v>205087</v>
      </c>
      <c r="JE21" s="120">
        <v>424274</v>
      </c>
      <c r="JF21" s="121">
        <v>424274</v>
      </c>
      <c r="JG21" s="142">
        <v>0</v>
      </c>
      <c r="JH21" s="119">
        <v>0</v>
      </c>
      <c r="JI21" s="141">
        <v>0</v>
      </c>
      <c r="JJ21" s="118">
        <v>0</v>
      </c>
      <c r="JK21" s="119">
        <v>7390807</v>
      </c>
      <c r="JL21" s="119">
        <v>9214729</v>
      </c>
      <c r="JM21" s="119">
        <v>9172501</v>
      </c>
      <c r="JN21" s="119">
        <v>4210058</v>
      </c>
      <c r="JO21" s="119">
        <v>2435558</v>
      </c>
      <c r="JP21" s="120">
        <v>32423653</v>
      </c>
      <c r="JQ21" s="320">
        <v>32423653</v>
      </c>
      <c r="JR21" s="142">
        <v>0</v>
      </c>
      <c r="JS21" s="119">
        <v>0</v>
      </c>
      <c r="JT21" s="141">
        <v>0</v>
      </c>
      <c r="JU21" s="118">
        <v>0</v>
      </c>
      <c r="JV21" s="119">
        <v>377381</v>
      </c>
      <c r="JW21" s="119">
        <v>1132307</v>
      </c>
      <c r="JX21" s="119">
        <v>1276627</v>
      </c>
      <c r="JY21" s="119">
        <v>738849</v>
      </c>
      <c r="JZ21" s="119">
        <v>1319852</v>
      </c>
      <c r="KA21" s="120">
        <v>4845016</v>
      </c>
      <c r="KB21" s="320">
        <v>4845016</v>
      </c>
      <c r="KC21" s="234">
        <v>46661</v>
      </c>
      <c r="KD21" s="230">
        <v>169892</v>
      </c>
      <c r="KE21" s="120">
        <v>216553</v>
      </c>
      <c r="KF21" s="118">
        <v>0</v>
      </c>
      <c r="KG21" s="119">
        <v>1077339</v>
      </c>
      <c r="KH21" s="119">
        <v>5976734</v>
      </c>
      <c r="KI21" s="119">
        <v>3735937</v>
      </c>
      <c r="KJ21" s="119">
        <v>4283802</v>
      </c>
      <c r="KK21" s="119">
        <v>1851223</v>
      </c>
      <c r="KL21" s="120">
        <v>16925035</v>
      </c>
      <c r="KM21" s="143">
        <v>17141588</v>
      </c>
      <c r="KN21" s="232">
        <v>0</v>
      </c>
      <c r="KO21" s="236">
        <v>0</v>
      </c>
      <c r="KP21" s="237">
        <v>0</v>
      </c>
      <c r="KQ21" s="140"/>
      <c r="KR21" s="119">
        <v>4536979</v>
      </c>
      <c r="KS21" s="119">
        <v>11534150</v>
      </c>
      <c r="KT21" s="119">
        <v>16859246</v>
      </c>
      <c r="KU21" s="119">
        <v>10958157</v>
      </c>
      <c r="KV21" s="119">
        <v>9135723</v>
      </c>
      <c r="KW21" s="120">
        <v>53024255</v>
      </c>
      <c r="KX21" s="320">
        <v>53024255</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55760</v>
      </c>
      <c r="LP21" s="119">
        <v>2685962</v>
      </c>
      <c r="LQ21" s="119">
        <v>2379910</v>
      </c>
      <c r="LR21" s="119">
        <v>2572752</v>
      </c>
      <c r="LS21" s="120">
        <v>8394384</v>
      </c>
      <c r="LT21" s="320">
        <v>8394384</v>
      </c>
      <c r="LU21" s="142">
        <v>0</v>
      </c>
      <c r="LV21" s="119">
        <v>0</v>
      </c>
      <c r="LW21" s="120">
        <v>0</v>
      </c>
      <c r="LX21" s="145"/>
      <c r="LY21" s="119">
        <v>291357</v>
      </c>
      <c r="LZ21" s="119">
        <v>1133986</v>
      </c>
      <c r="MA21" s="119">
        <v>1284707</v>
      </c>
      <c r="MB21" s="119">
        <v>1377105</v>
      </c>
      <c r="MC21" s="119">
        <v>1341388</v>
      </c>
      <c r="MD21" s="120">
        <v>5428543</v>
      </c>
      <c r="ME21" s="121">
        <v>5428543</v>
      </c>
      <c r="MF21" s="142">
        <v>0</v>
      </c>
      <c r="MG21" s="119">
        <v>0</v>
      </c>
      <c r="MH21" s="120">
        <v>0</v>
      </c>
      <c r="MI21" s="145"/>
      <c r="MJ21" s="119">
        <v>15342367</v>
      </c>
      <c r="MK21" s="119">
        <v>29559088</v>
      </c>
      <c r="ML21" s="119">
        <v>92721190</v>
      </c>
      <c r="MM21" s="119">
        <v>127668346</v>
      </c>
      <c r="MN21" s="119">
        <v>87657850</v>
      </c>
      <c r="MO21" s="120">
        <v>352948841</v>
      </c>
      <c r="MP21" s="143">
        <v>352948841</v>
      </c>
      <c r="MQ21" s="142">
        <v>0</v>
      </c>
      <c r="MR21" s="119">
        <v>0</v>
      </c>
      <c r="MS21" s="120">
        <v>0</v>
      </c>
      <c r="MT21" s="145"/>
      <c r="MU21" s="119">
        <v>1294293</v>
      </c>
      <c r="MV21" s="119">
        <v>4669536</v>
      </c>
      <c r="MW21" s="119">
        <v>50905893</v>
      </c>
      <c r="MX21" s="119">
        <v>81036788</v>
      </c>
      <c r="MY21" s="119">
        <v>60175586</v>
      </c>
      <c r="MZ21" s="120">
        <v>198082096</v>
      </c>
      <c r="NA21" s="143">
        <v>198082096</v>
      </c>
      <c r="NB21" s="142">
        <v>0</v>
      </c>
      <c r="NC21" s="119">
        <v>0</v>
      </c>
      <c r="ND21" s="120">
        <v>0</v>
      </c>
      <c r="NE21" s="145"/>
      <c r="NF21" s="119">
        <v>13853242</v>
      </c>
      <c r="NG21" s="119">
        <v>24889552</v>
      </c>
      <c r="NH21" s="119">
        <v>40799255</v>
      </c>
      <c r="NI21" s="119">
        <v>43045099</v>
      </c>
      <c r="NJ21" s="119">
        <v>20024324</v>
      </c>
      <c r="NK21" s="120">
        <v>142611472</v>
      </c>
      <c r="NL21" s="320">
        <v>142611472</v>
      </c>
      <c r="NM21" s="142">
        <v>0</v>
      </c>
      <c r="NN21" s="119">
        <v>0</v>
      </c>
      <c r="NO21" s="120">
        <v>0</v>
      </c>
      <c r="NP21" s="145"/>
      <c r="NQ21" s="119">
        <v>0</v>
      </c>
      <c r="NR21" s="119">
        <v>0</v>
      </c>
      <c r="NS21" s="119">
        <v>0</v>
      </c>
      <c r="NT21" s="119">
        <v>0</v>
      </c>
      <c r="NU21" s="119">
        <v>365543</v>
      </c>
      <c r="NV21" s="120">
        <v>365543</v>
      </c>
      <c r="NW21" s="121">
        <v>365543</v>
      </c>
      <c r="NX21" s="142">
        <v>0</v>
      </c>
      <c r="NY21" s="119">
        <v>0</v>
      </c>
      <c r="NZ21" s="120">
        <v>0</v>
      </c>
      <c r="OA21" s="145"/>
      <c r="OB21" s="119">
        <v>194832</v>
      </c>
      <c r="OC21" s="119">
        <v>0</v>
      </c>
      <c r="OD21" s="119">
        <v>1016042</v>
      </c>
      <c r="OE21" s="119">
        <v>3586459</v>
      </c>
      <c r="OF21" s="119">
        <v>7092397</v>
      </c>
      <c r="OG21" s="120">
        <v>11889730</v>
      </c>
      <c r="OH21" s="121">
        <v>11889730</v>
      </c>
      <c r="OI21" s="142">
        <v>6134893</v>
      </c>
      <c r="OJ21" s="119">
        <v>12328957</v>
      </c>
      <c r="OK21" s="141">
        <v>18463850</v>
      </c>
      <c r="OL21" s="118">
        <v>0</v>
      </c>
      <c r="OM21" s="119">
        <v>107328231</v>
      </c>
      <c r="ON21" s="119">
        <v>188302694</v>
      </c>
      <c r="OO21" s="119">
        <v>234391142</v>
      </c>
      <c r="OP21" s="119">
        <v>252259157</v>
      </c>
      <c r="OQ21" s="119">
        <v>180172933</v>
      </c>
      <c r="OR21" s="120">
        <v>962454157</v>
      </c>
      <c r="OS21" s="143">
        <v>980918007</v>
      </c>
    </row>
    <row r="22" spans="2:409" ht="21" customHeight="1" x14ac:dyDescent="0.2">
      <c r="B22" s="62" t="s">
        <v>17</v>
      </c>
      <c r="C22" s="110">
        <v>6567206</v>
      </c>
      <c r="D22" s="114">
        <v>16344789</v>
      </c>
      <c r="E22" s="113">
        <v>22911995</v>
      </c>
      <c r="F22" s="109">
        <v>0</v>
      </c>
      <c r="G22" s="114">
        <v>77022333</v>
      </c>
      <c r="H22" s="114">
        <v>156479072</v>
      </c>
      <c r="I22" s="114">
        <v>133924780</v>
      </c>
      <c r="J22" s="114">
        <v>119616080</v>
      </c>
      <c r="K22" s="114">
        <v>102284354</v>
      </c>
      <c r="L22" s="109">
        <v>589326619</v>
      </c>
      <c r="M22" s="116">
        <v>612238614</v>
      </c>
      <c r="N22" s="110">
        <v>1113013</v>
      </c>
      <c r="O22" s="114">
        <v>3503433</v>
      </c>
      <c r="P22" s="113">
        <v>4616446</v>
      </c>
      <c r="Q22" s="110">
        <v>0</v>
      </c>
      <c r="R22" s="114">
        <v>17758832</v>
      </c>
      <c r="S22" s="114">
        <v>40728281</v>
      </c>
      <c r="T22" s="114">
        <v>42490450</v>
      </c>
      <c r="U22" s="114">
        <v>46549295</v>
      </c>
      <c r="V22" s="114">
        <v>50235593</v>
      </c>
      <c r="W22" s="113">
        <v>197762451</v>
      </c>
      <c r="X22" s="116">
        <v>202378897</v>
      </c>
      <c r="Y22" s="110">
        <v>0</v>
      </c>
      <c r="Z22" s="114">
        <v>0</v>
      </c>
      <c r="AA22" s="113">
        <v>0</v>
      </c>
      <c r="AB22" s="110">
        <v>0</v>
      </c>
      <c r="AC22" s="114">
        <v>8082695</v>
      </c>
      <c r="AD22" s="114">
        <v>21811318</v>
      </c>
      <c r="AE22" s="114">
        <v>25806268</v>
      </c>
      <c r="AF22" s="114">
        <v>30337355</v>
      </c>
      <c r="AG22" s="114">
        <v>31267579</v>
      </c>
      <c r="AH22" s="113">
        <v>117305215</v>
      </c>
      <c r="AI22" s="116">
        <v>117305215</v>
      </c>
      <c r="AJ22" s="110">
        <v>0</v>
      </c>
      <c r="AK22" s="114">
        <v>36037</v>
      </c>
      <c r="AL22" s="113">
        <v>36037</v>
      </c>
      <c r="AM22" s="110">
        <v>0</v>
      </c>
      <c r="AN22" s="114">
        <v>118614</v>
      </c>
      <c r="AO22" s="114">
        <v>417767</v>
      </c>
      <c r="AP22" s="114">
        <v>998959</v>
      </c>
      <c r="AQ22" s="114">
        <v>2160734</v>
      </c>
      <c r="AR22" s="114">
        <v>5255511</v>
      </c>
      <c r="AS22" s="113">
        <v>8951585</v>
      </c>
      <c r="AT22" s="116">
        <v>8987622</v>
      </c>
      <c r="AU22" s="110">
        <v>573165</v>
      </c>
      <c r="AV22" s="114">
        <v>2383159</v>
      </c>
      <c r="AW22" s="113">
        <v>2956324</v>
      </c>
      <c r="AX22" s="110">
        <v>0</v>
      </c>
      <c r="AY22" s="114">
        <v>5956198</v>
      </c>
      <c r="AZ22" s="114">
        <v>11707078</v>
      </c>
      <c r="BA22" s="114">
        <v>9544086</v>
      </c>
      <c r="BB22" s="114">
        <v>8279227</v>
      </c>
      <c r="BC22" s="114">
        <v>9307396</v>
      </c>
      <c r="BD22" s="113">
        <v>44793985</v>
      </c>
      <c r="BE22" s="116">
        <v>47750309</v>
      </c>
      <c r="BF22" s="110">
        <v>131915</v>
      </c>
      <c r="BG22" s="114">
        <v>389861</v>
      </c>
      <c r="BH22" s="112">
        <v>521776</v>
      </c>
      <c r="BI22" s="111">
        <v>0</v>
      </c>
      <c r="BJ22" s="114">
        <v>162275</v>
      </c>
      <c r="BK22" s="114">
        <v>881814</v>
      </c>
      <c r="BL22" s="114">
        <v>755418</v>
      </c>
      <c r="BM22" s="114">
        <v>406591</v>
      </c>
      <c r="BN22" s="114">
        <v>174480</v>
      </c>
      <c r="BO22" s="113">
        <v>2380578</v>
      </c>
      <c r="BP22" s="116">
        <v>2902354</v>
      </c>
      <c r="BQ22" s="110">
        <v>407933</v>
      </c>
      <c r="BR22" s="114">
        <v>694376</v>
      </c>
      <c r="BS22" s="113">
        <v>1102309</v>
      </c>
      <c r="BT22" s="110">
        <v>0</v>
      </c>
      <c r="BU22" s="114">
        <v>3439050</v>
      </c>
      <c r="BV22" s="114">
        <v>5910304</v>
      </c>
      <c r="BW22" s="114">
        <v>5385719</v>
      </c>
      <c r="BX22" s="114">
        <v>5365388</v>
      </c>
      <c r="BY22" s="114">
        <v>4230627</v>
      </c>
      <c r="BZ22" s="113">
        <v>24331088</v>
      </c>
      <c r="CA22" s="116">
        <v>25433397</v>
      </c>
      <c r="CB22" s="110">
        <v>875862</v>
      </c>
      <c r="CC22" s="114">
        <v>3242487</v>
      </c>
      <c r="CD22" s="113">
        <v>4118349</v>
      </c>
      <c r="CE22" s="110">
        <v>0</v>
      </c>
      <c r="CF22" s="114">
        <v>23254861</v>
      </c>
      <c r="CG22" s="114">
        <v>51275027</v>
      </c>
      <c r="CH22" s="114">
        <v>35562414</v>
      </c>
      <c r="CI22" s="114">
        <v>22004249</v>
      </c>
      <c r="CJ22" s="114">
        <v>13429993</v>
      </c>
      <c r="CK22" s="113">
        <v>145526544</v>
      </c>
      <c r="CL22" s="116">
        <v>149644893</v>
      </c>
      <c r="CM22" s="110">
        <v>0</v>
      </c>
      <c r="CN22" s="114">
        <v>0</v>
      </c>
      <c r="CO22" s="113">
        <v>0</v>
      </c>
      <c r="CP22" s="111">
        <v>0</v>
      </c>
      <c r="CQ22" s="114">
        <v>19950598</v>
      </c>
      <c r="CR22" s="114">
        <v>40451684</v>
      </c>
      <c r="CS22" s="114">
        <v>28526773</v>
      </c>
      <c r="CT22" s="114">
        <v>18839219</v>
      </c>
      <c r="CU22" s="114">
        <v>11162707</v>
      </c>
      <c r="CV22" s="113">
        <v>118930981</v>
      </c>
      <c r="CW22" s="116">
        <v>118930981</v>
      </c>
      <c r="CX22" s="110">
        <v>875862</v>
      </c>
      <c r="CY22" s="114">
        <v>3242487</v>
      </c>
      <c r="CZ22" s="113">
        <v>4118349</v>
      </c>
      <c r="DA22" s="110">
        <v>0</v>
      </c>
      <c r="DB22" s="114">
        <v>3304263</v>
      </c>
      <c r="DC22" s="114">
        <v>10823343</v>
      </c>
      <c r="DD22" s="114">
        <v>7035641</v>
      </c>
      <c r="DE22" s="114">
        <v>3165030</v>
      </c>
      <c r="DF22" s="114">
        <v>2267286</v>
      </c>
      <c r="DG22" s="113">
        <v>26595563</v>
      </c>
      <c r="DH22" s="116">
        <v>30713912</v>
      </c>
      <c r="DI22" s="110">
        <v>0</v>
      </c>
      <c r="DJ22" s="114">
        <v>45199</v>
      </c>
      <c r="DK22" s="112">
        <v>45199</v>
      </c>
      <c r="DL22" s="111">
        <v>0</v>
      </c>
      <c r="DM22" s="114">
        <v>2446100</v>
      </c>
      <c r="DN22" s="114">
        <v>6496881</v>
      </c>
      <c r="DO22" s="114">
        <v>13184522</v>
      </c>
      <c r="DP22" s="114">
        <v>9888706</v>
      </c>
      <c r="DQ22" s="114">
        <v>6545170</v>
      </c>
      <c r="DR22" s="113">
        <v>38561379</v>
      </c>
      <c r="DS22" s="116">
        <v>38606578</v>
      </c>
      <c r="DT22" s="110">
        <v>0</v>
      </c>
      <c r="DU22" s="114">
        <v>45199</v>
      </c>
      <c r="DV22" s="113">
        <v>45199</v>
      </c>
      <c r="DW22" s="110">
        <v>0</v>
      </c>
      <c r="DX22" s="114">
        <v>2157313</v>
      </c>
      <c r="DY22" s="114">
        <v>5503053</v>
      </c>
      <c r="DZ22" s="114">
        <v>11738475</v>
      </c>
      <c r="EA22" s="114">
        <v>9074382</v>
      </c>
      <c r="EB22" s="114">
        <v>5415351</v>
      </c>
      <c r="EC22" s="113">
        <v>33888574</v>
      </c>
      <c r="ED22" s="116">
        <v>33933773</v>
      </c>
      <c r="EE22" s="110">
        <v>0</v>
      </c>
      <c r="EF22" s="112">
        <v>0</v>
      </c>
      <c r="EG22" s="113">
        <v>0</v>
      </c>
      <c r="EH22" s="110">
        <v>0</v>
      </c>
      <c r="EI22" s="114">
        <v>288787</v>
      </c>
      <c r="EJ22" s="114">
        <v>993828</v>
      </c>
      <c r="EK22" s="114">
        <v>1446047</v>
      </c>
      <c r="EL22" s="114">
        <v>814324</v>
      </c>
      <c r="EM22" s="114">
        <v>1129819</v>
      </c>
      <c r="EN22" s="112">
        <v>4672805</v>
      </c>
      <c r="EO22" s="116">
        <v>4672805</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623423</v>
      </c>
      <c r="FM22" s="114">
        <v>3827831</v>
      </c>
      <c r="FN22" s="113">
        <v>5451254</v>
      </c>
      <c r="FO22" s="110">
        <v>0</v>
      </c>
      <c r="FP22" s="114">
        <v>4865864</v>
      </c>
      <c r="FQ22" s="114">
        <v>16527245</v>
      </c>
      <c r="FR22" s="114">
        <v>11616577</v>
      </c>
      <c r="FS22" s="114">
        <v>9931230</v>
      </c>
      <c r="FT22" s="114">
        <v>8569174</v>
      </c>
      <c r="FU22" s="113">
        <v>51510090</v>
      </c>
      <c r="FV22" s="116">
        <v>56961344</v>
      </c>
      <c r="FW22" s="115">
        <v>979527</v>
      </c>
      <c r="FX22" s="114">
        <v>3027068</v>
      </c>
      <c r="FY22" s="112">
        <v>4006595</v>
      </c>
      <c r="FZ22" s="111">
        <v>0</v>
      </c>
      <c r="GA22" s="114">
        <v>3160388</v>
      </c>
      <c r="GB22" s="114">
        <v>14715808</v>
      </c>
      <c r="GC22" s="114">
        <v>10763287</v>
      </c>
      <c r="GD22" s="114">
        <v>9552247</v>
      </c>
      <c r="GE22" s="114">
        <v>8190094</v>
      </c>
      <c r="GF22" s="113">
        <v>46381824</v>
      </c>
      <c r="GG22" s="318">
        <v>50388419</v>
      </c>
      <c r="GH22" s="115">
        <v>78818</v>
      </c>
      <c r="GI22" s="114">
        <v>183015</v>
      </c>
      <c r="GJ22" s="112">
        <v>261833</v>
      </c>
      <c r="GK22" s="111">
        <v>0</v>
      </c>
      <c r="GL22" s="114">
        <v>156935</v>
      </c>
      <c r="GM22" s="114">
        <v>300263</v>
      </c>
      <c r="GN22" s="114">
        <v>261620</v>
      </c>
      <c r="GO22" s="114">
        <v>98548</v>
      </c>
      <c r="GP22" s="114">
        <v>205380</v>
      </c>
      <c r="GQ22" s="113">
        <v>1022746</v>
      </c>
      <c r="GR22" s="116">
        <v>1284579</v>
      </c>
      <c r="GS22" s="110">
        <v>565078</v>
      </c>
      <c r="GT22" s="114">
        <v>617748</v>
      </c>
      <c r="GU22" s="113">
        <v>1182826</v>
      </c>
      <c r="GV22" s="110">
        <v>0</v>
      </c>
      <c r="GW22" s="114">
        <v>1548541</v>
      </c>
      <c r="GX22" s="114">
        <v>1511174</v>
      </c>
      <c r="GY22" s="114">
        <v>591670</v>
      </c>
      <c r="GZ22" s="114">
        <v>280435</v>
      </c>
      <c r="HA22" s="114">
        <v>173700</v>
      </c>
      <c r="HB22" s="112">
        <v>4105520</v>
      </c>
      <c r="HC22" s="116">
        <v>5288346</v>
      </c>
      <c r="HD22" s="110">
        <v>1720472</v>
      </c>
      <c r="HE22" s="114">
        <v>2973144</v>
      </c>
      <c r="HF22" s="112">
        <v>4693616</v>
      </c>
      <c r="HG22" s="111">
        <v>0</v>
      </c>
      <c r="HH22" s="114">
        <v>15634999</v>
      </c>
      <c r="HI22" s="114">
        <v>20730483</v>
      </c>
      <c r="HJ22" s="114">
        <v>16556183</v>
      </c>
      <c r="HK22" s="114">
        <v>22745115</v>
      </c>
      <c r="HL22" s="114">
        <v>16967883</v>
      </c>
      <c r="HM22" s="113">
        <v>92634663</v>
      </c>
      <c r="HN22" s="109">
        <v>97328279</v>
      </c>
      <c r="HO22" s="115">
        <v>1234436</v>
      </c>
      <c r="HP22" s="114">
        <v>2752695</v>
      </c>
      <c r="HQ22" s="113">
        <v>3987131</v>
      </c>
      <c r="HR22" s="110">
        <v>0</v>
      </c>
      <c r="HS22" s="114">
        <v>13061677</v>
      </c>
      <c r="HT22" s="114">
        <v>20721155</v>
      </c>
      <c r="HU22" s="114">
        <v>14514634</v>
      </c>
      <c r="HV22" s="114">
        <v>8497485</v>
      </c>
      <c r="HW22" s="114">
        <v>6536541</v>
      </c>
      <c r="HX22" s="112">
        <v>63331492</v>
      </c>
      <c r="HY22" s="116">
        <v>67318623</v>
      </c>
      <c r="HZ22" s="150">
        <v>33530</v>
      </c>
      <c r="IA22" s="135">
        <v>283241</v>
      </c>
      <c r="IB22" s="150">
        <v>316771</v>
      </c>
      <c r="IC22" s="134">
        <v>0</v>
      </c>
      <c r="ID22" s="135">
        <v>26184878</v>
      </c>
      <c r="IE22" s="136">
        <v>43654317</v>
      </c>
      <c r="IF22" s="137">
        <v>50205445</v>
      </c>
      <c r="IG22" s="135">
        <v>50880704</v>
      </c>
      <c r="IH22" s="137">
        <v>34379752</v>
      </c>
      <c r="II22" s="138">
        <v>205305096</v>
      </c>
      <c r="IJ22" s="150">
        <v>205621867</v>
      </c>
      <c r="IK22" s="232">
        <v>0</v>
      </c>
      <c r="IL22" s="236">
        <v>0</v>
      </c>
      <c r="IM22" s="237">
        <v>0</v>
      </c>
      <c r="IN22" s="140"/>
      <c r="IO22" s="119">
        <v>310993</v>
      </c>
      <c r="IP22" s="119">
        <v>932327</v>
      </c>
      <c r="IQ22" s="119">
        <v>590269</v>
      </c>
      <c r="IR22" s="119">
        <v>1217459</v>
      </c>
      <c r="IS22" s="119">
        <v>0</v>
      </c>
      <c r="IT22" s="141">
        <v>3051048</v>
      </c>
      <c r="IU22" s="320">
        <v>3051048</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1129278</v>
      </c>
      <c r="JL22" s="119">
        <v>17682600</v>
      </c>
      <c r="JM22" s="119">
        <v>14451772</v>
      </c>
      <c r="JN22" s="119">
        <v>13617021</v>
      </c>
      <c r="JO22" s="119">
        <v>8639540</v>
      </c>
      <c r="JP22" s="120">
        <v>65520211</v>
      </c>
      <c r="JQ22" s="320">
        <v>65520211</v>
      </c>
      <c r="JR22" s="142">
        <v>33530</v>
      </c>
      <c r="JS22" s="119">
        <v>103125</v>
      </c>
      <c r="JT22" s="141">
        <v>136655</v>
      </c>
      <c r="JU22" s="118">
        <v>0</v>
      </c>
      <c r="JV22" s="119">
        <v>1514254</v>
      </c>
      <c r="JW22" s="119">
        <v>2127729</v>
      </c>
      <c r="JX22" s="119">
        <v>2352450</v>
      </c>
      <c r="JY22" s="119">
        <v>2047939</v>
      </c>
      <c r="JZ22" s="119">
        <v>385215</v>
      </c>
      <c r="KA22" s="120">
        <v>8427587</v>
      </c>
      <c r="KB22" s="320">
        <v>8564242</v>
      </c>
      <c r="KC22" s="234">
        <v>0</v>
      </c>
      <c r="KD22" s="230">
        <v>180116</v>
      </c>
      <c r="KE22" s="120">
        <v>180116</v>
      </c>
      <c r="KF22" s="118">
        <v>0</v>
      </c>
      <c r="KG22" s="119">
        <v>2446362</v>
      </c>
      <c r="KH22" s="119">
        <v>5005214</v>
      </c>
      <c r="KI22" s="119">
        <v>8631362</v>
      </c>
      <c r="KJ22" s="119">
        <v>6233040</v>
      </c>
      <c r="KK22" s="119">
        <v>4292549</v>
      </c>
      <c r="KL22" s="120">
        <v>26608527</v>
      </c>
      <c r="KM22" s="143">
        <v>26788643</v>
      </c>
      <c r="KN22" s="232">
        <v>0</v>
      </c>
      <c r="KO22" s="236">
        <v>0</v>
      </c>
      <c r="KP22" s="237">
        <v>0</v>
      </c>
      <c r="KQ22" s="140"/>
      <c r="KR22" s="119">
        <v>10772392</v>
      </c>
      <c r="KS22" s="119">
        <v>16461937</v>
      </c>
      <c r="KT22" s="119">
        <v>15874464</v>
      </c>
      <c r="KU22" s="119">
        <v>15207435</v>
      </c>
      <c r="KV22" s="119">
        <v>6228066</v>
      </c>
      <c r="KW22" s="120">
        <v>64544294</v>
      </c>
      <c r="KX22" s="320">
        <v>64544294</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514404</v>
      </c>
      <c r="LP22" s="119">
        <v>7573740</v>
      </c>
      <c r="LQ22" s="119">
        <v>10932119</v>
      </c>
      <c r="LR22" s="119">
        <v>11283593</v>
      </c>
      <c r="LS22" s="120">
        <v>30303856</v>
      </c>
      <c r="LT22" s="320">
        <v>30303856</v>
      </c>
      <c r="LU22" s="142">
        <v>0</v>
      </c>
      <c r="LV22" s="119">
        <v>0</v>
      </c>
      <c r="LW22" s="120">
        <v>0</v>
      </c>
      <c r="LX22" s="145"/>
      <c r="LY22" s="119">
        <v>11599</v>
      </c>
      <c r="LZ22" s="119">
        <v>930106</v>
      </c>
      <c r="MA22" s="119">
        <v>731388</v>
      </c>
      <c r="MB22" s="119">
        <v>1625691</v>
      </c>
      <c r="MC22" s="119">
        <v>3550789</v>
      </c>
      <c r="MD22" s="120">
        <v>6849573</v>
      </c>
      <c r="ME22" s="121">
        <v>6849573</v>
      </c>
      <c r="MF22" s="142">
        <v>0</v>
      </c>
      <c r="MG22" s="119">
        <v>0</v>
      </c>
      <c r="MH22" s="120">
        <v>0</v>
      </c>
      <c r="MI22" s="145"/>
      <c r="MJ22" s="119">
        <v>11359750</v>
      </c>
      <c r="MK22" s="119">
        <v>34627856</v>
      </c>
      <c r="ML22" s="119">
        <v>93705249</v>
      </c>
      <c r="MM22" s="119">
        <v>115899451</v>
      </c>
      <c r="MN22" s="119">
        <v>97241407</v>
      </c>
      <c r="MO22" s="120">
        <v>352833713</v>
      </c>
      <c r="MP22" s="143">
        <v>352833713</v>
      </c>
      <c r="MQ22" s="142">
        <v>0</v>
      </c>
      <c r="MR22" s="119">
        <v>0</v>
      </c>
      <c r="MS22" s="120">
        <v>0</v>
      </c>
      <c r="MT22" s="145"/>
      <c r="MU22" s="119">
        <v>457062</v>
      </c>
      <c r="MV22" s="119">
        <v>3847982</v>
      </c>
      <c r="MW22" s="119">
        <v>50852035</v>
      </c>
      <c r="MX22" s="119">
        <v>73663432</v>
      </c>
      <c r="MY22" s="119">
        <v>65361727</v>
      </c>
      <c r="MZ22" s="120">
        <v>194182238</v>
      </c>
      <c r="NA22" s="143">
        <v>194182238</v>
      </c>
      <c r="NB22" s="142">
        <v>0</v>
      </c>
      <c r="NC22" s="119">
        <v>0</v>
      </c>
      <c r="ND22" s="120">
        <v>0</v>
      </c>
      <c r="NE22" s="145"/>
      <c r="NF22" s="119">
        <v>10902688</v>
      </c>
      <c r="NG22" s="119">
        <v>30779874</v>
      </c>
      <c r="NH22" s="119">
        <v>42484601</v>
      </c>
      <c r="NI22" s="119">
        <v>41097944</v>
      </c>
      <c r="NJ22" s="119">
        <v>26477182</v>
      </c>
      <c r="NK22" s="120">
        <v>151742289</v>
      </c>
      <c r="NL22" s="320">
        <v>151742289</v>
      </c>
      <c r="NM22" s="142">
        <v>0</v>
      </c>
      <c r="NN22" s="119">
        <v>0</v>
      </c>
      <c r="NO22" s="120">
        <v>0</v>
      </c>
      <c r="NP22" s="145"/>
      <c r="NQ22" s="119">
        <v>0</v>
      </c>
      <c r="NR22" s="119">
        <v>0</v>
      </c>
      <c r="NS22" s="119">
        <v>0</v>
      </c>
      <c r="NT22" s="119">
        <v>0</v>
      </c>
      <c r="NU22" s="119">
        <v>1400204</v>
      </c>
      <c r="NV22" s="120">
        <v>1400204</v>
      </c>
      <c r="NW22" s="121">
        <v>1400204</v>
      </c>
      <c r="NX22" s="142">
        <v>0</v>
      </c>
      <c r="NY22" s="119">
        <v>0</v>
      </c>
      <c r="NZ22" s="120">
        <v>0</v>
      </c>
      <c r="OA22" s="145"/>
      <c r="OB22" s="119">
        <v>0</v>
      </c>
      <c r="OC22" s="119">
        <v>0</v>
      </c>
      <c r="OD22" s="119">
        <v>368613</v>
      </c>
      <c r="OE22" s="119">
        <v>1138075</v>
      </c>
      <c r="OF22" s="119">
        <v>4002294</v>
      </c>
      <c r="OG22" s="120">
        <v>5508982</v>
      </c>
      <c r="OH22" s="121">
        <v>5508982</v>
      </c>
      <c r="OI22" s="142">
        <v>6600736</v>
      </c>
      <c r="OJ22" s="119">
        <v>16628030</v>
      </c>
      <c r="OK22" s="141">
        <v>23228766</v>
      </c>
      <c r="OL22" s="118">
        <v>0</v>
      </c>
      <c r="OM22" s="119">
        <v>114566961</v>
      </c>
      <c r="ON22" s="119">
        <v>234761245</v>
      </c>
      <c r="OO22" s="119">
        <v>277835474</v>
      </c>
      <c r="OP22" s="119">
        <v>286396235</v>
      </c>
      <c r="OQ22" s="119">
        <v>233905513</v>
      </c>
      <c r="OR22" s="120">
        <v>1147465428</v>
      </c>
      <c r="OS22" s="143">
        <v>1170694194</v>
      </c>
    </row>
    <row r="23" spans="2:409" ht="21" customHeight="1" x14ac:dyDescent="0.2">
      <c r="B23" s="62" t="s">
        <v>18</v>
      </c>
      <c r="C23" s="110">
        <v>7806348</v>
      </c>
      <c r="D23" s="114">
        <v>15565434</v>
      </c>
      <c r="E23" s="113">
        <v>23371782</v>
      </c>
      <c r="F23" s="109">
        <v>0</v>
      </c>
      <c r="G23" s="114">
        <v>130975172</v>
      </c>
      <c r="H23" s="114">
        <v>161531331</v>
      </c>
      <c r="I23" s="114">
        <v>149097563</v>
      </c>
      <c r="J23" s="114">
        <v>137100489</v>
      </c>
      <c r="K23" s="114">
        <v>99766130</v>
      </c>
      <c r="L23" s="109">
        <v>678470685</v>
      </c>
      <c r="M23" s="116">
        <v>701842467</v>
      </c>
      <c r="N23" s="110">
        <v>2061933</v>
      </c>
      <c r="O23" s="114">
        <v>3988992</v>
      </c>
      <c r="P23" s="113">
        <v>6050925</v>
      </c>
      <c r="Q23" s="110">
        <v>0</v>
      </c>
      <c r="R23" s="114">
        <v>37249156</v>
      </c>
      <c r="S23" s="114">
        <v>48714077</v>
      </c>
      <c r="T23" s="114">
        <v>46714262</v>
      </c>
      <c r="U23" s="114">
        <v>52825128</v>
      </c>
      <c r="V23" s="114">
        <v>48892348</v>
      </c>
      <c r="W23" s="113">
        <v>234394971</v>
      </c>
      <c r="X23" s="116">
        <v>240445896</v>
      </c>
      <c r="Y23" s="110">
        <v>0</v>
      </c>
      <c r="Z23" s="114">
        <v>0</v>
      </c>
      <c r="AA23" s="113">
        <v>0</v>
      </c>
      <c r="AB23" s="110">
        <v>0</v>
      </c>
      <c r="AC23" s="114">
        <v>17662078</v>
      </c>
      <c r="AD23" s="114">
        <v>24216668</v>
      </c>
      <c r="AE23" s="114">
        <v>26595559</v>
      </c>
      <c r="AF23" s="114">
        <v>34409757</v>
      </c>
      <c r="AG23" s="114">
        <v>28983518</v>
      </c>
      <c r="AH23" s="113">
        <v>131867580</v>
      </c>
      <c r="AI23" s="116">
        <v>131867580</v>
      </c>
      <c r="AJ23" s="110">
        <v>0</v>
      </c>
      <c r="AK23" s="114">
        <v>0</v>
      </c>
      <c r="AL23" s="113">
        <v>0</v>
      </c>
      <c r="AM23" s="110">
        <v>0</v>
      </c>
      <c r="AN23" s="114">
        <v>117047</v>
      </c>
      <c r="AO23" s="114">
        <v>637574</v>
      </c>
      <c r="AP23" s="114">
        <v>1135258</v>
      </c>
      <c r="AQ23" s="114">
        <v>2429461</v>
      </c>
      <c r="AR23" s="114">
        <v>5580490</v>
      </c>
      <c r="AS23" s="113">
        <v>9899830</v>
      </c>
      <c r="AT23" s="116">
        <v>9899830</v>
      </c>
      <c r="AU23" s="110">
        <v>1147277</v>
      </c>
      <c r="AV23" s="114">
        <v>2906867</v>
      </c>
      <c r="AW23" s="113">
        <v>4054144</v>
      </c>
      <c r="AX23" s="110">
        <v>0</v>
      </c>
      <c r="AY23" s="114">
        <v>12166094</v>
      </c>
      <c r="AZ23" s="114">
        <v>14171704</v>
      </c>
      <c r="BA23" s="114">
        <v>10492955</v>
      </c>
      <c r="BB23" s="114">
        <v>8291142</v>
      </c>
      <c r="BC23" s="114">
        <v>7723644</v>
      </c>
      <c r="BD23" s="113">
        <v>52845539</v>
      </c>
      <c r="BE23" s="116">
        <v>56899683</v>
      </c>
      <c r="BF23" s="110">
        <v>174486</v>
      </c>
      <c r="BG23" s="114">
        <v>380203</v>
      </c>
      <c r="BH23" s="112">
        <v>554689</v>
      </c>
      <c r="BI23" s="111">
        <v>0</v>
      </c>
      <c r="BJ23" s="114">
        <v>1369423</v>
      </c>
      <c r="BK23" s="114">
        <v>2394581</v>
      </c>
      <c r="BL23" s="114">
        <v>1662736</v>
      </c>
      <c r="BM23" s="114">
        <v>756855</v>
      </c>
      <c r="BN23" s="114">
        <v>1054676</v>
      </c>
      <c r="BO23" s="113">
        <v>7238271</v>
      </c>
      <c r="BP23" s="116">
        <v>7792960</v>
      </c>
      <c r="BQ23" s="110">
        <v>740170</v>
      </c>
      <c r="BR23" s="114">
        <v>701922</v>
      </c>
      <c r="BS23" s="113">
        <v>1442092</v>
      </c>
      <c r="BT23" s="110">
        <v>0</v>
      </c>
      <c r="BU23" s="114">
        <v>5934514</v>
      </c>
      <c r="BV23" s="114">
        <v>7293550</v>
      </c>
      <c r="BW23" s="114">
        <v>6827754</v>
      </c>
      <c r="BX23" s="114">
        <v>6937913</v>
      </c>
      <c r="BY23" s="114">
        <v>5550020</v>
      </c>
      <c r="BZ23" s="113">
        <v>32543751</v>
      </c>
      <c r="CA23" s="116">
        <v>33985843</v>
      </c>
      <c r="CB23" s="110">
        <v>1226277</v>
      </c>
      <c r="CC23" s="114">
        <v>3447407</v>
      </c>
      <c r="CD23" s="113">
        <v>4673684</v>
      </c>
      <c r="CE23" s="110">
        <v>0</v>
      </c>
      <c r="CF23" s="114">
        <v>40620130</v>
      </c>
      <c r="CG23" s="114">
        <v>46841550</v>
      </c>
      <c r="CH23" s="114">
        <v>38589958</v>
      </c>
      <c r="CI23" s="114">
        <v>26235296</v>
      </c>
      <c r="CJ23" s="114">
        <v>11373350</v>
      </c>
      <c r="CK23" s="113">
        <v>163660284</v>
      </c>
      <c r="CL23" s="116">
        <v>168333968</v>
      </c>
      <c r="CM23" s="110">
        <v>0</v>
      </c>
      <c r="CN23" s="114">
        <v>0</v>
      </c>
      <c r="CO23" s="113">
        <v>0</v>
      </c>
      <c r="CP23" s="111">
        <v>0</v>
      </c>
      <c r="CQ23" s="114">
        <v>32643748</v>
      </c>
      <c r="CR23" s="114">
        <v>35969597</v>
      </c>
      <c r="CS23" s="114">
        <v>31680743</v>
      </c>
      <c r="CT23" s="114">
        <v>20504508</v>
      </c>
      <c r="CU23" s="114">
        <v>9540745</v>
      </c>
      <c r="CV23" s="113">
        <v>130339341</v>
      </c>
      <c r="CW23" s="116">
        <v>130339341</v>
      </c>
      <c r="CX23" s="110">
        <v>1226277</v>
      </c>
      <c r="CY23" s="114">
        <v>3447407</v>
      </c>
      <c r="CZ23" s="113">
        <v>4673684</v>
      </c>
      <c r="DA23" s="110">
        <v>0</v>
      </c>
      <c r="DB23" s="114">
        <v>7976382</v>
      </c>
      <c r="DC23" s="114">
        <v>10871953</v>
      </c>
      <c r="DD23" s="114">
        <v>6909215</v>
      </c>
      <c r="DE23" s="114">
        <v>5730788</v>
      </c>
      <c r="DF23" s="114">
        <v>1832605</v>
      </c>
      <c r="DG23" s="113">
        <v>33320943</v>
      </c>
      <c r="DH23" s="116">
        <v>37994627</v>
      </c>
      <c r="DI23" s="110">
        <v>0</v>
      </c>
      <c r="DJ23" s="114">
        <v>67669</v>
      </c>
      <c r="DK23" s="112">
        <v>67669</v>
      </c>
      <c r="DL23" s="111">
        <v>0</v>
      </c>
      <c r="DM23" s="114">
        <v>3604877</v>
      </c>
      <c r="DN23" s="114">
        <v>7377608</v>
      </c>
      <c r="DO23" s="114">
        <v>18970954</v>
      </c>
      <c r="DP23" s="114">
        <v>14205085</v>
      </c>
      <c r="DQ23" s="114">
        <v>8262554</v>
      </c>
      <c r="DR23" s="113">
        <v>52421078</v>
      </c>
      <c r="DS23" s="116">
        <v>52488747</v>
      </c>
      <c r="DT23" s="110">
        <v>0</v>
      </c>
      <c r="DU23" s="114">
        <v>67669</v>
      </c>
      <c r="DV23" s="113">
        <v>67669</v>
      </c>
      <c r="DW23" s="110">
        <v>0</v>
      </c>
      <c r="DX23" s="114">
        <v>3586718</v>
      </c>
      <c r="DY23" s="114">
        <v>7280401</v>
      </c>
      <c r="DZ23" s="114">
        <v>18368140</v>
      </c>
      <c r="EA23" s="114">
        <v>13824770</v>
      </c>
      <c r="EB23" s="114">
        <v>8216950</v>
      </c>
      <c r="EC23" s="113">
        <v>51276979</v>
      </c>
      <c r="ED23" s="116">
        <v>51344648</v>
      </c>
      <c r="EE23" s="110">
        <v>0</v>
      </c>
      <c r="EF23" s="112">
        <v>0</v>
      </c>
      <c r="EG23" s="113">
        <v>0</v>
      </c>
      <c r="EH23" s="110">
        <v>0</v>
      </c>
      <c r="EI23" s="114">
        <v>18159</v>
      </c>
      <c r="EJ23" s="114">
        <v>97207</v>
      </c>
      <c r="EK23" s="114">
        <v>602814</v>
      </c>
      <c r="EL23" s="114">
        <v>380315</v>
      </c>
      <c r="EM23" s="114">
        <v>45604</v>
      </c>
      <c r="EN23" s="112">
        <v>1144099</v>
      </c>
      <c r="EO23" s="116">
        <v>1144099</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1432160</v>
      </c>
      <c r="FM23" s="114">
        <v>3713229</v>
      </c>
      <c r="FN23" s="113">
        <v>5145389</v>
      </c>
      <c r="FO23" s="110">
        <v>0</v>
      </c>
      <c r="FP23" s="114">
        <v>6792407</v>
      </c>
      <c r="FQ23" s="114">
        <v>15382886</v>
      </c>
      <c r="FR23" s="114">
        <v>10887326</v>
      </c>
      <c r="FS23" s="114">
        <v>11037398</v>
      </c>
      <c r="FT23" s="114">
        <v>7954758</v>
      </c>
      <c r="FU23" s="113">
        <v>52054775</v>
      </c>
      <c r="FV23" s="116">
        <v>57200164</v>
      </c>
      <c r="FW23" s="115">
        <v>1046375</v>
      </c>
      <c r="FX23" s="114">
        <v>2698289</v>
      </c>
      <c r="FY23" s="112">
        <v>3744664</v>
      </c>
      <c r="FZ23" s="111">
        <v>0</v>
      </c>
      <c r="GA23" s="114">
        <v>5903127</v>
      </c>
      <c r="GB23" s="114">
        <v>13871416</v>
      </c>
      <c r="GC23" s="114">
        <v>10096288</v>
      </c>
      <c r="GD23" s="114">
        <v>10341032</v>
      </c>
      <c r="GE23" s="114">
        <v>7545303</v>
      </c>
      <c r="GF23" s="113">
        <v>47757166</v>
      </c>
      <c r="GG23" s="318">
        <v>51501830</v>
      </c>
      <c r="GH23" s="115">
        <v>67815</v>
      </c>
      <c r="GI23" s="114">
        <v>128913</v>
      </c>
      <c r="GJ23" s="112">
        <v>196728</v>
      </c>
      <c r="GK23" s="111">
        <v>0</v>
      </c>
      <c r="GL23" s="114">
        <v>297080</v>
      </c>
      <c r="GM23" s="114">
        <v>383977</v>
      </c>
      <c r="GN23" s="114">
        <v>406768</v>
      </c>
      <c r="GO23" s="114">
        <v>173376</v>
      </c>
      <c r="GP23" s="114">
        <v>146835</v>
      </c>
      <c r="GQ23" s="113">
        <v>1408036</v>
      </c>
      <c r="GR23" s="116">
        <v>1604764</v>
      </c>
      <c r="GS23" s="110">
        <v>317970</v>
      </c>
      <c r="GT23" s="114">
        <v>886027</v>
      </c>
      <c r="GU23" s="113">
        <v>1203997</v>
      </c>
      <c r="GV23" s="110">
        <v>0</v>
      </c>
      <c r="GW23" s="114">
        <v>592200</v>
      </c>
      <c r="GX23" s="114">
        <v>1127493</v>
      </c>
      <c r="GY23" s="114">
        <v>384270</v>
      </c>
      <c r="GZ23" s="114">
        <v>522990</v>
      </c>
      <c r="HA23" s="114">
        <v>262620</v>
      </c>
      <c r="HB23" s="112">
        <v>2889573</v>
      </c>
      <c r="HC23" s="116">
        <v>4093570</v>
      </c>
      <c r="HD23" s="110">
        <v>1610135</v>
      </c>
      <c r="HE23" s="114">
        <v>1430965</v>
      </c>
      <c r="HF23" s="112">
        <v>3041100</v>
      </c>
      <c r="HG23" s="111">
        <v>0</v>
      </c>
      <c r="HH23" s="114">
        <v>19505010</v>
      </c>
      <c r="HI23" s="114">
        <v>21873405</v>
      </c>
      <c r="HJ23" s="114">
        <v>18556734</v>
      </c>
      <c r="HK23" s="114">
        <v>22681271</v>
      </c>
      <c r="HL23" s="114">
        <v>17393945</v>
      </c>
      <c r="HM23" s="113">
        <v>100010365</v>
      </c>
      <c r="HN23" s="109">
        <v>103051465</v>
      </c>
      <c r="HO23" s="115">
        <v>1475843</v>
      </c>
      <c r="HP23" s="114">
        <v>2917172</v>
      </c>
      <c r="HQ23" s="113">
        <v>4393015</v>
      </c>
      <c r="HR23" s="110">
        <v>0</v>
      </c>
      <c r="HS23" s="114">
        <v>23203592</v>
      </c>
      <c r="HT23" s="114">
        <v>21341805</v>
      </c>
      <c r="HU23" s="114">
        <v>15378329</v>
      </c>
      <c r="HV23" s="114">
        <v>10116311</v>
      </c>
      <c r="HW23" s="114">
        <v>5889175</v>
      </c>
      <c r="HX23" s="112">
        <v>75929212</v>
      </c>
      <c r="HY23" s="116">
        <v>80322227</v>
      </c>
      <c r="HZ23" s="131">
        <v>618138</v>
      </c>
      <c r="IA23" s="132">
        <v>2113045</v>
      </c>
      <c r="IB23" s="133">
        <v>2731183</v>
      </c>
      <c r="IC23" s="146">
        <v>0</v>
      </c>
      <c r="ID23" s="132">
        <v>28765431</v>
      </c>
      <c r="IE23" s="147">
        <v>43944975</v>
      </c>
      <c r="IF23" s="133">
        <v>55495639</v>
      </c>
      <c r="IG23" s="132">
        <v>39905429</v>
      </c>
      <c r="IH23" s="133">
        <v>25988262</v>
      </c>
      <c r="II23" s="148">
        <v>194099736</v>
      </c>
      <c r="IJ23" s="139">
        <v>196830919</v>
      </c>
      <c r="IK23" s="232">
        <v>0</v>
      </c>
      <c r="IL23" s="236">
        <v>0</v>
      </c>
      <c r="IM23" s="237">
        <v>0</v>
      </c>
      <c r="IN23" s="140"/>
      <c r="IO23" s="119">
        <v>142630</v>
      </c>
      <c r="IP23" s="119">
        <v>396631</v>
      </c>
      <c r="IQ23" s="119">
        <v>431169</v>
      </c>
      <c r="IR23" s="119">
        <v>257343</v>
      </c>
      <c r="IS23" s="119">
        <v>225011</v>
      </c>
      <c r="IT23" s="141">
        <v>1452784</v>
      </c>
      <c r="IU23" s="320">
        <v>1452784</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9128325</v>
      </c>
      <c r="JL23" s="119">
        <v>10404221</v>
      </c>
      <c r="JM23" s="119">
        <v>8531724</v>
      </c>
      <c r="JN23" s="119">
        <v>4072380</v>
      </c>
      <c r="JO23" s="119">
        <v>1666927</v>
      </c>
      <c r="JP23" s="120">
        <v>33803577</v>
      </c>
      <c r="JQ23" s="320">
        <v>33803577</v>
      </c>
      <c r="JR23" s="142">
        <v>0</v>
      </c>
      <c r="JS23" s="119">
        <v>0</v>
      </c>
      <c r="JT23" s="141">
        <v>0</v>
      </c>
      <c r="JU23" s="118">
        <v>0</v>
      </c>
      <c r="JV23" s="119">
        <v>926989</v>
      </c>
      <c r="JW23" s="119">
        <v>382814</v>
      </c>
      <c r="JX23" s="119">
        <v>2935318</v>
      </c>
      <c r="JY23" s="119">
        <v>1294808</v>
      </c>
      <c r="JZ23" s="119">
        <v>1657921</v>
      </c>
      <c r="KA23" s="120">
        <v>7197850</v>
      </c>
      <c r="KB23" s="320">
        <v>7197850</v>
      </c>
      <c r="KC23" s="234">
        <v>618138</v>
      </c>
      <c r="KD23" s="230">
        <v>1098090</v>
      </c>
      <c r="KE23" s="120">
        <v>1716228</v>
      </c>
      <c r="KF23" s="118">
        <v>0</v>
      </c>
      <c r="KG23" s="119">
        <v>5473349</v>
      </c>
      <c r="KH23" s="119">
        <v>10397805</v>
      </c>
      <c r="KI23" s="119">
        <v>12382304</v>
      </c>
      <c r="KJ23" s="119">
        <v>6858227</v>
      </c>
      <c r="KK23" s="119">
        <v>4435160</v>
      </c>
      <c r="KL23" s="120">
        <v>39546845</v>
      </c>
      <c r="KM23" s="143">
        <v>41263073</v>
      </c>
      <c r="KN23" s="232">
        <v>0</v>
      </c>
      <c r="KO23" s="236">
        <v>1014955</v>
      </c>
      <c r="KP23" s="237">
        <v>1014955</v>
      </c>
      <c r="KQ23" s="140"/>
      <c r="KR23" s="119">
        <v>12855075</v>
      </c>
      <c r="KS23" s="119">
        <v>19795550</v>
      </c>
      <c r="KT23" s="119">
        <v>27447187</v>
      </c>
      <c r="KU23" s="119">
        <v>16766147</v>
      </c>
      <c r="KV23" s="119">
        <v>9070692</v>
      </c>
      <c r="KW23" s="120">
        <v>85934651</v>
      </c>
      <c r="KX23" s="320">
        <v>86949606</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548272</v>
      </c>
      <c r="LP23" s="119">
        <v>1424208</v>
      </c>
      <c r="LQ23" s="119">
        <v>5020322</v>
      </c>
      <c r="LR23" s="119">
        <v>1313067</v>
      </c>
      <c r="LS23" s="120">
        <v>8305869</v>
      </c>
      <c r="LT23" s="320">
        <v>8305869</v>
      </c>
      <c r="LU23" s="142">
        <v>0</v>
      </c>
      <c r="LV23" s="119">
        <v>0</v>
      </c>
      <c r="LW23" s="120">
        <v>0</v>
      </c>
      <c r="LX23" s="145"/>
      <c r="LY23" s="119">
        <v>239063</v>
      </c>
      <c r="LZ23" s="119">
        <v>2019682</v>
      </c>
      <c r="MA23" s="119">
        <v>2343729</v>
      </c>
      <c r="MB23" s="119">
        <v>5636202</v>
      </c>
      <c r="MC23" s="119">
        <v>7619484</v>
      </c>
      <c r="MD23" s="120">
        <v>17858160</v>
      </c>
      <c r="ME23" s="121">
        <v>17858160</v>
      </c>
      <c r="MF23" s="142">
        <v>0</v>
      </c>
      <c r="MG23" s="119">
        <v>0</v>
      </c>
      <c r="MH23" s="120">
        <v>0</v>
      </c>
      <c r="MI23" s="145"/>
      <c r="MJ23" s="119">
        <v>11613173</v>
      </c>
      <c r="MK23" s="119">
        <v>20281152</v>
      </c>
      <c r="ML23" s="119">
        <v>81314508</v>
      </c>
      <c r="MM23" s="119">
        <v>150919046</v>
      </c>
      <c r="MN23" s="119">
        <v>113438399</v>
      </c>
      <c r="MO23" s="120">
        <v>377566278</v>
      </c>
      <c r="MP23" s="143">
        <v>377566278</v>
      </c>
      <c r="MQ23" s="142">
        <v>0</v>
      </c>
      <c r="MR23" s="119">
        <v>0</v>
      </c>
      <c r="MS23" s="120">
        <v>0</v>
      </c>
      <c r="MT23" s="145"/>
      <c r="MU23" s="119">
        <v>1155090</v>
      </c>
      <c r="MV23" s="119">
        <v>3995782</v>
      </c>
      <c r="MW23" s="119">
        <v>46880668</v>
      </c>
      <c r="MX23" s="119">
        <v>111568869</v>
      </c>
      <c r="MY23" s="119">
        <v>78674158</v>
      </c>
      <c r="MZ23" s="120">
        <v>242274567</v>
      </c>
      <c r="NA23" s="143">
        <v>242274567</v>
      </c>
      <c r="NB23" s="142">
        <v>0</v>
      </c>
      <c r="NC23" s="119">
        <v>0</v>
      </c>
      <c r="ND23" s="120">
        <v>0</v>
      </c>
      <c r="NE23" s="145"/>
      <c r="NF23" s="119">
        <v>10458083</v>
      </c>
      <c r="NG23" s="119">
        <v>16285370</v>
      </c>
      <c r="NH23" s="119">
        <v>34029601</v>
      </c>
      <c r="NI23" s="119">
        <v>36090313</v>
      </c>
      <c r="NJ23" s="119">
        <v>24834561</v>
      </c>
      <c r="NK23" s="120">
        <v>121697928</v>
      </c>
      <c r="NL23" s="320">
        <v>121697928</v>
      </c>
      <c r="NM23" s="142">
        <v>0</v>
      </c>
      <c r="NN23" s="119">
        <v>0</v>
      </c>
      <c r="NO23" s="120">
        <v>0</v>
      </c>
      <c r="NP23" s="145"/>
      <c r="NQ23" s="119">
        <v>0</v>
      </c>
      <c r="NR23" s="119">
        <v>0</v>
      </c>
      <c r="NS23" s="119">
        <v>0</v>
      </c>
      <c r="NT23" s="119">
        <v>380709</v>
      </c>
      <c r="NU23" s="119">
        <v>1571669</v>
      </c>
      <c r="NV23" s="120">
        <v>1952378</v>
      </c>
      <c r="NW23" s="121">
        <v>1952378</v>
      </c>
      <c r="NX23" s="142">
        <v>0</v>
      </c>
      <c r="NY23" s="119">
        <v>0</v>
      </c>
      <c r="NZ23" s="120">
        <v>0</v>
      </c>
      <c r="OA23" s="145"/>
      <c r="OB23" s="119">
        <v>0</v>
      </c>
      <c r="OC23" s="119">
        <v>0</v>
      </c>
      <c r="OD23" s="119">
        <v>404239</v>
      </c>
      <c r="OE23" s="119">
        <v>2879155</v>
      </c>
      <c r="OF23" s="119">
        <v>8358011</v>
      </c>
      <c r="OG23" s="120">
        <v>11641405</v>
      </c>
      <c r="OH23" s="121">
        <v>11641405</v>
      </c>
      <c r="OI23" s="142">
        <v>8424486</v>
      </c>
      <c r="OJ23" s="119">
        <v>17678479</v>
      </c>
      <c r="OK23" s="141">
        <v>26102965</v>
      </c>
      <c r="OL23" s="118">
        <v>0</v>
      </c>
      <c r="OM23" s="119">
        <v>171353776</v>
      </c>
      <c r="ON23" s="119">
        <v>225757458</v>
      </c>
      <c r="OO23" s="119">
        <v>285907710</v>
      </c>
      <c r="OP23" s="119">
        <v>327924964</v>
      </c>
      <c r="OQ23" s="119">
        <v>239192791</v>
      </c>
      <c r="OR23" s="120">
        <v>1250136699</v>
      </c>
      <c r="OS23" s="143">
        <v>1276239664</v>
      </c>
    </row>
    <row r="24" spans="2:409" ht="21" customHeight="1" x14ac:dyDescent="0.2">
      <c r="B24" s="62" t="s">
        <v>19</v>
      </c>
      <c r="C24" s="110">
        <v>5202052</v>
      </c>
      <c r="D24" s="114">
        <v>8854276</v>
      </c>
      <c r="E24" s="113">
        <v>14056328</v>
      </c>
      <c r="F24" s="109">
        <v>0</v>
      </c>
      <c r="G24" s="114">
        <v>57787937</v>
      </c>
      <c r="H24" s="114">
        <v>68091076</v>
      </c>
      <c r="I24" s="114">
        <v>56702837</v>
      </c>
      <c r="J24" s="114">
        <v>46587962</v>
      </c>
      <c r="K24" s="114">
        <v>34714749</v>
      </c>
      <c r="L24" s="109">
        <v>263884561</v>
      </c>
      <c r="M24" s="116">
        <v>277940889</v>
      </c>
      <c r="N24" s="110">
        <v>1155460</v>
      </c>
      <c r="O24" s="114">
        <v>1839609</v>
      </c>
      <c r="P24" s="113">
        <v>2995069</v>
      </c>
      <c r="Q24" s="110">
        <v>0</v>
      </c>
      <c r="R24" s="114">
        <v>13845618</v>
      </c>
      <c r="S24" s="114">
        <v>16797647</v>
      </c>
      <c r="T24" s="114">
        <v>16131813</v>
      </c>
      <c r="U24" s="114">
        <v>16934272</v>
      </c>
      <c r="V24" s="114">
        <v>15089613</v>
      </c>
      <c r="W24" s="113">
        <v>78798963</v>
      </c>
      <c r="X24" s="116">
        <v>81794032</v>
      </c>
      <c r="Y24" s="110">
        <v>0</v>
      </c>
      <c r="Z24" s="114">
        <v>0</v>
      </c>
      <c r="AA24" s="113">
        <v>0</v>
      </c>
      <c r="AB24" s="110">
        <v>0</v>
      </c>
      <c r="AC24" s="114">
        <v>5605469</v>
      </c>
      <c r="AD24" s="114">
        <v>7329324</v>
      </c>
      <c r="AE24" s="114">
        <v>8266577</v>
      </c>
      <c r="AF24" s="114">
        <v>9814629</v>
      </c>
      <c r="AG24" s="114">
        <v>7565817</v>
      </c>
      <c r="AH24" s="113">
        <v>38581816</v>
      </c>
      <c r="AI24" s="116">
        <v>38581816</v>
      </c>
      <c r="AJ24" s="110">
        <v>0</v>
      </c>
      <c r="AK24" s="114">
        <v>0</v>
      </c>
      <c r="AL24" s="113">
        <v>0</v>
      </c>
      <c r="AM24" s="110">
        <v>0</v>
      </c>
      <c r="AN24" s="114">
        <v>159336</v>
      </c>
      <c r="AO24" s="114">
        <v>311025</v>
      </c>
      <c r="AP24" s="114">
        <v>714709</v>
      </c>
      <c r="AQ24" s="114">
        <v>1309392</v>
      </c>
      <c r="AR24" s="114">
        <v>1779111</v>
      </c>
      <c r="AS24" s="113">
        <v>4273573</v>
      </c>
      <c r="AT24" s="116">
        <v>4273573</v>
      </c>
      <c r="AU24" s="110">
        <v>712276</v>
      </c>
      <c r="AV24" s="114">
        <v>1438334</v>
      </c>
      <c r="AW24" s="113">
        <v>2150610</v>
      </c>
      <c r="AX24" s="110">
        <v>0</v>
      </c>
      <c r="AY24" s="114">
        <v>5208659</v>
      </c>
      <c r="AZ24" s="114">
        <v>5929138</v>
      </c>
      <c r="BA24" s="114">
        <v>4283335</v>
      </c>
      <c r="BB24" s="114">
        <v>3152359</v>
      </c>
      <c r="BC24" s="114">
        <v>3719147</v>
      </c>
      <c r="BD24" s="113">
        <v>22292638</v>
      </c>
      <c r="BE24" s="116">
        <v>24443248</v>
      </c>
      <c r="BF24" s="110">
        <v>13868</v>
      </c>
      <c r="BG24" s="114">
        <v>82319</v>
      </c>
      <c r="BH24" s="112">
        <v>96187</v>
      </c>
      <c r="BI24" s="111">
        <v>0</v>
      </c>
      <c r="BJ24" s="114">
        <v>749297</v>
      </c>
      <c r="BK24" s="114">
        <v>447206</v>
      </c>
      <c r="BL24" s="114">
        <v>343542</v>
      </c>
      <c r="BM24" s="114">
        <v>375208</v>
      </c>
      <c r="BN24" s="114">
        <v>158198</v>
      </c>
      <c r="BO24" s="113">
        <v>2073451</v>
      </c>
      <c r="BP24" s="116">
        <v>2169638</v>
      </c>
      <c r="BQ24" s="110">
        <v>429316</v>
      </c>
      <c r="BR24" s="114">
        <v>318956</v>
      </c>
      <c r="BS24" s="113">
        <v>748272</v>
      </c>
      <c r="BT24" s="110">
        <v>0</v>
      </c>
      <c r="BU24" s="114">
        <v>2122857</v>
      </c>
      <c r="BV24" s="114">
        <v>2780954</v>
      </c>
      <c r="BW24" s="114">
        <v>2523650</v>
      </c>
      <c r="BX24" s="114">
        <v>2282684</v>
      </c>
      <c r="BY24" s="114">
        <v>1867340</v>
      </c>
      <c r="BZ24" s="113">
        <v>11577485</v>
      </c>
      <c r="CA24" s="116">
        <v>12325757</v>
      </c>
      <c r="CB24" s="110">
        <v>833422</v>
      </c>
      <c r="CC24" s="114">
        <v>2479188</v>
      </c>
      <c r="CD24" s="113">
        <v>3312610</v>
      </c>
      <c r="CE24" s="110">
        <v>0</v>
      </c>
      <c r="CF24" s="114">
        <v>17441266</v>
      </c>
      <c r="CG24" s="114">
        <v>22124138</v>
      </c>
      <c r="CH24" s="114">
        <v>15852562</v>
      </c>
      <c r="CI24" s="114">
        <v>8876193</v>
      </c>
      <c r="CJ24" s="114">
        <v>5410245</v>
      </c>
      <c r="CK24" s="113">
        <v>69704404</v>
      </c>
      <c r="CL24" s="116">
        <v>73017014</v>
      </c>
      <c r="CM24" s="110">
        <v>0</v>
      </c>
      <c r="CN24" s="114">
        <v>0</v>
      </c>
      <c r="CO24" s="113">
        <v>0</v>
      </c>
      <c r="CP24" s="111">
        <v>0</v>
      </c>
      <c r="CQ24" s="114">
        <v>12813856</v>
      </c>
      <c r="CR24" s="114">
        <v>16102397</v>
      </c>
      <c r="CS24" s="114">
        <v>11405458</v>
      </c>
      <c r="CT24" s="114">
        <v>5984727</v>
      </c>
      <c r="CU24" s="114">
        <v>4221375</v>
      </c>
      <c r="CV24" s="113">
        <v>50527813</v>
      </c>
      <c r="CW24" s="116">
        <v>50527813</v>
      </c>
      <c r="CX24" s="110">
        <v>833422</v>
      </c>
      <c r="CY24" s="114">
        <v>2479188</v>
      </c>
      <c r="CZ24" s="113">
        <v>3312610</v>
      </c>
      <c r="DA24" s="110">
        <v>0</v>
      </c>
      <c r="DB24" s="114">
        <v>4627410</v>
      </c>
      <c r="DC24" s="114">
        <v>6021741</v>
      </c>
      <c r="DD24" s="114">
        <v>4447104</v>
      </c>
      <c r="DE24" s="114">
        <v>2891466</v>
      </c>
      <c r="DF24" s="114">
        <v>1188870</v>
      </c>
      <c r="DG24" s="113">
        <v>19176591</v>
      </c>
      <c r="DH24" s="116">
        <v>22489201</v>
      </c>
      <c r="DI24" s="110">
        <v>0</v>
      </c>
      <c r="DJ24" s="114">
        <v>141298</v>
      </c>
      <c r="DK24" s="112">
        <v>141298</v>
      </c>
      <c r="DL24" s="111">
        <v>0</v>
      </c>
      <c r="DM24" s="114">
        <v>1368002</v>
      </c>
      <c r="DN24" s="114">
        <v>3667972</v>
      </c>
      <c r="DO24" s="114">
        <v>4671325</v>
      </c>
      <c r="DP24" s="114">
        <v>2974184</v>
      </c>
      <c r="DQ24" s="114">
        <v>1604639</v>
      </c>
      <c r="DR24" s="113">
        <v>14286122</v>
      </c>
      <c r="DS24" s="116">
        <v>14427420</v>
      </c>
      <c r="DT24" s="110">
        <v>0</v>
      </c>
      <c r="DU24" s="114">
        <v>112341</v>
      </c>
      <c r="DV24" s="113">
        <v>112341</v>
      </c>
      <c r="DW24" s="110">
        <v>0</v>
      </c>
      <c r="DX24" s="114">
        <v>1001260</v>
      </c>
      <c r="DY24" s="114">
        <v>2492408</v>
      </c>
      <c r="DZ24" s="114">
        <v>4225996</v>
      </c>
      <c r="EA24" s="114">
        <v>1570023</v>
      </c>
      <c r="EB24" s="114">
        <v>1351364</v>
      </c>
      <c r="EC24" s="113">
        <v>10641051</v>
      </c>
      <c r="ED24" s="116">
        <v>10753392</v>
      </c>
      <c r="EE24" s="110">
        <v>0</v>
      </c>
      <c r="EF24" s="112">
        <v>28957</v>
      </c>
      <c r="EG24" s="113">
        <v>28957</v>
      </c>
      <c r="EH24" s="110">
        <v>0</v>
      </c>
      <c r="EI24" s="114">
        <v>366742</v>
      </c>
      <c r="EJ24" s="114">
        <v>1175564</v>
      </c>
      <c r="EK24" s="114">
        <v>445329</v>
      </c>
      <c r="EL24" s="114">
        <v>1404161</v>
      </c>
      <c r="EM24" s="114">
        <v>253275</v>
      </c>
      <c r="EN24" s="112">
        <v>3645071</v>
      </c>
      <c r="EO24" s="116">
        <v>3674028</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469609</v>
      </c>
      <c r="FM24" s="114">
        <v>1762168</v>
      </c>
      <c r="FN24" s="113">
        <v>3231777</v>
      </c>
      <c r="FO24" s="110">
        <v>0</v>
      </c>
      <c r="FP24" s="114">
        <v>3720576</v>
      </c>
      <c r="FQ24" s="114">
        <v>6635494</v>
      </c>
      <c r="FR24" s="114">
        <v>4554826</v>
      </c>
      <c r="FS24" s="114">
        <v>3871834</v>
      </c>
      <c r="FT24" s="114">
        <v>3443775</v>
      </c>
      <c r="FU24" s="113">
        <v>22226505</v>
      </c>
      <c r="FV24" s="116">
        <v>25458282</v>
      </c>
      <c r="FW24" s="115">
        <v>733475</v>
      </c>
      <c r="FX24" s="114">
        <v>1411828</v>
      </c>
      <c r="FY24" s="112">
        <v>2145303</v>
      </c>
      <c r="FZ24" s="111">
        <v>0</v>
      </c>
      <c r="GA24" s="114">
        <v>3407780</v>
      </c>
      <c r="GB24" s="114">
        <v>5886434</v>
      </c>
      <c r="GC24" s="114">
        <v>4419340</v>
      </c>
      <c r="GD24" s="114">
        <v>3655204</v>
      </c>
      <c r="GE24" s="114">
        <v>3303775</v>
      </c>
      <c r="GF24" s="113">
        <v>20672533</v>
      </c>
      <c r="GG24" s="318">
        <v>22817836</v>
      </c>
      <c r="GH24" s="115">
        <v>59400</v>
      </c>
      <c r="GI24" s="114">
        <v>231685</v>
      </c>
      <c r="GJ24" s="112">
        <v>291085</v>
      </c>
      <c r="GK24" s="111">
        <v>0</v>
      </c>
      <c r="GL24" s="114">
        <v>71596</v>
      </c>
      <c r="GM24" s="114">
        <v>234058</v>
      </c>
      <c r="GN24" s="114">
        <v>135486</v>
      </c>
      <c r="GO24" s="114">
        <v>36630</v>
      </c>
      <c r="GP24" s="114">
        <v>0</v>
      </c>
      <c r="GQ24" s="113">
        <v>477770</v>
      </c>
      <c r="GR24" s="116">
        <v>768855</v>
      </c>
      <c r="GS24" s="110">
        <v>676734</v>
      </c>
      <c r="GT24" s="114">
        <v>118655</v>
      </c>
      <c r="GU24" s="113">
        <v>795389</v>
      </c>
      <c r="GV24" s="110">
        <v>0</v>
      </c>
      <c r="GW24" s="114">
        <v>241200</v>
      </c>
      <c r="GX24" s="114">
        <v>515002</v>
      </c>
      <c r="GY24" s="114">
        <v>0</v>
      </c>
      <c r="GZ24" s="114">
        <v>180000</v>
      </c>
      <c r="HA24" s="114">
        <v>140000</v>
      </c>
      <c r="HB24" s="112">
        <v>1076202</v>
      </c>
      <c r="HC24" s="116">
        <v>1871591</v>
      </c>
      <c r="HD24" s="110">
        <v>902149</v>
      </c>
      <c r="HE24" s="114">
        <v>1263247</v>
      </c>
      <c r="HF24" s="112">
        <v>2165396</v>
      </c>
      <c r="HG24" s="111">
        <v>0</v>
      </c>
      <c r="HH24" s="114">
        <v>10893884</v>
      </c>
      <c r="HI24" s="114">
        <v>10578183</v>
      </c>
      <c r="HJ24" s="114">
        <v>10169731</v>
      </c>
      <c r="HK24" s="114">
        <v>10638590</v>
      </c>
      <c r="HL24" s="114">
        <v>6919234</v>
      </c>
      <c r="HM24" s="113">
        <v>49199622</v>
      </c>
      <c r="HN24" s="109">
        <v>51365018</v>
      </c>
      <c r="HO24" s="115">
        <v>841412</v>
      </c>
      <c r="HP24" s="114">
        <v>1368766</v>
      </c>
      <c r="HQ24" s="113">
        <v>2210178</v>
      </c>
      <c r="HR24" s="110">
        <v>0</v>
      </c>
      <c r="HS24" s="114">
        <v>10518591</v>
      </c>
      <c r="HT24" s="114">
        <v>8287642</v>
      </c>
      <c r="HU24" s="114">
        <v>5322580</v>
      </c>
      <c r="HV24" s="114">
        <v>3292889</v>
      </c>
      <c r="HW24" s="114">
        <v>2247243</v>
      </c>
      <c r="HX24" s="112">
        <v>29668945</v>
      </c>
      <c r="HY24" s="116">
        <v>31879123</v>
      </c>
      <c r="HZ24" s="150">
        <v>0</v>
      </c>
      <c r="IA24" s="135">
        <v>135330</v>
      </c>
      <c r="IB24" s="150">
        <v>135330</v>
      </c>
      <c r="IC24" s="134">
        <v>0</v>
      </c>
      <c r="ID24" s="135">
        <v>14300798</v>
      </c>
      <c r="IE24" s="136">
        <v>23100301</v>
      </c>
      <c r="IF24" s="137">
        <v>20735219</v>
      </c>
      <c r="IG24" s="135">
        <v>16140716</v>
      </c>
      <c r="IH24" s="137">
        <v>16402138</v>
      </c>
      <c r="II24" s="138">
        <v>90679172</v>
      </c>
      <c r="IJ24" s="150">
        <v>90814502</v>
      </c>
      <c r="IK24" s="232">
        <v>0</v>
      </c>
      <c r="IL24" s="236">
        <v>0</v>
      </c>
      <c r="IM24" s="237">
        <v>0</v>
      </c>
      <c r="IN24" s="140"/>
      <c r="IO24" s="119">
        <v>1038927</v>
      </c>
      <c r="IP24" s="119">
        <v>1348653</v>
      </c>
      <c r="IQ24" s="119">
        <v>600957</v>
      </c>
      <c r="IR24" s="119">
        <v>868509</v>
      </c>
      <c r="IS24" s="119">
        <v>1570692</v>
      </c>
      <c r="IT24" s="141">
        <v>5427738</v>
      </c>
      <c r="IU24" s="320">
        <v>5427738</v>
      </c>
      <c r="IV24" s="142">
        <v>0</v>
      </c>
      <c r="IW24" s="119">
        <v>0</v>
      </c>
      <c r="IX24" s="120">
        <v>0</v>
      </c>
      <c r="IY24" s="144"/>
      <c r="IZ24" s="119">
        <v>11459</v>
      </c>
      <c r="JA24" s="119">
        <v>45836</v>
      </c>
      <c r="JB24" s="119">
        <v>22918</v>
      </c>
      <c r="JC24" s="119">
        <v>83832</v>
      </c>
      <c r="JD24" s="119">
        <v>67563</v>
      </c>
      <c r="JE24" s="120">
        <v>231608</v>
      </c>
      <c r="JF24" s="121">
        <v>231608</v>
      </c>
      <c r="JG24" s="142">
        <v>0</v>
      </c>
      <c r="JH24" s="119">
        <v>0</v>
      </c>
      <c r="JI24" s="141">
        <v>0</v>
      </c>
      <c r="JJ24" s="118">
        <v>0</v>
      </c>
      <c r="JK24" s="119">
        <v>5999836</v>
      </c>
      <c r="JL24" s="119">
        <v>6180795</v>
      </c>
      <c r="JM24" s="119">
        <v>3615013</v>
      </c>
      <c r="JN24" s="119">
        <v>3147297</v>
      </c>
      <c r="JO24" s="119">
        <v>1526126</v>
      </c>
      <c r="JP24" s="120">
        <v>20469067</v>
      </c>
      <c r="JQ24" s="320">
        <v>20469067</v>
      </c>
      <c r="JR24" s="142">
        <v>0</v>
      </c>
      <c r="JS24" s="119">
        <v>0</v>
      </c>
      <c r="JT24" s="141">
        <v>0</v>
      </c>
      <c r="JU24" s="118">
        <v>0</v>
      </c>
      <c r="JV24" s="119">
        <v>1005404</v>
      </c>
      <c r="JW24" s="119">
        <v>2020796</v>
      </c>
      <c r="JX24" s="119">
        <v>2173233</v>
      </c>
      <c r="JY24" s="119">
        <v>320824</v>
      </c>
      <c r="JZ24" s="119">
        <v>323635</v>
      </c>
      <c r="KA24" s="120">
        <v>5843892</v>
      </c>
      <c r="KB24" s="320">
        <v>5843892</v>
      </c>
      <c r="KC24" s="234">
        <v>0</v>
      </c>
      <c r="KD24" s="230">
        <v>135330</v>
      </c>
      <c r="KE24" s="120">
        <v>135330</v>
      </c>
      <c r="KF24" s="118">
        <v>0</v>
      </c>
      <c r="KG24" s="119">
        <v>3010471</v>
      </c>
      <c r="KH24" s="119">
        <v>6597805</v>
      </c>
      <c r="KI24" s="119">
        <v>5956028</v>
      </c>
      <c r="KJ24" s="119">
        <v>4937042</v>
      </c>
      <c r="KK24" s="119">
        <v>4362127</v>
      </c>
      <c r="KL24" s="120">
        <v>24863473</v>
      </c>
      <c r="KM24" s="143">
        <v>24998803</v>
      </c>
      <c r="KN24" s="232">
        <v>0</v>
      </c>
      <c r="KO24" s="236">
        <v>0</v>
      </c>
      <c r="KP24" s="237">
        <v>0</v>
      </c>
      <c r="KQ24" s="140"/>
      <c r="KR24" s="119">
        <v>3066222</v>
      </c>
      <c r="KS24" s="119">
        <v>6410439</v>
      </c>
      <c r="KT24" s="119">
        <v>7844060</v>
      </c>
      <c r="KU24" s="119">
        <v>5818953</v>
      </c>
      <c r="KV24" s="119">
        <v>3987507</v>
      </c>
      <c r="KW24" s="120">
        <v>27127181</v>
      </c>
      <c r="KX24" s="320">
        <v>27127181</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168479</v>
      </c>
      <c r="LZ24" s="119">
        <v>495977</v>
      </c>
      <c r="MA24" s="119">
        <v>523010</v>
      </c>
      <c r="MB24" s="119">
        <v>964259</v>
      </c>
      <c r="MC24" s="119">
        <v>4564488</v>
      </c>
      <c r="MD24" s="120">
        <v>6716213</v>
      </c>
      <c r="ME24" s="121">
        <v>6716213</v>
      </c>
      <c r="MF24" s="142">
        <v>0</v>
      </c>
      <c r="MG24" s="119">
        <v>0</v>
      </c>
      <c r="MH24" s="120">
        <v>0</v>
      </c>
      <c r="MI24" s="145"/>
      <c r="MJ24" s="119">
        <v>5436695</v>
      </c>
      <c r="MK24" s="119">
        <v>14640201</v>
      </c>
      <c r="ML24" s="119">
        <v>53546504</v>
      </c>
      <c r="MM24" s="119">
        <v>55986080</v>
      </c>
      <c r="MN24" s="119">
        <v>39854283</v>
      </c>
      <c r="MO24" s="120">
        <v>169463763</v>
      </c>
      <c r="MP24" s="143">
        <v>169463763</v>
      </c>
      <c r="MQ24" s="142">
        <v>0</v>
      </c>
      <c r="MR24" s="119">
        <v>0</v>
      </c>
      <c r="MS24" s="120">
        <v>0</v>
      </c>
      <c r="MT24" s="145"/>
      <c r="MU24" s="119">
        <v>0</v>
      </c>
      <c r="MV24" s="119">
        <v>1695321</v>
      </c>
      <c r="MW24" s="119">
        <v>30280679</v>
      </c>
      <c r="MX24" s="119">
        <v>40509690</v>
      </c>
      <c r="MY24" s="119">
        <v>26624722</v>
      </c>
      <c r="MZ24" s="120">
        <v>99110412</v>
      </c>
      <c r="NA24" s="143">
        <v>99110412</v>
      </c>
      <c r="NB24" s="142">
        <v>0</v>
      </c>
      <c r="NC24" s="119">
        <v>0</v>
      </c>
      <c r="ND24" s="120">
        <v>0</v>
      </c>
      <c r="NE24" s="145"/>
      <c r="NF24" s="119">
        <v>5436695</v>
      </c>
      <c r="NG24" s="119">
        <v>12944880</v>
      </c>
      <c r="NH24" s="119">
        <v>23265825</v>
      </c>
      <c r="NI24" s="119">
        <v>13862251</v>
      </c>
      <c r="NJ24" s="119">
        <v>10968711</v>
      </c>
      <c r="NK24" s="120">
        <v>66478362</v>
      </c>
      <c r="NL24" s="320">
        <v>66478362</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614139</v>
      </c>
      <c r="OF24" s="119">
        <v>2260850</v>
      </c>
      <c r="OG24" s="120">
        <v>3874989</v>
      </c>
      <c r="OH24" s="121">
        <v>3874989</v>
      </c>
      <c r="OI24" s="142">
        <v>5202052</v>
      </c>
      <c r="OJ24" s="119">
        <v>8989606</v>
      </c>
      <c r="OK24" s="141">
        <v>14191658</v>
      </c>
      <c r="OL24" s="118">
        <v>0</v>
      </c>
      <c r="OM24" s="119">
        <v>77525430</v>
      </c>
      <c r="ON24" s="119">
        <v>105831578</v>
      </c>
      <c r="OO24" s="119">
        <v>130984560</v>
      </c>
      <c r="OP24" s="119">
        <v>118714758</v>
      </c>
      <c r="OQ24" s="119">
        <v>90971170</v>
      </c>
      <c r="OR24" s="120">
        <v>524027496</v>
      </c>
      <c r="OS24" s="143">
        <v>538219154</v>
      </c>
    </row>
    <row r="25" spans="2:409" ht="21" customHeight="1" x14ac:dyDescent="0.2">
      <c r="B25" s="62" t="s">
        <v>20</v>
      </c>
      <c r="C25" s="110">
        <v>4911339</v>
      </c>
      <c r="D25" s="114">
        <v>11383709</v>
      </c>
      <c r="E25" s="113">
        <v>16295048</v>
      </c>
      <c r="F25" s="110">
        <v>0</v>
      </c>
      <c r="G25" s="114">
        <v>82016625</v>
      </c>
      <c r="H25" s="114">
        <v>71673037</v>
      </c>
      <c r="I25" s="114">
        <v>76419080</v>
      </c>
      <c r="J25" s="114">
        <v>68613104</v>
      </c>
      <c r="K25" s="114">
        <v>39612989</v>
      </c>
      <c r="L25" s="173">
        <v>338334835</v>
      </c>
      <c r="M25" s="116">
        <v>354629883</v>
      </c>
      <c r="N25" s="110">
        <v>1647072</v>
      </c>
      <c r="O25" s="114">
        <v>3576154</v>
      </c>
      <c r="P25" s="113">
        <v>5223226</v>
      </c>
      <c r="Q25" s="110">
        <v>0</v>
      </c>
      <c r="R25" s="114">
        <v>23583778</v>
      </c>
      <c r="S25" s="114">
        <v>21254588</v>
      </c>
      <c r="T25" s="114">
        <v>24234237</v>
      </c>
      <c r="U25" s="114">
        <v>23374034</v>
      </c>
      <c r="V25" s="114">
        <v>17846569</v>
      </c>
      <c r="W25" s="113">
        <v>110293206</v>
      </c>
      <c r="X25" s="116">
        <v>115516432</v>
      </c>
      <c r="Y25" s="110">
        <v>0</v>
      </c>
      <c r="Z25" s="114">
        <v>0</v>
      </c>
      <c r="AA25" s="113">
        <v>0</v>
      </c>
      <c r="AB25" s="110">
        <v>0</v>
      </c>
      <c r="AC25" s="114">
        <v>9416733</v>
      </c>
      <c r="AD25" s="114">
        <v>8273226</v>
      </c>
      <c r="AE25" s="114">
        <v>13808368</v>
      </c>
      <c r="AF25" s="114">
        <v>13353299</v>
      </c>
      <c r="AG25" s="114">
        <v>10076126</v>
      </c>
      <c r="AH25" s="113">
        <v>54927752</v>
      </c>
      <c r="AI25" s="116">
        <v>54927752</v>
      </c>
      <c r="AJ25" s="110">
        <v>0</v>
      </c>
      <c r="AK25" s="114">
        <v>0</v>
      </c>
      <c r="AL25" s="113">
        <v>0</v>
      </c>
      <c r="AM25" s="110">
        <v>0</v>
      </c>
      <c r="AN25" s="114">
        <v>0</v>
      </c>
      <c r="AO25" s="114">
        <v>403344</v>
      </c>
      <c r="AP25" s="114">
        <v>596674</v>
      </c>
      <c r="AQ25" s="114">
        <v>1631352</v>
      </c>
      <c r="AR25" s="114">
        <v>2466826</v>
      </c>
      <c r="AS25" s="113">
        <v>5098196</v>
      </c>
      <c r="AT25" s="116">
        <v>5098196</v>
      </c>
      <c r="AU25" s="110">
        <v>1032119</v>
      </c>
      <c r="AV25" s="114">
        <v>2169297</v>
      </c>
      <c r="AW25" s="113">
        <v>3201416</v>
      </c>
      <c r="AX25" s="110">
        <v>0</v>
      </c>
      <c r="AY25" s="114">
        <v>8754464</v>
      </c>
      <c r="AZ25" s="114">
        <v>7873272</v>
      </c>
      <c r="BA25" s="114">
        <v>5230036</v>
      </c>
      <c r="BB25" s="114">
        <v>3943951</v>
      </c>
      <c r="BC25" s="114">
        <v>3058994</v>
      </c>
      <c r="BD25" s="113">
        <v>28860717</v>
      </c>
      <c r="BE25" s="116">
        <v>32062133</v>
      </c>
      <c r="BF25" s="110">
        <v>226022</v>
      </c>
      <c r="BG25" s="114">
        <v>980209</v>
      </c>
      <c r="BH25" s="112">
        <v>1206231</v>
      </c>
      <c r="BI25" s="111">
        <v>0</v>
      </c>
      <c r="BJ25" s="114">
        <v>2020536</v>
      </c>
      <c r="BK25" s="114">
        <v>1668745</v>
      </c>
      <c r="BL25" s="114">
        <v>1034005</v>
      </c>
      <c r="BM25" s="114">
        <v>1298378</v>
      </c>
      <c r="BN25" s="114">
        <v>241388</v>
      </c>
      <c r="BO25" s="113">
        <v>6263052</v>
      </c>
      <c r="BP25" s="116">
        <v>7469283</v>
      </c>
      <c r="BQ25" s="110">
        <v>388931</v>
      </c>
      <c r="BR25" s="114">
        <v>426648</v>
      </c>
      <c r="BS25" s="113">
        <v>815579</v>
      </c>
      <c r="BT25" s="110">
        <v>0</v>
      </c>
      <c r="BU25" s="114">
        <v>3392045</v>
      </c>
      <c r="BV25" s="114">
        <v>3036001</v>
      </c>
      <c r="BW25" s="114">
        <v>3565154</v>
      </c>
      <c r="BX25" s="114">
        <v>3147054</v>
      </c>
      <c r="BY25" s="114">
        <v>2003235</v>
      </c>
      <c r="BZ25" s="113">
        <v>15143489</v>
      </c>
      <c r="CA25" s="116">
        <v>15959068</v>
      </c>
      <c r="CB25" s="110">
        <v>320914</v>
      </c>
      <c r="CC25" s="114">
        <v>1118080</v>
      </c>
      <c r="CD25" s="113">
        <v>1438994</v>
      </c>
      <c r="CE25" s="110">
        <v>0</v>
      </c>
      <c r="CF25" s="114">
        <v>22686450</v>
      </c>
      <c r="CG25" s="114">
        <v>19932973</v>
      </c>
      <c r="CH25" s="114">
        <v>17280933</v>
      </c>
      <c r="CI25" s="114">
        <v>10653795</v>
      </c>
      <c r="CJ25" s="114">
        <v>4676958</v>
      </c>
      <c r="CK25" s="113">
        <v>75231109</v>
      </c>
      <c r="CL25" s="116">
        <v>76670103</v>
      </c>
      <c r="CM25" s="110">
        <v>0</v>
      </c>
      <c r="CN25" s="114">
        <v>0</v>
      </c>
      <c r="CO25" s="113">
        <v>0</v>
      </c>
      <c r="CP25" s="111">
        <v>0</v>
      </c>
      <c r="CQ25" s="114">
        <v>15717363</v>
      </c>
      <c r="CR25" s="114">
        <v>13039543</v>
      </c>
      <c r="CS25" s="114">
        <v>12692399</v>
      </c>
      <c r="CT25" s="114">
        <v>7541425</v>
      </c>
      <c r="CU25" s="114">
        <v>3589330</v>
      </c>
      <c r="CV25" s="113">
        <v>52580060</v>
      </c>
      <c r="CW25" s="116">
        <v>52580060</v>
      </c>
      <c r="CX25" s="110">
        <v>320914</v>
      </c>
      <c r="CY25" s="114">
        <v>1118080</v>
      </c>
      <c r="CZ25" s="113">
        <v>1438994</v>
      </c>
      <c r="DA25" s="110">
        <v>0</v>
      </c>
      <c r="DB25" s="114">
        <v>6969087</v>
      </c>
      <c r="DC25" s="114">
        <v>6893430</v>
      </c>
      <c r="DD25" s="114">
        <v>4588534</v>
      </c>
      <c r="DE25" s="114">
        <v>3112370</v>
      </c>
      <c r="DF25" s="114">
        <v>1087628</v>
      </c>
      <c r="DG25" s="113">
        <v>22651049</v>
      </c>
      <c r="DH25" s="116">
        <v>24090043</v>
      </c>
      <c r="DI25" s="110">
        <v>26273</v>
      </c>
      <c r="DJ25" s="114">
        <v>251383</v>
      </c>
      <c r="DK25" s="112">
        <v>277656</v>
      </c>
      <c r="DL25" s="111">
        <v>0</v>
      </c>
      <c r="DM25" s="114">
        <v>3221028</v>
      </c>
      <c r="DN25" s="114">
        <v>4288892</v>
      </c>
      <c r="DO25" s="114">
        <v>10685978</v>
      </c>
      <c r="DP25" s="114">
        <v>10518000</v>
      </c>
      <c r="DQ25" s="114">
        <v>3409958</v>
      </c>
      <c r="DR25" s="113">
        <v>32123856</v>
      </c>
      <c r="DS25" s="116">
        <v>32401512</v>
      </c>
      <c r="DT25" s="110">
        <v>26273</v>
      </c>
      <c r="DU25" s="114">
        <v>251383</v>
      </c>
      <c r="DV25" s="113">
        <v>277656</v>
      </c>
      <c r="DW25" s="110">
        <v>0</v>
      </c>
      <c r="DX25" s="114">
        <v>2936261</v>
      </c>
      <c r="DY25" s="114">
        <v>3962225</v>
      </c>
      <c r="DZ25" s="114">
        <v>9870266</v>
      </c>
      <c r="EA25" s="114">
        <v>9809730</v>
      </c>
      <c r="EB25" s="114">
        <v>3000023</v>
      </c>
      <c r="EC25" s="113">
        <v>29578505</v>
      </c>
      <c r="ED25" s="116">
        <v>29856161</v>
      </c>
      <c r="EE25" s="110">
        <v>0</v>
      </c>
      <c r="EF25" s="112">
        <v>0</v>
      </c>
      <c r="EG25" s="113">
        <v>0</v>
      </c>
      <c r="EH25" s="110">
        <v>0</v>
      </c>
      <c r="EI25" s="114">
        <v>284767</v>
      </c>
      <c r="EJ25" s="114">
        <v>326667</v>
      </c>
      <c r="EK25" s="114">
        <v>815712</v>
      </c>
      <c r="EL25" s="114">
        <v>708270</v>
      </c>
      <c r="EM25" s="114">
        <v>409935</v>
      </c>
      <c r="EN25" s="112">
        <v>2545351</v>
      </c>
      <c r="EO25" s="116">
        <v>2545351</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150520</v>
      </c>
      <c r="FM25" s="114">
        <v>3046164</v>
      </c>
      <c r="FN25" s="113">
        <v>4196684</v>
      </c>
      <c r="FO25" s="110">
        <v>0</v>
      </c>
      <c r="FP25" s="114">
        <v>6199258</v>
      </c>
      <c r="FQ25" s="114">
        <v>7549147</v>
      </c>
      <c r="FR25" s="114">
        <v>5909407</v>
      </c>
      <c r="FS25" s="114">
        <v>5878621</v>
      </c>
      <c r="FT25" s="114">
        <v>3354993</v>
      </c>
      <c r="FU25" s="113">
        <v>28891426</v>
      </c>
      <c r="FV25" s="116">
        <v>33088110</v>
      </c>
      <c r="FW25" s="115">
        <v>600170</v>
      </c>
      <c r="FX25" s="114">
        <v>1961168</v>
      </c>
      <c r="FY25" s="112">
        <v>2561338</v>
      </c>
      <c r="FZ25" s="111">
        <v>0</v>
      </c>
      <c r="GA25" s="114">
        <v>4774610</v>
      </c>
      <c r="GB25" s="114">
        <v>6577933</v>
      </c>
      <c r="GC25" s="114">
        <v>5390411</v>
      </c>
      <c r="GD25" s="114">
        <v>5109449</v>
      </c>
      <c r="GE25" s="114">
        <v>3100563</v>
      </c>
      <c r="GF25" s="113">
        <v>24952966</v>
      </c>
      <c r="GG25" s="318">
        <v>27514304</v>
      </c>
      <c r="GH25" s="115">
        <v>54450</v>
      </c>
      <c r="GI25" s="114">
        <v>154566</v>
      </c>
      <c r="GJ25" s="112">
        <v>209016</v>
      </c>
      <c r="GK25" s="111">
        <v>0</v>
      </c>
      <c r="GL25" s="114">
        <v>309666</v>
      </c>
      <c r="GM25" s="114">
        <v>262764</v>
      </c>
      <c r="GN25" s="114">
        <v>243196</v>
      </c>
      <c r="GO25" s="114">
        <v>403770</v>
      </c>
      <c r="GP25" s="114">
        <v>0</v>
      </c>
      <c r="GQ25" s="113">
        <v>1219396</v>
      </c>
      <c r="GR25" s="116">
        <v>1428412</v>
      </c>
      <c r="GS25" s="110">
        <v>495900</v>
      </c>
      <c r="GT25" s="114">
        <v>930430</v>
      </c>
      <c r="GU25" s="113">
        <v>1426330</v>
      </c>
      <c r="GV25" s="110">
        <v>0</v>
      </c>
      <c r="GW25" s="114">
        <v>1114982</v>
      </c>
      <c r="GX25" s="114">
        <v>708450</v>
      </c>
      <c r="GY25" s="114">
        <v>275800</v>
      </c>
      <c r="GZ25" s="114">
        <v>365402</v>
      </c>
      <c r="HA25" s="114">
        <v>254430</v>
      </c>
      <c r="HB25" s="112">
        <v>2719064</v>
      </c>
      <c r="HC25" s="116">
        <v>4145394</v>
      </c>
      <c r="HD25" s="110">
        <v>886250</v>
      </c>
      <c r="HE25" s="114">
        <v>1401747</v>
      </c>
      <c r="HF25" s="112">
        <v>2287997</v>
      </c>
      <c r="HG25" s="111">
        <v>0</v>
      </c>
      <c r="HH25" s="114">
        <v>12599218</v>
      </c>
      <c r="HI25" s="114">
        <v>10259865</v>
      </c>
      <c r="HJ25" s="114">
        <v>11443753</v>
      </c>
      <c r="HK25" s="114">
        <v>13219645</v>
      </c>
      <c r="HL25" s="114">
        <v>8283835</v>
      </c>
      <c r="HM25" s="113">
        <v>55806316</v>
      </c>
      <c r="HN25" s="109">
        <v>58094313</v>
      </c>
      <c r="HO25" s="115">
        <v>880310</v>
      </c>
      <c r="HP25" s="114">
        <v>1990181</v>
      </c>
      <c r="HQ25" s="113">
        <v>2870491</v>
      </c>
      <c r="HR25" s="110">
        <v>0</v>
      </c>
      <c r="HS25" s="114">
        <v>13726893</v>
      </c>
      <c r="HT25" s="114">
        <v>8387572</v>
      </c>
      <c r="HU25" s="114">
        <v>6864772</v>
      </c>
      <c r="HV25" s="114">
        <v>4969009</v>
      </c>
      <c r="HW25" s="114">
        <v>2040676</v>
      </c>
      <c r="HX25" s="112">
        <v>35988922</v>
      </c>
      <c r="HY25" s="116">
        <v>38859413</v>
      </c>
      <c r="HZ25" s="131">
        <v>41234</v>
      </c>
      <c r="IA25" s="132">
        <v>322735</v>
      </c>
      <c r="IB25" s="133">
        <v>363969</v>
      </c>
      <c r="IC25" s="146">
        <v>0</v>
      </c>
      <c r="ID25" s="132">
        <v>14004820</v>
      </c>
      <c r="IE25" s="147">
        <v>14320907</v>
      </c>
      <c r="IF25" s="133">
        <v>18681877</v>
      </c>
      <c r="IG25" s="132">
        <v>8899134</v>
      </c>
      <c r="IH25" s="133">
        <v>4393242</v>
      </c>
      <c r="II25" s="148">
        <v>60299980</v>
      </c>
      <c r="IJ25" s="139">
        <v>60663949</v>
      </c>
      <c r="IK25" s="232">
        <v>0</v>
      </c>
      <c r="IL25" s="236">
        <v>0</v>
      </c>
      <c r="IM25" s="237">
        <v>0</v>
      </c>
      <c r="IN25" s="140"/>
      <c r="IO25" s="119">
        <v>88369</v>
      </c>
      <c r="IP25" s="119">
        <v>314574</v>
      </c>
      <c r="IQ25" s="119">
        <v>0</v>
      </c>
      <c r="IR25" s="119">
        <v>0</v>
      </c>
      <c r="IS25" s="119">
        <v>0</v>
      </c>
      <c r="IT25" s="141">
        <v>402943</v>
      </c>
      <c r="IU25" s="320">
        <v>402943</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7769074</v>
      </c>
      <c r="JL25" s="119">
        <v>4581845</v>
      </c>
      <c r="JM25" s="119">
        <v>5252584</v>
      </c>
      <c r="JN25" s="119">
        <v>2150150</v>
      </c>
      <c r="JO25" s="119">
        <v>169864</v>
      </c>
      <c r="JP25" s="120">
        <v>19923517</v>
      </c>
      <c r="JQ25" s="320">
        <v>19923517</v>
      </c>
      <c r="JR25" s="142">
        <v>0</v>
      </c>
      <c r="JS25" s="119">
        <v>0</v>
      </c>
      <c r="JT25" s="141">
        <v>0</v>
      </c>
      <c r="JU25" s="118">
        <v>0</v>
      </c>
      <c r="JV25" s="119">
        <v>65956</v>
      </c>
      <c r="JW25" s="119">
        <v>242640</v>
      </c>
      <c r="JX25" s="119">
        <v>172862</v>
      </c>
      <c r="JY25" s="119">
        <v>0</v>
      </c>
      <c r="JZ25" s="119">
        <v>337304</v>
      </c>
      <c r="KA25" s="120">
        <v>818762</v>
      </c>
      <c r="KB25" s="320">
        <v>818762</v>
      </c>
      <c r="KC25" s="234">
        <v>41234</v>
      </c>
      <c r="KD25" s="230">
        <v>64157</v>
      </c>
      <c r="KE25" s="120">
        <v>105391</v>
      </c>
      <c r="KF25" s="118">
        <v>0</v>
      </c>
      <c r="KG25" s="119">
        <v>1524572</v>
      </c>
      <c r="KH25" s="119">
        <v>2440918</v>
      </c>
      <c r="KI25" s="119">
        <v>2277780</v>
      </c>
      <c r="KJ25" s="119">
        <v>649588</v>
      </c>
      <c r="KK25" s="119">
        <v>305530</v>
      </c>
      <c r="KL25" s="120">
        <v>7198388</v>
      </c>
      <c r="KM25" s="143">
        <v>7303779</v>
      </c>
      <c r="KN25" s="232">
        <v>0</v>
      </c>
      <c r="KO25" s="236">
        <v>258578</v>
      </c>
      <c r="KP25" s="237">
        <v>258578</v>
      </c>
      <c r="KQ25" s="140"/>
      <c r="KR25" s="119">
        <v>4556849</v>
      </c>
      <c r="KS25" s="119">
        <v>6740930</v>
      </c>
      <c r="KT25" s="119">
        <v>10978651</v>
      </c>
      <c r="KU25" s="119">
        <v>6099396</v>
      </c>
      <c r="KV25" s="119">
        <v>3580544</v>
      </c>
      <c r="KW25" s="120">
        <v>31956370</v>
      </c>
      <c r="KX25" s="320">
        <v>3221494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271224</v>
      </c>
      <c r="MK25" s="119">
        <v>18918735</v>
      </c>
      <c r="ML25" s="119">
        <v>48243322</v>
      </c>
      <c r="MM25" s="119">
        <v>72584846</v>
      </c>
      <c r="MN25" s="119">
        <v>42875066</v>
      </c>
      <c r="MO25" s="120">
        <v>187893193</v>
      </c>
      <c r="MP25" s="143">
        <v>187893193</v>
      </c>
      <c r="MQ25" s="142">
        <v>0</v>
      </c>
      <c r="MR25" s="119">
        <v>0</v>
      </c>
      <c r="MS25" s="120">
        <v>0</v>
      </c>
      <c r="MT25" s="145"/>
      <c r="MU25" s="119">
        <v>1582813</v>
      </c>
      <c r="MV25" s="119">
        <v>7391962</v>
      </c>
      <c r="MW25" s="119">
        <v>35055266</v>
      </c>
      <c r="MX25" s="119">
        <v>56302041</v>
      </c>
      <c r="MY25" s="119">
        <v>33552163</v>
      </c>
      <c r="MZ25" s="120">
        <v>133884245</v>
      </c>
      <c r="NA25" s="143">
        <v>133884245</v>
      </c>
      <c r="NB25" s="142">
        <v>0</v>
      </c>
      <c r="NC25" s="119">
        <v>0</v>
      </c>
      <c r="ND25" s="120">
        <v>0</v>
      </c>
      <c r="NE25" s="145"/>
      <c r="NF25" s="119">
        <v>3688411</v>
      </c>
      <c r="NG25" s="119">
        <v>11526773</v>
      </c>
      <c r="NH25" s="119">
        <v>13188056</v>
      </c>
      <c r="NI25" s="119">
        <v>15554850</v>
      </c>
      <c r="NJ25" s="119">
        <v>7271077</v>
      </c>
      <c r="NK25" s="120">
        <v>51229167</v>
      </c>
      <c r="NL25" s="320">
        <v>51229167</v>
      </c>
      <c r="NM25" s="142">
        <v>0</v>
      </c>
      <c r="NN25" s="119">
        <v>0</v>
      </c>
      <c r="NO25" s="120">
        <v>0</v>
      </c>
      <c r="NP25" s="145"/>
      <c r="NQ25" s="119">
        <v>0</v>
      </c>
      <c r="NR25" s="119">
        <v>0</v>
      </c>
      <c r="NS25" s="119">
        <v>0</v>
      </c>
      <c r="NT25" s="119">
        <v>326232</v>
      </c>
      <c r="NU25" s="119">
        <v>0</v>
      </c>
      <c r="NV25" s="120">
        <v>326232</v>
      </c>
      <c r="NW25" s="121">
        <v>326232</v>
      </c>
      <c r="NX25" s="142">
        <v>0</v>
      </c>
      <c r="NY25" s="119">
        <v>0</v>
      </c>
      <c r="NZ25" s="120">
        <v>0</v>
      </c>
      <c r="OA25" s="145"/>
      <c r="OB25" s="119">
        <v>0</v>
      </c>
      <c r="OC25" s="119">
        <v>0</v>
      </c>
      <c r="OD25" s="119">
        <v>0</v>
      </c>
      <c r="OE25" s="119">
        <v>401723</v>
      </c>
      <c r="OF25" s="119">
        <v>2051826</v>
      </c>
      <c r="OG25" s="120">
        <v>2453549</v>
      </c>
      <c r="OH25" s="121">
        <v>2453549</v>
      </c>
      <c r="OI25" s="142">
        <v>4952573</v>
      </c>
      <c r="OJ25" s="119">
        <v>11706444</v>
      </c>
      <c r="OK25" s="141">
        <v>16659017</v>
      </c>
      <c r="OL25" s="118">
        <v>0</v>
      </c>
      <c r="OM25" s="119">
        <v>101292669</v>
      </c>
      <c r="ON25" s="119">
        <v>104912679</v>
      </c>
      <c r="OO25" s="119">
        <v>143344279</v>
      </c>
      <c r="OP25" s="119">
        <v>150097084</v>
      </c>
      <c r="OQ25" s="119">
        <v>86881297</v>
      </c>
      <c r="OR25" s="120">
        <v>586528008</v>
      </c>
      <c r="OS25" s="143">
        <v>603187025</v>
      </c>
    </row>
    <row r="26" spans="2:409" ht="21" customHeight="1" x14ac:dyDescent="0.2">
      <c r="B26" s="62" t="s">
        <v>21</v>
      </c>
      <c r="C26" s="110">
        <v>6211464</v>
      </c>
      <c r="D26" s="114">
        <v>12036942</v>
      </c>
      <c r="E26" s="113">
        <v>18248406</v>
      </c>
      <c r="F26" s="109">
        <v>0</v>
      </c>
      <c r="G26" s="114">
        <v>66251775</v>
      </c>
      <c r="H26" s="114">
        <v>100974834</v>
      </c>
      <c r="I26" s="114">
        <v>96498660</v>
      </c>
      <c r="J26" s="114">
        <v>72026621</v>
      </c>
      <c r="K26" s="114">
        <v>54109631</v>
      </c>
      <c r="L26" s="173">
        <v>389861521</v>
      </c>
      <c r="M26" s="116">
        <v>408109927</v>
      </c>
      <c r="N26" s="110">
        <v>2032323</v>
      </c>
      <c r="O26" s="114">
        <v>3731417</v>
      </c>
      <c r="P26" s="113">
        <v>5763740</v>
      </c>
      <c r="Q26" s="110">
        <v>0</v>
      </c>
      <c r="R26" s="114">
        <v>19427315</v>
      </c>
      <c r="S26" s="114">
        <v>35405621</v>
      </c>
      <c r="T26" s="114">
        <v>31007730</v>
      </c>
      <c r="U26" s="114">
        <v>31739545</v>
      </c>
      <c r="V26" s="114">
        <v>27351874</v>
      </c>
      <c r="W26" s="113">
        <v>144932085</v>
      </c>
      <c r="X26" s="116">
        <v>150695825</v>
      </c>
      <c r="Y26" s="110">
        <v>0</v>
      </c>
      <c r="Z26" s="114">
        <v>0</v>
      </c>
      <c r="AA26" s="113">
        <v>0</v>
      </c>
      <c r="AB26" s="110">
        <v>0</v>
      </c>
      <c r="AC26" s="114">
        <v>8049206</v>
      </c>
      <c r="AD26" s="114">
        <v>18062430</v>
      </c>
      <c r="AE26" s="114">
        <v>18772324</v>
      </c>
      <c r="AF26" s="114">
        <v>19373140</v>
      </c>
      <c r="AG26" s="114">
        <v>17531549</v>
      </c>
      <c r="AH26" s="113">
        <v>81788649</v>
      </c>
      <c r="AI26" s="116">
        <v>81788649</v>
      </c>
      <c r="AJ26" s="110">
        <v>0</v>
      </c>
      <c r="AK26" s="114">
        <v>0</v>
      </c>
      <c r="AL26" s="113">
        <v>0</v>
      </c>
      <c r="AM26" s="110">
        <v>0</v>
      </c>
      <c r="AN26" s="114">
        <v>0</v>
      </c>
      <c r="AO26" s="114">
        <v>305616</v>
      </c>
      <c r="AP26" s="114">
        <v>925515</v>
      </c>
      <c r="AQ26" s="114">
        <v>2119125</v>
      </c>
      <c r="AR26" s="114">
        <v>2333705</v>
      </c>
      <c r="AS26" s="113">
        <v>5683961</v>
      </c>
      <c r="AT26" s="116">
        <v>5683961</v>
      </c>
      <c r="AU26" s="110">
        <v>1088027</v>
      </c>
      <c r="AV26" s="114">
        <v>2408045</v>
      </c>
      <c r="AW26" s="113">
        <v>3496072</v>
      </c>
      <c r="AX26" s="110">
        <v>0</v>
      </c>
      <c r="AY26" s="114">
        <v>7061999</v>
      </c>
      <c r="AZ26" s="114">
        <v>11234437</v>
      </c>
      <c r="BA26" s="114">
        <v>6299021</v>
      </c>
      <c r="BB26" s="114">
        <v>6589989</v>
      </c>
      <c r="BC26" s="114">
        <v>4540929</v>
      </c>
      <c r="BD26" s="113">
        <v>35726375</v>
      </c>
      <c r="BE26" s="116">
        <v>39222447</v>
      </c>
      <c r="BF26" s="110">
        <v>435224</v>
      </c>
      <c r="BG26" s="114">
        <v>802444</v>
      </c>
      <c r="BH26" s="112">
        <v>1237668</v>
      </c>
      <c r="BI26" s="111">
        <v>0</v>
      </c>
      <c r="BJ26" s="114">
        <v>684489</v>
      </c>
      <c r="BK26" s="114">
        <v>1200337</v>
      </c>
      <c r="BL26" s="114">
        <v>515562</v>
      </c>
      <c r="BM26" s="114">
        <v>429219</v>
      </c>
      <c r="BN26" s="114">
        <v>293382</v>
      </c>
      <c r="BO26" s="113">
        <v>3122989</v>
      </c>
      <c r="BP26" s="116">
        <v>4360657</v>
      </c>
      <c r="BQ26" s="110">
        <v>509072</v>
      </c>
      <c r="BR26" s="114">
        <v>520928</v>
      </c>
      <c r="BS26" s="113">
        <v>1030000</v>
      </c>
      <c r="BT26" s="110">
        <v>0</v>
      </c>
      <c r="BU26" s="114">
        <v>3631621</v>
      </c>
      <c r="BV26" s="114">
        <v>4602801</v>
      </c>
      <c r="BW26" s="114">
        <v>4495308</v>
      </c>
      <c r="BX26" s="114">
        <v>3228072</v>
      </c>
      <c r="BY26" s="114">
        <v>2652309</v>
      </c>
      <c r="BZ26" s="113">
        <v>18610111</v>
      </c>
      <c r="CA26" s="116">
        <v>19640111</v>
      </c>
      <c r="CB26" s="110">
        <v>637363</v>
      </c>
      <c r="CC26" s="114">
        <v>1750000</v>
      </c>
      <c r="CD26" s="113">
        <v>2387363</v>
      </c>
      <c r="CE26" s="110">
        <v>0</v>
      </c>
      <c r="CF26" s="114">
        <v>17837774</v>
      </c>
      <c r="CG26" s="114">
        <v>27728154</v>
      </c>
      <c r="CH26" s="114">
        <v>20101708</v>
      </c>
      <c r="CI26" s="114">
        <v>9854396</v>
      </c>
      <c r="CJ26" s="114">
        <v>4533786</v>
      </c>
      <c r="CK26" s="113">
        <v>80055818</v>
      </c>
      <c r="CL26" s="116">
        <v>82443181</v>
      </c>
      <c r="CM26" s="110">
        <v>0</v>
      </c>
      <c r="CN26" s="114">
        <v>0</v>
      </c>
      <c r="CO26" s="113">
        <v>0</v>
      </c>
      <c r="CP26" s="111">
        <v>0</v>
      </c>
      <c r="CQ26" s="114">
        <v>15390999</v>
      </c>
      <c r="CR26" s="114">
        <v>23757905</v>
      </c>
      <c r="CS26" s="114">
        <v>17482175</v>
      </c>
      <c r="CT26" s="114">
        <v>8966735</v>
      </c>
      <c r="CU26" s="114">
        <v>3648480</v>
      </c>
      <c r="CV26" s="113">
        <v>69246294</v>
      </c>
      <c r="CW26" s="116">
        <v>69246294</v>
      </c>
      <c r="CX26" s="110">
        <v>637363</v>
      </c>
      <c r="CY26" s="114">
        <v>1750000</v>
      </c>
      <c r="CZ26" s="113">
        <v>2387363</v>
      </c>
      <c r="DA26" s="110">
        <v>0</v>
      </c>
      <c r="DB26" s="114">
        <v>2446775</v>
      </c>
      <c r="DC26" s="114">
        <v>3970249</v>
      </c>
      <c r="DD26" s="114">
        <v>2619533</v>
      </c>
      <c r="DE26" s="114">
        <v>887661</v>
      </c>
      <c r="DF26" s="114">
        <v>885306</v>
      </c>
      <c r="DG26" s="113">
        <v>10809524</v>
      </c>
      <c r="DH26" s="116">
        <v>13196887</v>
      </c>
      <c r="DI26" s="110">
        <v>18865</v>
      </c>
      <c r="DJ26" s="114">
        <v>75155</v>
      </c>
      <c r="DK26" s="112">
        <v>94020</v>
      </c>
      <c r="DL26" s="111">
        <v>0</v>
      </c>
      <c r="DM26" s="114">
        <v>2082112</v>
      </c>
      <c r="DN26" s="114">
        <v>3239213</v>
      </c>
      <c r="DO26" s="114">
        <v>12554887</v>
      </c>
      <c r="DP26" s="114">
        <v>7654638</v>
      </c>
      <c r="DQ26" s="114">
        <v>5823910</v>
      </c>
      <c r="DR26" s="113">
        <v>31354760</v>
      </c>
      <c r="DS26" s="116">
        <v>31448780</v>
      </c>
      <c r="DT26" s="110">
        <v>18865</v>
      </c>
      <c r="DU26" s="114">
        <v>75155</v>
      </c>
      <c r="DV26" s="113">
        <v>94020</v>
      </c>
      <c r="DW26" s="110">
        <v>0</v>
      </c>
      <c r="DX26" s="114">
        <v>2082112</v>
      </c>
      <c r="DY26" s="114">
        <v>3025634</v>
      </c>
      <c r="DZ26" s="114">
        <v>12388570</v>
      </c>
      <c r="EA26" s="114">
        <v>7362006</v>
      </c>
      <c r="EB26" s="114">
        <v>5707369</v>
      </c>
      <c r="EC26" s="113">
        <v>30565691</v>
      </c>
      <c r="ED26" s="116">
        <v>30659711</v>
      </c>
      <c r="EE26" s="110">
        <v>0</v>
      </c>
      <c r="EF26" s="112">
        <v>0</v>
      </c>
      <c r="EG26" s="113">
        <v>0</v>
      </c>
      <c r="EH26" s="110">
        <v>0</v>
      </c>
      <c r="EI26" s="114">
        <v>0</v>
      </c>
      <c r="EJ26" s="114">
        <v>213579</v>
      </c>
      <c r="EK26" s="114">
        <v>166317</v>
      </c>
      <c r="EL26" s="114">
        <v>292632</v>
      </c>
      <c r="EM26" s="114">
        <v>116541</v>
      </c>
      <c r="EN26" s="112">
        <v>789069</v>
      </c>
      <c r="EO26" s="116">
        <v>78906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619475</v>
      </c>
      <c r="FM26" s="114">
        <v>3042981</v>
      </c>
      <c r="FN26" s="113">
        <v>4662456</v>
      </c>
      <c r="FO26" s="110">
        <v>0</v>
      </c>
      <c r="FP26" s="114">
        <v>3481413</v>
      </c>
      <c r="FQ26" s="114">
        <v>9533257</v>
      </c>
      <c r="FR26" s="114">
        <v>6454838</v>
      </c>
      <c r="FS26" s="114">
        <v>5727510</v>
      </c>
      <c r="FT26" s="114">
        <v>3500769</v>
      </c>
      <c r="FU26" s="113">
        <v>28697787</v>
      </c>
      <c r="FV26" s="116">
        <v>33360243</v>
      </c>
      <c r="FW26" s="115">
        <v>844023</v>
      </c>
      <c r="FX26" s="114">
        <v>2268167</v>
      </c>
      <c r="FY26" s="112">
        <v>3112190</v>
      </c>
      <c r="FZ26" s="111">
        <v>0</v>
      </c>
      <c r="GA26" s="114">
        <v>2811578</v>
      </c>
      <c r="GB26" s="114">
        <v>8849101</v>
      </c>
      <c r="GC26" s="114">
        <v>6166301</v>
      </c>
      <c r="GD26" s="114">
        <v>5522252</v>
      </c>
      <c r="GE26" s="114">
        <v>3500769</v>
      </c>
      <c r="GF26" s="113">
        <v>26850001</v>
      </c>
      <c r="GG26" s="318">
        <v>29962191</v>
      </c>
      <c r="GH26" s="115">
        <v>15592</v>
      </c>
      <c r="GI26" s="114">
        <v>197932</v>
      </c>
      <c r="GJ26" s="112">
        <v>213524</v>
      </c>
      <c r="GK26" s="111">
        <v>0</v>
      </c>
      <c r="GL26" s="114">
        <v>56677</v>
      </c>
      <c r="GM26" s="114">
        <v>106954</v>
      </c>
      <c r="GN26" s="114">
        <v>143907</v>
      </c>
      <c r="GO26" s="114">
        <v>123498</v>
      </c>
      <c r="GP26" s="114">
        <v>0</v>
      </c>
      <c r="GQ26" s="113">
        <v>431036</v>
      </c>
      <c r="GR26" s="116">
        <v>644560</v>
      </c>
      <c r="GS26" s="110">
        <v>759860</v>
      </c>
      <c r="GT26" s="114">
        <v>576882</v>
      </c>
      <c r="GU26" s="113">
        <v>1336742</v>
      </c>
      <c r="GV26" s="110">
        <v>0</v>
      </c>
      <c r="GW26" s="114">
        <v>613158</v>
      </c>
      <c r="GX26" s="114">
        <v>577202</v>
      </c>
      <c r="GY26" s="114">
        <v>144630</v>
      </c>
      <c r="GZ26" s="114">
        <v>81760</v>
      </c>
      <c r="HA26" s="114">
        <v>0</v>
      </c>
      <c r="HB26" s="112">
        <v>1416750</v>
      </c>
      <c r="HC26" s="116">
        <v>2753492</v>
      </c>
      <c r="HD26" s="110">
        <v>738754</v>
      </c>
      <c r="HE26" s="114">
        <v>1509089</v>
      </c>
      <c r="HF26" s="112">
        <v>2247843</v>
      </c>
      <c r="HG26" s="111">
        <v>0</v>
      </c>
      <c r="HH26" s="114">
        <v>12098474</v>
      </c>
      <c r="HI26" s="114">
        <v>11585250</v>
      </c>
      <c r="HJ26" s="114">
        <v>17712515</v>
      </c>
      <c r="HK26" s="114">
        <v>11604091</v>
      </c>
      <c r="HL26" s="114">
        <v>9598501</v>
      </c>
      <c r="HM26" s="113">
        <v>62598831</v>
      </c>
      <c r="HN26" s="109">
        <v>64846674</v>
      </c>
      <c r="HO26" s="115">
        <v>1164684</v>
      </c>
      <c r="HP26" s="114">
        <v>1928300</v>
      </c>
      <c r="HQ26" s="113">
        <v>3092984</v>
      </c>
      <c r="HR26" s="110">
        <v>0</v>
      </c>
      <c r="HS26" s="114">
        <v>11324687</v>
      </c>
      <c r="HT26" s="114">
        <v>13483339</v>
      </c>
      <c r="HU26" s="114">
        <v>8666982</v>
      </c>
      <c r="HV26" s="114">
        <v>5446441</v>
      </c>
      <c r="HW26" s="114">
        <v>3300791</v>
      </c>
      <c r="HX26" s="112">
        <v>42222240</v>
      </c>
      <c r="HY26" s="116">
        <v>45315224</v>
      </c>
      <c r="HZ26" s="150">
        <v>0</v>
      </c>
      <c r="IA26" s="135">
        <v>0</v>
      </c>
      <c r="IB26" s="150">
        <v>0</v>
      </c>
      <c r="IC26" s="134">
        <v>0</v>
      </c>
      <c r="ID26" s="135">
        <v>14711673</v>
      </c>
      <c r="IE26" s="136">
        <v>22103270</v>
      </c>
      <c r="IF26" s="137">
        <v>20543150</v>
      </c>
      <c r="IG26" s="135">
        <v>10266426</v>
      </c>
      <c r="IH26" s="137">
        <v>8090750</v>
      </c>
      <c r="II26" s="138">
        <v>75715269</v>
      </c>
      <c r="IJ26" s="150">
        <v>75715269</v>
      </c>
      <c r="IK26" s="232">
        <v>0</v>
      </c>
      <c r="IL26" s="236">
        <v>0</v>
      </c>
      <c r="IM26" s="237">
        <v>0</v>
      </c>
      <c r="IN26" s="140"/>
      <c r="IO26" s="119">
        <v>250367</v>
      </c>
      <c r="IP26" s="119">
        <v>916565</v>
      </c>
      <c r="IQ26" s="119">
        <v>0</v>
      </c>
      <c r="IR26" s="119">
        <v>1067981</v>
      </c>
      <c r="IS26" s="119">
        <v>0</v>
      </c>
      <c r="IT26" s="141">
        <v>2234913</v>
      </c>
      <c r="IU26" s="320">
        <v>2234913</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7558375</v>
      </c>
      <c r="JL26" s="119">
        <v>10145616</v>
      </c>
      <c r="JM26" s="119">
        <v>5563864</v>
      </c>
      <c r="JN26" s="119">
        <v>2785742</v>
      </c>
      <c r="JO26" s="119">
        <v>1392101</v>
      </c>
      <c r="JP26" s="120">
        <v>27445698</v>
      </c>
      <c r="JQ26" s="320">
        <v>27445698</v>
      </c>
      <c r="JR26" s="142">
        <v>0</v>
      </c>
      <c r="JS26" s="119">
        <v>0</v>
      </c>
      <c r="JT26" s="141">
        <v>0</v>
      </c>
      <c r="JU26" s="118">
        <v>0</v>
      </c>
      <c r="JV26" s="119">
        <v>0</v>
      </c>
      <c r="JW26" s="119">
        <v>0</v>
      </c>
      <c r="JX26" s="119">
        <v>21288</v>
      </c>
      <c r="JY26" s="119">
        <v>0</v>
      </c>
      <c r="JZ26" s="119">
        <v>126180</v>
      </c>
      <c r="KA26" s="120">
        <v>147468</v>
      </c>
      <c r="KB26" s="320">
        <v>147468</v>
      </c>
      <c r="KC26" s="234">
        <v>0</v>
      </c>
      <c r="KD26" s="230">
        <v>0</v>
      </c>
      <c r="KE26" s="120">
        <v>0</v>
      </c>
      <c r="KF26" s="118">
        <v>0</v>
      </c>
      <c r="KG26" s="119">
        <v>709560</v>
      </c>
      <c r="KH26" s="119">
        <v>893048</v>
      </c>
      <c r="KI26" s="119">
        <v>3880251</v>
      </c>
      <c r="KJ26" s="119">
        <v>1944483</v>
      </c>
      <c r="KK26" s="119">
        <v>1244915</v>
      </c>
      <c r="KL26" s="120">
        <v>8672257</v>
      </c>
      <c r="KM26" s="143">
        <v>8672257</v>
      </c>
      <c r="KN26" s="232">
        <v>0</v>
      </c>
      <c r="KO26" s="236">
        <v>0</v>
      </c>
      <c r="KP26" s="237">
        <v>0</v>
      </c>
      <c r="KQ26" s="140"/>
      <c r="KR26" s="119">
        <v>5903889</v>
      </c>
      <c r="KS26" s="119">
        <v>9553876</v>
      </c>
      <c r="KT26" s="119">
        <v>11077747</v>
      </c>
      <c r="KU26" s="119">
        <v>3841903</v>
      </c>
      <c r="KV26" s="119">
        <v>3236589</v>
      </c>
      <c r="KW26" s="120">
        <v>33614004</v>
      </c>
      <c r="KX26" s="320">
        <v>33614004</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289482</v>
      </c>
      <c r="LZ26" s="119">
        <v>594165</v>
      </c>
      <c r="MA26" s="119">
        <v>0</v>
      </c>
      <c r="MB26" s="119">
        <v>626317</v>
      </c>
      <c r="MC26" s="119">
        <v>2090965</v>
      </c>
      <c r="MD26" s="120">
        <v>3600929</v>
      </c>
      <c r="ME26" s="121">
        <v>3600929</v>
      </c>
      <c r="MF26" s="142">
        <v>0</v>
      </c>
      <c r="MG26" s="119">
        <v>0</v>
      </c>
      <c r="MH26" s="120">
        <v>0</v>
      </c>
      <c r="MI26" s="145"/>
      <c r="MJ26" s="119">
        <v>5514843</v>
      </c>
      <c r="MK26" s="119">
        <v>11590410</v>
      </c>
      <c r="ML26" s="119">
        <v>56472412</v>
      </c>
      <c r="MM26" s="119">
        <v>70240583</v>
      </c>
      <c r="MN26" s="119">
        <v>57066560</v>
      </c>
      <c r="MO26" s="120">
        <v>200884808</v>
      </c>
      <c r="MP26" s="143">
        <v>200884808</v>
      </c>
      <c r="MQ26" s="142">
        <v>0</v>
      </c>
      <c r="MR26" s="119">
        <v>0</v>
      </c>
      <c r="MS26" s="120">
        <v>0</v>
      </c>
      <c r="MT26" s="145"/>
      <c r="MU26" s="119">
        <v>1430567</v>
      </c>
      <c r="MV26" s="119">
        <v>2793215</v>
      </c>
      <c r="MW26" s="119">
        <v>44541311</v>
      </c>
      <c r="MX26" s="119">
        <v>51018236</v>
      </c>
      <c r="MY26" s="119">
        <v>43210912</v>
      </c>
      <c r="MZ26" s="120">
        <v>142994241</v>
      </c>
      <c r="NA26" s="143">
        <v>142994241</v>
      </c>
      <c r="NB26" s="142">
        <v>0</v>
      </c>
      <c r="NC26" s="119">
        <v>0</v>
      </c>
      <c r="ND26" s="120">
        <v>0</v>
      </c>
      <c r="NE26" s="145"/>
      <c r="NF26" s="119">
        <v>4084276</v>
      </c>
      <c r="NG26" s="119">
        <v>8797195</v>
      </c>
      <c r="NH26" s="119">
        <v>11195635</v>
      </c>
      <c r="NI26" s="119">
        <v>14610008</v>
      </c>
      <c r="NJ26" s="119">
        <v>7492867</v>
      </c>
      <c r="NK26" s="120">
        <v>46179981</v>
      </c>
      <c r="NL26" s="320">
        <v>46179981</v>
      </c>
      <c r="NM26" s="142">
        <v>0</v>
      </c>
      <c r="NN26" s="119">
        <v>0</v>
      </c>
      <c r="NO26" s="120">
        <v>0</v>
      </c>
      <c r="NP26" s="145"/>
      <c r="NQ26" s="119">
        <v>0</v>
      </c>
      <c r="NR26" s="119">
        <v>0</v>
      </c>
      <c r="NS26" s="119">
        <v>362074</v>
      </c>
      <c r="NT26" s="119">
        <v>656298</v>
      </c>
      <c r="NU26" s="119">
        <v>352607</v>
      </c>
      <c r="NV26" s="120">
        <v>1370979</v>
      </c>
      <c r="NW26" s="121">
        <v>1370979</v>
      </c>
      <c r="NX26" s="142">
        <v>0</v>
      </c>
      <c r="NY26" s="119">
        <v>0</v>
      </c>
      <c r="NZ26" s="120">
        <v>0</v>
      </c>
      <c r="OA26" s="145"/>
      <c r="OB26" s="119">
        <v>0</v>
      </c>
      <c r="OC26" s="119">
        <v>0</v>
      </c>
      <c r="OD26" s="119">
        <v>373392</v>
      </c>
      <c r="OE26" s="119">
        <v>3956041</v>
      </c>
      <c r="OF26" s="119">
        <v>6010174</v>
      </c>
      <c r="OG26" s="120">
        <v>10339607</v>
      </c>
      <c r="OH26" s="121">
        <v>10339607</v>
      </c>
      <c r="OI26" s="142">
        <v>6211464</v>
      </c>
      <c r="OJ26" s="119">
        <v>12036942</v>
      </c>
      <c r="OK26" s="141">
        <v>18248406</v>
      </c>
      <c r="OL26" s="118">
        <v>0</v>
      </c>
      <c r="OM26" s="119">
        <v>86478291</v>
      </c>
      <c r="ON26" s="119">
        <v>134668514</v>
      </c>
      <c r="OO26" s="119">
        <v>173514222</v>
      </c>
      <c r="OP26" s="119">
        <v>152533630</v>
      </c>
      <c r="OQ26" s="119">
        <v>119266941</v>
      </c>
      <c r="OR26" s="120">
        <v>666461598</v>
      </c>
      <c r="OS26" s="143">
        <v>684710004</v>
      </c>
    </row>
    <row r="27" spans="2:409" ht="21" customHeight="1" x14ac:dyDescent="0.2">
      <c r="B27" s="62" t="s">
        <v>22</v>
      </c>
      <c r="C27" s="110">
        <v>1194215</v>
      </c>
      <c r="D27" s="114">
        <v>3009782</v>
      </c>
      <c r="E27" s="113">
        <v>4203997</v>
      </c>
      <c r="F27" s="109">
        <v>0</v>
      </c>
      <c r="G27" s="114">
        <v>24974932</v>
      </c>
      <c r="H27" s="114">
        <v>29901203</v>
      </c>
      <c r="I27" s="114">
        <v>25481176</v>
      </c>
      <c r="J27" s="114">
        <v>21301425</v>
      </c>
      <c r="K27" s="114">
        <v>17461754</v>
      </c>
      <c r="L27" s="173">
        <v>119120490</v>
      </c>
      <c r="M27" s="116">
        <v>123324487</v>
      </c>
      <c r="N27" s="110">
        <v>123915</v>
      </c>
      <c r="O27" s="114">
        <v>419793</v>
      </c>
      <c r="P27" s="113">
        <v>543708</v>
      </c>
      <c r="Q27" s="110">
        <v>0</v>
      </c>
      <c r="R27" s="114">
        <v>4482776</v>
      </c>
      <c r="S27" s="114">
        <v>7035057</v>
      </c>
      <c r="T27" s="114">
        <v>5714174</v>
      </c>
      <c r="U27" s="114">
        <v>6071482</v>
      </c>
      <c r="V27" s="114">
        <v>8069106</v>
      </c>
      <c r="W27" s="113">
        <v>31372595</v>
      </c>
      <c r="X27" s="116">
        <v>31916303</v>
      </c>
      <c r="Y27" s="110">
        <v>0</v>
      </c>
      <c r="Z27" s="114">
        <v>0</v>
      </c>
      <c r="AA27" s="113">
        <v>0</v>
      </c>
      <c r="AB27" s="110">
        <v>0</v>
      </c>
      <c r="AC27" s="114">
        <v>1657881</v>
      </c>
      <c r="AD27" s="114">
        <v>3067627</v>
      </c>
      <c r="AE27" s="114">
        <v>2967144</v>
      </c>
      <c r="AF27" s="114">
        <v>3537968</v>
      </c>
      <c r="AG27" s="114">
        <v>5200543</v>
      </c>
      <c r="AH27" s="113">
        <v>16431163</v>
      </c>
      <c r="AI27" s="116">
        <v>16431163</v>
      </c>
      <c r="AJ27" s="110">
        <v>0</v>
      </c>
      <c r="AK27" s="114">
        <v>0</v>
      </c>
      <c r="AL27" s="113">
        <v>0</v>
      </c>
      <c r="AM27" s="110">
        <v>0</v>
      </c>
      <c r="AN27" s="114">
        <v>12294</v>
      </c>
      <c r="AO27" s="114">
        <v>61461</v>
      </c>
      <c r="AP27" s="114">
        <v>290340</v>
      </c>
      <c r="AQ27" s="114">
        <v>554309</v>
      </c>
      <c r="AR27" s="114">
        <v>1014046</v>
      </c>
      <c r="AS27" s="113">
        <v>1932450</v>
      </c>
      <c r="AT27" s="116">
        <v>1932450</v>
      </c>
      <c r="AU27" s="110">
        <v>89202</v>
      </c>
      <c r="AV27" s="114">
        <v>242325</v>
      </c>
      <c r="AW27" s="113">
        <v>331527</v>
      </c>
      <c r="AX27" s="110">
        <v>0</v>
      </c>
      <c r="AY27" s="114">
        <v>1826536</v>
      </c>
      <c r="AZ27" s="114">
        <v>2333363</v>
      </c>
      <c r="BA27" s="114">
        <v>1243809</v>
      </c>
      <c r="BB27" s="114">
        <v>1233554</v>
      </c>
      <c r="BC27" s="114">
        <v>1236852</v>
      </c>
      <c r="BD27" s="113">
        <v>7874114</v>
      </c>
      <c r="BE27" s="116">
        <v>8205641</v>
      </c>
      <c r="BF27" s="110">
        <v>0</v>
      </c>
      <c r="BG27" s="114">
        <v>69228</v>
      </c>
      <c r="BH27" s="112">
        <v>69228</v>
      </c>
      <c r="BI27" s="111">
        <v>0</v>
      </c>
      <c r="BJ27" s="114">
        <v>133662</v>
      </c>
      <c r="BK27" s="114">
        <v>625721</v>
      </c>
      <c r="BL27" s="114">
        <v>268332</v>
      </c>
      <c r="BM27" s="114">
        <v>74785</v>
      </c>
      <c r="BN27" s="114">
        <v>160336</v>
      </c>
      <c r="BO27" s="113">
        <v>1262836</v>
      </c>
      <c r="BP27" s="116">
        <v>1332064</v>
      </c>
      <c r="BQ27" s="110">
        <v>34713</v>
      </c>
      <c r="BR27" s="114">
        <v>108240</v>
      </c>
      <c r="BS27" s="113">
        <v>142953</v>
      </c>
      <c r="BT27" s="110">
        <v>0</v>
      </c>
      <c r="BU27" s="114">
        <v>852403</v>
      </c>
      <c r="BV27" s="114">
        <v>946885</v>
      </c>
      <c r="BW27" s="114">
        <v>944549</v>
      </c>
      <c r="BX27" s="114">
        <v>670866</v>
      </c>
      <c r="BY27" s="114">
        <v>457329</v>
      </c>
      <c r="BZ27" s="113">
        <v>3872032</v>
      </c>
      <c r="CA27" s="116">
        <v>4014985</v>
      </c>
      <c r="CB27" s="110">
        <v>23186</v>
      </c>
      <c r="CC27" s="114">
        <v>258367</v>
      </c>
      <c r="CD27" s="113">
        <v>281553</v>
      </c>
      <c r="CE27" s="110">
        <v>0</v>
      </c>
      <c r="CF27" s="114">
        <v>6994566</v>
      </c>
      <c r="CG27" s="114">
        <v>9685401</v>
      </c>
      <c r="CH27" s="114">
        <v>4925258</v>
      </c>
      <c r="CI27" s="114">
        <v>4759887</v>
      </c>
      <c r="CJ27" s="114">
        <v>2430373</v>
      </c>
      <c r="CK27" s="113">
        <v>28795485</v>
      </c>
      <c r="CL27" s="116">
        <v>29077038</v>
      </c>
      <c r="CM27" s="110">
        <v>0</v>
      </c>
      <c r="CN27" s="114">
        <v>0</v>
      </c>
      <c r="CO27" s="113">
        <v>0</v>
      </c>
      <c r="CP27" s="111">
        <v>0</v>
      </c>
      <c r="CQ27" s="114">
        <v>5918669</v>
      </c>
      <c r="CR27" s="114">
        <v>8266088</v>
      </c>
      <c r="CS27" s="114">
        <v>3735055</v>
      </c>
      <c r="CT27" s="114">
        <v>3741652</v>
      </c>
      <c r="CU27" s="114">
        <v>1823007</v>
      </c>
      <c r="CV27" s="113">
        <v>23484471</v>
      </c>
      <c r="CW27" s="116">
        <v>23484471</v>
      </c>
      <c r="CX27" s="110">
        <v>23186</v>
      </c>
      <c r="CY27" s="114">
        <v>258367</v>
      </c>
      <c r="CZ27" s="113">
        <v>281553</v>
      </c>
      <c r="DA27" s="110">
        <v>0</v>
      </c>
      <c r="DB27" s="114">
        <v>1075897</v>
      </c>
      <c r="DC27" s="114">
        <v>1419313</v>
      </c>
      <c r="DD27" s="114">
        <v>1190203</v>
      </c>
      <c r="DE27" s="114">
        <v>1018235</v>
      </c>
      <c r="DF27" s="114">
        <v>607366</v>
      </c>
      <c r="DG27" s="113">
        <v>5311014</v>
      </c>
      <c r="DH27" s="116">
        <v>5592567</v>
      </c>
      <c r="DI27" s="110">
        <v>0</v>
      </c>
      <c r="DJ27" s="114">
        <v>0</v>
      </c>
      <c r="DK27" s="112">
        <v>0</v>
      </c>
      <c r="DL27" s="111">
        <v>0</v>
      </c>
      <c r="DM27" s="114">
        <v>569384</v>
      </c>
      <c r="DN27" s="114">
        <v>1328110</v>
      </c>
      <c r="DO27" s="114">
        <v>3690287</v>
      </c>
      <c r="DP27" s="114">
        <v>2269674</v>
      </c>
      <c r="DQ27" s="114">
        <v>1443596</v>
      </c>
      <c r="DR27" s="113">
        <v>9301051</v>
      </c>
      <c r="DS27" s="116">
        <v>9301051</v>
      </c>
      <c r="DT27" s="110">
        <v>0</v>
      </c>
      <c r="DU27" s="114">
        <v>0</v>
      </c>
      <c r="DV27" s="113">
        <v>0</v>
      </c>
      <c r="DW27" s="110">
        <v>0</v>
      </c>
      <c r="DX27" s="114">
        <v>569384</v>
      </c>
      <c r="DY27" s="114">
        <v>1268411</v>
      </c>
      <c r="DZ27" s="114">
        <v>3377182</v>
      </c>
      <c r="EA27" s="114">
        <v>2033055</v>
      </c>
      <c r="EB27" s="114">
        <v>1418532</v>
      </c>
      <c r="EC27" s="113">
        <v>8666564</v>
      </c>
      <c r="ED27" s="116">
        <v>8666564</v>
      </c>
      <c r="EE27" s="110">
        <v>0</v>
      </c>
      <c r="EF27" s="112">
        <v>0</v>
      </c>
      <c r="EG27" s="113">
        <v>0</v>
      </c>
      <c r="EH27" s="110">
        <v>0</v>
      </c>
      <c r="EI27" s="114">
        <v>0</v>
      </c>
      <c r="EJ27" s="114">
        <v>59699</v>
      </c>
      <c r="EK27" s="114">
        <v>313105</v>
      </c>
      <c r="EL27" s="114">
        <v>236619</v>
      </c>
      <c r="EM27" s="114">
        <v>25064</v>
      </c>
      <c r="EN27" s="112">
        <v>634487</v>
      </c>
      <c r="EO27" s="116">
        <v>634487</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42977</v>
      </c>
      <c r="FM27" s="114">
        <v>1033080</v>
      </c>
      <c r="FN27" s="113">
        <v>1476057</v>
      </c>
      <c r="FO27" s="110">
        <v>0</v>
      </c>
      <c r="FP27" s="114">
        <v>2115492</v>
      </c>
      <c r="FQ27" s="114">
        <v>3303747</v>
      </c>
      <c r="FR27" s="114">
        <v>2174602</v>
      </c>
      <c r="FS27" s="114">
        <v>1656600</v>
      </c>
      <c r="FT27" s="114">
        <v>1753386</v>
      </c>
      <c r="FU27" s="113">
        <v>11003827</v>
      </c>
      <c r="FV27" s="116">
        <v>12479884</v>
      </c>
      <c r="FW27" s="115">
        <v>277568</v>
      </c>
      <c r="FX27" s="114">
        <v>832820</v>
      </c>
      <c r="FY27" s="112">
        <v>1110388</v>
      </c>
      <c r="FZ27" s="111">
        <v>0</v>
      </c>
      <c r="GA27" s="114">
        <v>1380570</v>
      </c>
      <c r="GB27" s="114">
        <v>3061953</v>
      </c>
      <c r="GC27" s="114">
        <v>2104729</v>
      </c>
      <c r="GD27" s="114">
        <v>1594230</v>
      </c>
      <c r="GE27" s="114">
        <v>1648250</v>
      </c>
      <c r="GF27" s="113">
        <v>9789732</v>
      </c>
      <c r="GG27" s="318">
        <v>10900120</v>
      </c>
      <c r="GH27" s="115">
        <v>84823</v>
      </c>
      <c r="GI27" s="114">
        <v>42400</v>
      </c>
      <c r="GJ27" s="112">
        <v>127223</v>
      </c>
      <c r="GK27" s="111">
        <v>0</v>
      </c>
      <c r="GL27" s="114">
        <v>28442</v>
      </c>
      <c r="GM27" s="114">
        <v>38610</v>
      </c>
      <c r="GN27" s="114">
        <v>61776</v>
      </c>
      <c r="GO27" s="114">
        <v>62370</v>
      </c>
      <c r="GP27" s="114">
        <v>105136</v>
      </c>
      <c r="GQ27" s="113">
        <v>296334</v>
      </c>
      <c r="GR27" s="116">
        <v>423557</v>
      </c>
      <c r="GS27" s="110">
        <v>80586</v>
      </c>
      <c r="GT27" s="114">
        <v>157860</v>
      </c>
      <c r="GU27" s="113">
        <v>238446</v>
      </c>
      <c r="GV27" s="110">
        <v>0</v>
      </c>
      <c r="GW27" s="114">
        <v>706480</v>
      </c>
      <c r="GX27" s="114">
        <v>203184</v>
      </c>
      <c r="GY27" s="114">
        <v>8097</v>
      </c>
      <c r="GZ27" s="114">
        <v>0</v>
      </c>
      <c r="HA27" s="114">
        <v>0</v>
      </c>
      <c r="HB27" s="112">
        <v>917761</v>
      </c>
      <c r="HC27" s="116">
        <v>1156207</v>
      </c>
      <c r="HD27" s="110">
        <v>339717</v>
      </c>
      <c r="HE27" s="114">
        <v>593590</v>
      </c>
      <c r="HF27" s="112">
        <v>933307</v>
      </c>
      <c r="HG27" s="111">
        <v>0</v>
      </c>
      <c r="HH27" s="114">
        <v>5836250</v>
      </c>
      <c r="HI27" s="114">
        <v>3955343</v>
      </c>
      <c r="HJ27" s="114">
        <v>6315624</v>
      </c>
      <c r="HK27" s="114">
        <v>4751965</v>
      </c>
      <c r="HL27" s="114">
        <v>2396135</v>
      </c>
      <c r="HM27" s="113">
        <v>23255317</v>
      </c>
      <c r="HN27" s="109">
        <v>24188624</v>
      </c>
      <c r="HO27" s="115">
        <v>264420</v>
      </c>
      <c r="HP27" s="114">
        <v>704952</v>
      </c>
      <c r="HQ27" s="113">
        <v>969372</v>
      </c>
      <c r="HR27" s="110">
        <v>0</v>
      </c>
      <c r="HS27" s="114">
        <v>4976464</v>
      </c>
      <c r="HT27" s="114">
        <v>4593545</v>
      </c>
      <c r="HU27" s="114">
        <v>2661231</v>
      </c>
      <c r="HV27" s="114">
        <v>1791817</v>
      </c>
      <c r="HW27" s="114">
        <v>1369158</v>
      </c>
      <c r="HX27" s="112">
        <v>15392215</v>
      </c>
      <c r="HY27" s="116">
        <v>16361587</v>
      </c>
      <c r="HZ27" s="131">
        <v>111159</v>
      </c>
      <c r="IA27" s="132">
        <v>319725</v>
      </c>
      <c r="IB27" s="133">
        <v>430884</v>
      </c>
      <c r="IC27" s="146">
        <v>0</v>
      </c>
      <c r="ID27" s="132">
        <v>11704489</v>
      </c>
      <c r="IE27" s="147">
        <v>16518930</v>
      </c>
      <c r="IF27" s="133">
        <v>12956459</v>
      </c>
      <c r="IG27" s="132">
        <v>13052917</v>
      </c>
      <c r="IH27" s="133">
        <v>5014728</v>
      </c>
      <c r="II27" s="148">
        <v>59247523</v>
      </c>
      <c r="IJ27" s="139">
        <v>59678407</v>
      </c>
      <c r="IK27" s="232">
        <v>0</v>
      </c>
      <c r="IL27" s="236">
        <v>0</v>
      </c>
      <c r="IM27" s="237">
        <v>0</v>
      </c>
      <c r="IN27" s="140"/>
      <c r="IO27" s="119">
        <v>162540</v>
      </c>
      <c r="IP27" s="119">
        <v>623515</v>
      </c>
      <c r="IQ27" s="119">
        <v>876758</v>
      </c>
      <c r="IR27" s="119">
        <v>223623</v>
      </c>
      <c r="IS27" s="119">
        <v>0</v>
      </c>
      <c r="IT27" s="141">
        <v>1886436</v>
      </c>
      <c r="IU27" s="320">
        <v>188643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230804</v>
      </c>
      <c r="JL27" s="119">
        <v>6990946</v>
      </c>
      <c r="JM27" s="119">
        <v>3057164</v>
      </c>
      <c r="JN27" s="119">
        <v>2550243</v>
      </c>
      <c r="JO27" s="119">
        <v>1456542</v>
      </c>
      <c r="JP27" s="120">
        <v>20285699</v>
      </c>
      <c r="JQ27" s="320">
        <v>20285699</v>
      </c>
      <c r="JR27" s="142">
        <v>31455</v>
      </c>
      <c r="JS27" s="119">
        <v>0</v>
      </c>
      <c r="JT27" s="141">
        <v>31455</v>
      </c>
      <c r="JU27" s="118">
        <v>0</v>
      </c>
      <c r="JV27" s="119">
        <v>316305</v>
      </c>
      <c r="JW27" s="119">
        <v>650979</v>
      </c>
      <c r="JX27" s="119">
        <v>294652</v>
      </c>
      <c r="JY27" s="119">
        <v>550339</v>
      </c>
      <c r="JZ27" s="119">
        <v>134055</v>
      </c>
      <c r="KA27" s="120">
        <v>1946330</v>
      </c>
      <c r="KB27" s="320">
        <v>1977785</v>
      </c>
      <c r="KC27" s="234">
        <v>79704</v>
      </c>
      <c r="KD27" s="230">
        <v>319725</v>
      </c>
      <c r="KE27" s="120">
        <v>399429</v>
      </c>
      <c r="KF27" s="118">
        <v>0</v>
      </c>
      <c r="KG27" s="119">
        <v>1464611</v>
      </c>
      <c r="KH27" s="119">
        <v>2985667</v>
      </c>
      <c r="KI27" s="119">
        <v>4471335</v>
      </c>
      <c r="KJ27" s="119">
        <v>2611800</v>
      </c>
      <c r="KK27" s="119">
        <v>859842</v>
      </c>
      <c r="KL27" s="120">
        <v>12393255</v>
      </c>
      <c r="KM27" s="143">
        <v>12792684</v>
      </c>
      <c r="KN27" s="232">
        <v>0</v>
      </c>
      <c r="KO27" s="236">
        <v>0</v>
      </c>
      <c r="KP27" s="237">
        <v>0</v>
      </c>
      <c r="KQ27" s="140"/>
      <c r="KR27" s="119">
        <v>3530229</v>
      </c>
      <c r="KS27" s="119">
        <v>5267823</v>
      </c>
      <c r="KT27" s="119">
        <v>3330999</v>
      </c>
      <c r="KU27" s="119">
        <v>1544562</v>
      </c>
      <c r="KV27" s="119">
        <v>279531</v>
      </c>
      <c r="KW27" s="120">
        <v>13953144</v>
      </c>
      <c r="KX27" s="320">
        <v>13953144</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925551</v>
      </c>
      <c r="LQ27" s="119">
        <v>5572350</v>
      </c>
      <c r="LR27" s="119">
        <v>2284758</v>
      </c>
      <c r="LS27" s="120">
        <v>8782659</v>
      </c>
      <c r="LT27" s="320">
        <v>8782659</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3156117</v>
      </c>
      <c r="MK27" s="119">
        <v>8065297</v>
      </c>
      <c r="ML27" s="119">
        <v>18382956</v>
      </c>
      <c r="MM27" s="119">
        <v>28364557</v>
      </c>
      <c r="MN27" s="119">
        <v>16349319</v>
      </c>
      <c r="MO27" s="120">
        <v>74318246</v>
      </c>
      <c r="MP27" s="143">
        <v>74318246</v>
      </c>
      <c r="MQ27" s="142">
        <v>0</v>
      </c>
      <c r="MR27" s="119">
        <v>0</v>
      </c>
      <c r="MS27" s="120">
        <v>0</v>
      </c>
      <c r="MT27" s="145"/>
      <c r="MU27" s="119">
        <v>239328</v>
      </c>
      <c r="MV27" s="119">
        <v>411948</v>
      </c>
      <c r="MW27" s="119">
        <v>10923794</v>
      </c>
      <c r="MX27" s="119">
        <v>16641389</v>
      </c>
      <c r="MY27" s="119">
        <v>9550649</v>
      </c>
      <c r="MZ27" s="120">
        <v>37767108</v>
      </c>
      <c r="NA27" s="143">
        <v>37767108</v>
      </c>
      <c r="NB27" s="142">
        <v>0</v>
      </c>
      <c r="NC27" s="119">
        <v>0</v>
      </c>
      <c r="ND27" s="120">
        <v>0</v>
      </c>
      <c r="NE27" s="145"/>
      <c r="NF27" s="119">
        <v>2916789</v>
      </c>
      <c r="NG27" s="119">
        <v>7653349</v>
      </c>
      <c r="NH27" s="119">
        <v>7459162</v>
      </c>
      <c r="NI27" s="119">
        <v>9932663</v>
      </c>
      <c r="NJ27" s="119">
        <v>4443051</v>
      </c>
      <c r="NK27" s="120">
        <v>32405014</v>
      </c>
      <c r="NL27" s="320">
        <v>32405014</v>
      </c>
      <c r="NM27" s="142">
        <v>0</v>
      </c>
      <c r="NN27" s="119">
        <v>0</v>
      </c>
      <c r="NO27" s="120">
        <v>0</v>
      </c>
      <c r="NP27" s="145"/>
      <c r="NQ27" s="119">
        <v>0</v>
      </c>
      <c r="NR27" s="119">
        <v>0</v>
      </c>
      <c r="NS27" s="119">
        <v>0</v>
      </c>
      <c r="NT27" s="119">
        <v>0</v>
      </c>
      <c r="NU27" s="119">
        <v>1522196</v>
      </c>
      <c r="NV27" s="120">
        <v>1522196</v>
      </c>
      <c r="NW27" s="121">
        <v>1522196</v>
      </c>
      <c r="NX27" s="142">
        <v>0</v>
      </c>
      <c r="NY27" s="119">
        <v>0</v>
      </c>
      <c r="NZ27" s="120">
        <v>0</v>
      </c>
      <c r="OA27" s="145"/>
      <c r="OB27" s="119">
        <v>0</v>
      </c>
      <c r="OC27" s="119">
        <v>0</v>
      </c>
      <c r="OD27" s="119">
        <v>0</v>
      </c>
      <c r="OE27" s="119">
        <v>1790505</v>
      </c>
      <c r="OF27" s="119">
        <v>833423</v>
      </c>
      <c r="OG27" s="120">
        <v>2623928</v>
      </c>
      <c r="OH27" s="121">
        <v>2623928</v>
      </c>
      <c r="OI27" s="142">
        <v>1305374</v>
      </c>
      <c r="OJ27" s="119">
        <v>3329507</v>
      </c>
      <c r="OK27" s="141">
        <v>4634881</v>
      </c>
      <c r="OL27" s="118">
        <v>0</v>
      </c>
      <c r="OM27" s="119">
        <v>39835538</v>
      </c>
      <c r="ON27" s="119">
        <v>54485430</v>
      </c>
      <c r="OO27" s="119">
        <v>56820591</v>
      </c>
      <c r="OP27" s="119">
        <v>62718899</v>
      </c>
      <c r="OQ27" s="119">
        <v>38825801</v>
      </c>
      <c r="OR27" s="120">
        <v>252686259</v>
      </c>
      <c r="OS27" s="143">
        <v>257321140</v>
      </c>
    </row>
    <row r="28" spans="2:409" ht="21" customHeight="1" x14ac:dyDescent="0.2">
      <c r="B28" s="62" t="s">
        <v>23</v>
      </c>
      <c r="C28" s="110">
        <v>2974797</v>
      </c>
      <c r="D28" s="114">
        <v>5619600</v>
      </c>
      <c r="E28" s="113">
        <v>8594397</v>
      </c>
      <c r="F28" s="109">
        <v>0</v>
      </c>
      <c r="G28" s="114">
        <v>48256385</v>
      </c>
      <c r="H28" s="114">
        <v>57342918</v>
      </c>
      <c r="I28" s="114">
        <v>46987264</v>
      </c>
      <c r="J28" s="114">
        <v>53599073</v>
      </c>
      <c r="K28" s="114">
        <v>32858968</v>
      </c>
      <c r="L28" s="173">
        <v>239044608</v>
      </c>
      <c r="M28" s="116">
        <v>247639005</v>
      </c>
      <c r="N28" s="110">
        <v>960616</v>
      </c>
      <c r="O28" s="114">
        <v>1845142</v>
      </c>
      <c r="P28" s="113">
        <v>2805758</v>
      </c>
      <c r="Q28" s="110">
        <v>0</v>
      </c>
      <c r="R28" s="114">
        <v>11289489</v>
      </c>
      <c r="S28" s="114">
        <v>15383807</v>
      </c>
      <c r="T28" s="114">
        <v>12280569</v>
      </c>
      <c r="U28" s="114">
        <v>15121112</v>
      </c>
      <c r="V28" s="114">
        <v>12426484</v>
      </c>
      <c r="W28" s="113">
        <v>66501461</v>
      </c>
      <c r="X28" s="116">
        <v>69307219</v>
      </c>
      <c r="Y28" s="110">
        <v>0</v>
      </c>
      <c r="Z28" s="114">
        <v>0</v>
      </c>
      <c r="AA28" s="113">
        <v>0</v>
      </c>
      <c r="AB28" s="110">
        <v>0</v>
      </c>
      <c r="AC28" s="114">
        <v>4987453</v>
      </c>
      <c r="AD28" s="114">
        <v>7012940</v>
      </c>
      <c r="AE28" s="114">
        <v>7422510</v>
      </c>
      <c r="AF28" s="114">
        <v>8556536</v>
      </c>
      <c r="AG28" s="114">
        <v>6833299</v>
      </c>
      <c r="AH28" s="113">
        <v>34812738</v>
      </c>
      <c r="AI28" s="116">
        <v>34812738</v>
      </c>
      <c r="AJ28" s="110">
        <v>0</v>
      </c>
      <c r="AK28" s="114">
        <v>0</v>
      </c>
      <c r="AL28" s="113">
        <v>0</v>
      </c>
      <c r="AM28" s="110">
        <v>0</v>
      </c>
      <c r="AN28" s="114">
        <v>69687</v>
      </c>
      <c r="AO28" s="114">
        <v>244290</v>
      </c>
      <c r="AP28" s="114">
        <v>158522</v>
      </c>
      <c r="AQ28" s="114">
        <v>557169</v>
      </c>
      <c r="AR28" s="114">
        <v>1319054</v>
      </c>
      <c r="AS28" s="113">
        <v>2348722</v>
      </c>
      <c r="AT28" s="116">
        <v>2348722</v>
      </c>
      <c r="AU28" s="110">
        <v>764655</v>
      </c>
      <c r="AV28" s="114">
        <v>1527021</v>
      </c>
      <c r="AW28" s="113">
        <v>2291676</v>
      </c>
      <c r="AX28" s="110">
        <v>0</v>
      </c>
      <c r="AY28" s="114">
        <v>3515259</v>
      </c>
      <c r="AZ28" s="114">
        <v>5252086</v>
      </c>
      <c r="BA28" s="114">
        <v>2397247</v>
      </c>
      <c r="BB28" s="114">
        <v>3286700</v>
      </c>
      <c r="BC28" s="114">
        <v>2271127</v>
      </c>
      <c r="BD28" s="113">
        <v>16722419</v>
      </c>
      <c r="BE28" s="116">
        <v>19014095</v>
      </c>
      <c r="BF28" s="110">
        <v>68300</v>
      </c>
      <c r="BG28" s="114">
        <v>140479</v>
      </c>
      <c r="BH28" s="112">
        <v>208779</v>
      </c>
      <c r="BI28" s="111">
        <v>0</v>
      </c>
      <c r="BJ28" s="114">
        <v>450657</v>
      </c>
      <c r="BK28" s="114">
        <v>750413</v>
      </c>
      <c r="BL28" s="114">
        <v>293525</v>
      </c>
      <c r="BM28" s="114">
        <v>321682</v>
      </c>
      <c r="BN28" s="114">
        <v>315031</v>
      </c>
      <c r="BO28" s="113">
        <v>2131308</v>
      </c>
      <c r="BP28" s="116">
        <v>2340087</v>
      </c>
      <c r="BQ28" s="110">
        <v>127661</v>
      </c>
      <c r="BR28" s="114">
        <v>177642</v>
      </c>
      <c r="BS28" s="113">
        <v>305303</v>
      </c>
      <c r="BT28" s="110">
        <v>0</v>
      </c>
      <c r="BU28" s="114">
        <v>2266433</v>
      </c>
      <c r="BV28" s="114">
        <v>2124078</v>
      </c>
      <c r="BW28" s="114">
        <v>2008765</v>
      </c>
      <c r="BX28" s="114">
        <v>2399025</v>
      </c>
      <c r="BY28" s="114">
        <v>1687973</v>
      </c>
      <c r="BZ28" s="113">
        <v>10486274</v>
      </c>
      <c r="CA28" s="116">
        <v>10791577</v>
      </c>
      <c r="CB28" s="110">
        <v>95039</v>
      </c>
      <c r="CC28" s="114">
        <v>456155</v>
      </c>
      <c r="CD28" s="113">
        <v>551194</v>
      </c>
      <c r="CE28" s="110">
        <v>0</v>
      </c>
      <c r="CF28" s="114">
        <v>16773858</v>
      </c>
      <c r="CG28" s="114">
        <v>19421267</v>
      </c>
      <c r="CH28" s="114">
        <v>15356167</v>
      </c>
      <c r="CI28" s="114">
        <v>11508448</v>
      </c>
      <c r="CJ28" s="114">
        <v>3736498</v>
      </c>
      <c r="CK28" s="113">
        <v>66796238</v>
      </c>
      <c r="CL28" s="116">
        <v>67347432</v>
      </c>
      <c r="CM28" s="110">
        <v>0</v>
      </c>
      <c r="CN28" s="114">
        <v>0</v>
      </c>
      <c r="CO28" s="113">
        <v>0</v>
      </c>
      <c r="CP28" s="111">
        <v>0</v>
      </c>
      <c r="CQ28" s="114">
        <v>14533312</v>
      </c>
      <c r="CR28" s="114">
        <v>16205567</v>
      </c>
      <c r="CS28" s="114">
        <v>12210950</v>
      </c>
      <c r="CT28" s="114">
        <v>9009363</v>
      </c>
      <c r="CU28" s="114">
        <v>3633779</v>
      </c>
      <c r="CV28" s="113">
        <v>55592971</v>
      </c>
      <c r="CW28" s="116">
        <v>55592971</v>
      </c>
      <c r="CX28" s="110">
        <v>95039</v>
      </c>
      <c r="CY28" s="114">
        <v>456155</v>
      </c>
      <c r="CZ28" s="113">
        <v>551194</v>
      </c>
      <c r="DA28" s="110">
        <v>0</v>
      </c>
      <c r="DB28" s="114">
        <v>2240546</v>
      </c>
      <c r="DC28" s="114">
        <v>3215700</v>
      </c>
      <c r="DD28" s="114">
        <v>3145217</v>
      </c>
      <c r="DE28" s="114">
        <v>2499085</v>
      </c>
      <c r="DF28" s="114">
        <v>102719</v>
      </c>
      <c r="DG28" s="113">
        <v>11203267</v>
      </c>
      <c r="DH28" s="116">
        <v>11754461</v>
      </c>
      <c r="DI28" s="110">
        <v>33811</v>
      </c>
      <c r="DJ28" s="114">
        <v>145611</v>
      </c>
      <c r="DK28" s="112">
        <v>179422</v>
      </c>
      <c r="DL28" s="111">
        <v>0</v>
      </c>
      <c r="DM28" s="114">
        <v>1332328</v>
      </c>
      <c r="DN28" s="114">
        <v>2374751</v>
      </c>
      <c r="DO28" s="114">
        <v>3650494</v>
      </c>
      <c r="DP28" s="114">
        <v>6063816</v>
      </c>
      <c r="DQ28" s="114">
        <v>2159622</v>
      </c>
      <c r="DR28" s="113">
        <v>15581011</v>
      </c>
      <c r="DS28" s="116">
        <v>15760433</v>
      </c>
      <c r="DT28" s="110">
        <v>33811</v>
      </c>
      <c r="DU28" s="114">
        <v>125539</v>
      </c>
      <c r="DV28" s="113">
        <v>159350</v>
      </c>
      <c r="DW28" s="110">
        <v>0</v>
      </c>
      <c r="DX28" s="114">
        <v>1302860</v>
      </c>
      <c r="DY28" s="114">
        <v>2257214</v>
      </c>
      <c r="DZ28" s="114">
        <v>3575039</v>
      </c>
      <c r="EA28" s="114">
        <v>5730549</v>
      </c>
      <c r="EB28" s="114">
        <v>1685219</v>
      </c>
      <c r="EC28" s="113">
        <v>14550881</v>
      </c>
      <c r="ED28" s="116">
        <v>14710231</v>
      </c>
      <c r="EE28" s="110">
        <v>0</v>
      </c>
      <c r="EF28" s="112">
        <v>20072</v>
      </c>
      <c r="EG28" s="113">
        <v>20072</v>
      </c>
      <c r="EH28" s="110">
        <v>0</v>
      </c>
      <c r="EI28" s="114">
        <v>29468</v>
      </c>
      <c r="EJ28" s="114">
        <v>117537</v>
      </c>
      <c r="EK28" s="114">
        <v>75455</v>
      </c>
      <c r="EL28" s="114">
        <v>333267</v>
      </c>
      <c r="EM28" s="114">
        <v>474403</v>
      </c>
      <c r="EN28" s="112">
        <v>1030130</v>
      </c>
      <c r="EO28" s="116">
        <v>1050202</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942860</v>
      </c>
      <c r="FM28" s="114">
        <v>1696286</v>
      </c>
      <c r="FN28" s="113">
        <v>2639146</v>
      </c>
      <c r="FO28" s="110">
        <v>0</v>
      </c>
      <c r="FP28" s="114">
        <v>2521675</v>
      </c>
      <c r="FQ28" s="114">
        <v>6066365</v>
      </c>
      <c r="FR28" s="114">
        <v>3066897</v>
      </c>
      <c r="FS28" s="114">
        <v>3460372</v>
      </c>
      <c r="FT28" s="114">
        <v>2000318</v>
      </c>
      <c r="FU28" s="113">
        <v>17115627</v>
      </c>
      <c r="FV28" s="116">
        <v>19754773</v>
      </c>
      <c r="FW28" s="115">
        <v>545090</v>
      </c>
      <c r="FX28" s="114">
        <v>1386218</v>
      </c>
      <c r="FY28" s="112">
        <v>1931308</v>
      </c>
      <c r="FZ28" s="111">
        <v>0</v>
      </c>
      <c r="GA28" s="114">
        <v>2283125</v>
      </c>
      <c r="GB28" s="114">
        <v>5548452</v>
      </c>
      <c r="GC28" s="114">
        <v>2964729</v>
      </c>
      <c r="GD28" s="114">
        <v>3391522</v>
      </c>
      <c r="GE28" s="114">
        <v>1956283</v>
      </c>
      <c r="GF28" s="113">
        <v>16144111</v>
      </c>
      <c r="GG28" s="318">
        <v>18075419</v>
      </c>
      <c r="GH28" s="115">
        <v>79170</v>
      </c>
      <c r="GI28" s="114">
        <v>35838</v>
      </c>
      <c r="GJ28" s="112">
        <v>115008</v>
      </c>
      <c r="GK28" s="111">
        <v>0</v>
      </c>
      <c r="GL28" s="114">
        <v>60930</v>
      </c>
      <c r="GM28" s="114">
        <v>262331</v>
      </c>
      <c r="GN28" s="114">
        <v>102168</v>
      </c>
      <c r="GO28" s="114">
        <v>29700</v>
      </c>
      <c r="GP28" s="114">
        <v>44035</v>
      </c>
      <c r="GQ28" s="113">
        <v>499164</v>
      </c>
      <c r="GR28" s="116">
        <v>614172</v>
      </c>
      <c r="GS28" s="110">
        <v>318600</v>
      </c>
      <c r="GT28" s="114">
        <v>274230</v>
      </c>
      <c r="GU28" s="113">
        <v>592830</v>
      </c>
      <c r="GV28" s="110">
        <v>0</v>
      </c>
      <c r="GW28" s="114">
        <v>177620</v>
      </c>
      <c r="GX28" s="114">
        <v>255582</v>
      </c>
      <c r="GY28" s="114">
        <v>0</v>
      </c>
      <c r="GZ28" s="114">
        <v>39150</v>
      </c>
      <c r="HA28" s="114">
        <v>0</v>
      </c>
      <c r="HB28" s="112">
        <v>472352</v>
      </c>
      <c r="HC28" s="116">
        <v>1065182</v>
      </c>
      <c r="HD28" s="110">
        <v>328347</v>
      </c>
      <c r="HE28" s="114">
        <v>330969</v>
      </c>
      <c r="HF28" s="112">
        <v>659316</v>
      </c>
      <c r="HG28" s="111">
        <v>0</v>
      </c>
      <c r="HH28" s="114">
        <v>8340948</v>
      </c>
      <c r="HI28" s="114">
        <v>6674747</v>
      </c>
      <c r="HJ28" s="114">
        <v>8061478</v>
      </c>
      <c r="HK28" s="114">
        <v>13709244</v>
      </c>
      <c r="HL28" s="114">
        <v>10989427</v>
      </c>
      <c r="HM28" s="113">
        <v>47775844</v>
      </c>
      <c r="HN28" s="109">
        <v>48435160</v>
      </c>
      <c r="HO28" s="115">
        <v>614124</v>
      </c>
      <c r="HP28" s="114">
        <v>1145437</v>
      </c>
      <c r="HQ28" s="113">
        <v>1759561</v>
      </c>
      <c r="HR28" s="110">
        <v>0</v>
      </c>
      <c r="HS28" s="114">
        <v>7998087</v>
      </c>
      <c r="HT28" s="114">
        <v>7421981</v>
      </c>
      <c r="HU28" s="114">
        <v>4571659</v>
      </c>
      <c r="HV28" s="114">
        <v>3736081</v>
      </c>
      <c r="HW28" s="114">
        <v>1546619</v>
      </c>
      <c r="HX28" s="112">
        <v>25274427</v>
      </c>
      <c r="HY28" s="116">
        <v>27033988</v>
      </c>
      <c r="HZ28" s="150">
        <v>0</v>
      </c>
      <c r="IA28" s="135">
        <v>255100</v>
      </c>
      <c r="IB28" s="150">
        <v>255100</v>
      </c>
      <c r="IC28" s="134">
        <v>0</v>
      </c>
      <c r="ID28" s="135">
        <v>11894510</v>
      </c>
      <c r="IE28" s="136">
        <v>7500606</v>
      </c>
      <c r="IF28" s="137">
        <v>8203254</v>
      </c>
      <c r="IG28" s="135">
        <v>5611342</v>
      </c>
      <c r="IH28" s="137">
        <v>4681302</v>
      </c>
      <c r="II28" s="138">
        <v>37891014</v>
      </c>
      <c r="IJ28" s="150">
        <v>38146114</v>
      </c>
      <c r="IK28" s="232">
        <v>0</v>
      </c>
      <c r="IL28" s="236">
        <v>0</v>
      </c>
      <c r="IM28" s="237">
        <v>0</v>
      </c>
      <c r="IN28" s="140"/>
      <c r="IO28" s="119">
        <v>0</v>
      </c>
      <c r="IP28" s="119">
        <v>108765</v>
      </c>
      <c r="IQ28" s="119">
        <v>0</v>
      </c>
      <c r="IR28" s="119">
        <v>0</v>
      </c>
      <c r="IS28" s="119">
        <v>295967</v>
      </c>
      <c r="IT28" s="141">
        <v>404732</v>
      </c>
      <c r="IU28" s="320">
        <v>404732</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674529</v>
      </c>
      <c r="JL28" s="119">
        <v>2633474</v>
      </c>
      <c r="JM28" s="119">
        <v>1322263</v>
      </c>
      <c r="JN28" s="119">
        <v>1668582</v>
      </c>
      <c r="JO28" s="119">
        <v>1119213</v>
      </c>
      <c r="JP28" s="120">
        <v>9418061</v>
      </c>
      <c r="JQ28" s="320">
        <v>9418061</v>
      </c>
      <c r="JR28" s="142">
        <v>0</v>
      </c>
      <c r="JS28" s="119">
        <v>0</v>
      </c>
      <c r="JT28" s="141">
        <v>0</v>
      </c>
      <c r="JU28" s="118">
        <v>0</v>
      </c>
      <c r="JV28" s="119">
        <v>0</v>
      </c>
      <c r="JW28" s="119">
        <v>93233</v>
      </c>
      <c r="JX28" s="119">
        <v>317203</v>
      </c>
      <c r="JY28" s="119">
        <v>275328</v>
      </c>
      <c r="JZ28" s="119">
        <v>0</v>
      </c>
      <c r="KA28" s="120">
        <v>685764</v>
      </c>
      <c r="KB28" s="320">
        <v>685764</v>
      </c>
      <c r="KC28" s="234">
        <v>0</v>
      </c>
      <c r="KD28" s="230">
        <v>0</v>
      </c>
      <c r="KE28" s="120">
        <v>0</v>
      </c>
      <c r="KF28" s="118">
        <v>0</v>
      </c>
      <c r="KG28" s="119">
        <v>779286</v>
      </c>
      <c r="KH28" s="119">
        <v>761581</v>
      </c>
      <c r="KI28" s="119">
        <v>781379</v>
      </c>
      <c r="KJ28" s="119">
        <v>165849</v>
      </c>
      <c r="KK28" s="119">
        <v>614416</v>
      </c>
      <c r="KL28" s="120">
        <v>3102511</v>
      </c>
      <c r="KM28" s="143">
        <v>3102511</v>
      </c>
      <c r="KN28" s="232">
        <v>0</v>
      </c>
      <c r="KO28" s="236">
        <v>255100</v>
      </c>
      <c r="KP28" s="237">
        <v>255100</v>
      </c>
      <c r="KQ28" s="140"/>
      <c r="KR28" s="119">
        <v>8440695</v>
      </c>
      <c r="KS28" s="119">
        <v>3903553</v>
      </c>
      <c r="KT28" s="119">
        <v>5782409</v>
      </c>
      <c r="KU28" s="119">
        <v>3181716</v>
      </c>
      <c r="KV28" s="119">
        <v>2651706</v>
      </c>
      <c r="KW28" s="120">
        <v>23960079</v>
      </c>
      <c r="KX28" s="320">
        <v>2421517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5152440</v>
      </c>
      <c r="MK28" s="119">
        <v>9243116</v>
      </c>
      <c r="ML28" s="119">
        <v>34573851</v>
      </c>
      <c r="MM28" s="119">
        <v>53412202</v>
      </c>
      <c r="MN28" s="119">
        <v>49117813</v>
      </c>
      <c r="MO28" s="120">
        <v>151499422</v>
      </c>
      <c r="MP28" s="143">
        <v>151499422</v>
      </c>
      <c r="MQ28" s="142">
        <v>0</v>
      </c>
      <c r="MR28" s="119">
        <v>0</v>
      </c>
      <c r="MS28" s="120">
        <v>0</v>
      </c>
      <c r="MT28" s="145"/>
      <c r="MU28" s="119">
        <v>904418</v>
      </c>
      <c r="MV28" s="119">
        <v>3027646</v>
      </c>
      <c r="MW28" s="119">
        <v>23711172</v>
      </c>
      <c r="MX28" s="119">
        <v>33581434</v>
      </c>
      <c r="MY28" s="119">
        <v>31935768</v>
      </c>
      <c r="MZ28" s="120">
        <v>93160438</v>
      </c>
      <c r="NA28" s="143">
        <v>93160438</v>
      </c>
      <c r="NB28" s="142">
        <v>0</v>
      </c>
      <c r="NC28" s="119">
        <v>0</v>
      </c>
      <c r="ND28" s="120">
        <v>0</v>
      </c>
      <c r="NE28" s="145"/>
      <c r="NF28" s="119">
        <v>4248022</v>
      </c>
      <c r="NG28" s="119">
        <v>6215470</v>
      </c>
      <c r="NH28" s="119">
        <v>10862679</v>
      </c>
      <c r="NI28" s="119">
        <v>18769033</v>
      </c>
      <c r="NJ28" s="119">
        <v>12479775</v>
      </c>
      <c r="NK28" s="120">
        <v>52574979</v>
      </c>
      <c r="NL28" s="320">
        <v>52574979</v>
      </c>
      <c r="NM28" s="142">
        <v>0</v>
      </c>
      <c r="NN28" s="119">
        <v>0</v>
      </c>
      <c r="NO28" s="120">
        <v>0</v>
      </c>
      <c r="NP28" s="145"/>
      <c r="NQ28" s="119">
        <v>0</v>
      </c>
      <c r="NR28" s="119">
        <v>0</v>
      </c>
      <c r="NS28" s="119">
        <v>0</v>
      </c>
      <c r="NT28" s="119">
        <v>258162</v>
      </c>
      <c r="NU28" s="119">
        <v>1170310</v>
      </c>
      <c r="NV28" s="120">
        <v>1428472</v>
      </c>
      <c r="NW28" s="121">
        <v>1428472</v>
      </c>
      <c r="NX28" s="142">
        <v>0</v>
      </c>
      <c r="NY28" s="119">
        <v>0</v>
      </c>
      <c r="NZ28" s="120">
        <v>0</v>
      </c>
      <c r="OA28" s="145"/>
      <c r="OB28" s="119">
        <v>0</v>
      </c>
      <c r="OC28" s="119">
        <v>0</v>
      </c>
      <c r="OD28" s="119">
        <v>0</v>
      </c>
      <c r="OE28" s="119">
        <v>803573</v>
      </c>
      <c r="OF28" s="119">
        <v>3531960</v>
      </c>
      <c r="OG28" s="120">
        <v>4335533</v>
      </c>
      <c r="OH28" s="121">
        <v>4335533</v>
      </c>
      <c r="OI28" s="142">
        <v>2974797</v>
      </c>
      <c r="OJ28" s="119">
        <v>5874700</v>
      </c>
      <c r="OK28" s="141">
        <v>8849497</v>
      </c>
      <c r="OL28" s="118">
        <v>0</v>
      </c>
      <c r="OM28" s="119">
        <v>65303335</v>
      </c>
      <c r="ON28" s="119">
        <v>74086640</v>
      </c>
      <c r="OO28" s="119">
        <v>89764369</v>
      </c>
      <c r="OP28" s="119">
        <v>112622617</v>
      </c>
      <c r="OQ28" s="119">
        <v>86658083</v>
      </c>
      <c r="OR28" s="120">
        <v>428435044</v>
      </c>
      <c r="OS28" s="143">
        <v>437284541</v>
      </c>
    </row>
    <row r="29" spans="2:409" ht="21" customHeight="1" x14ac:dyDescent="0.2">
      <c r="B29" s="62" t="s">
        <v>24</v>
      </c>
      <c r="C29" s="110">
        <v>2713569</v>
      </c>
      <c r="D29" s="114">
        <v>3339891</v>
      </c>
      <c r="E29" s="113">
        <v>6053460</v>
      </c>
      <c r="F29" s="109">
        <v>0</v>
      </c>
      <c r="G29" s="114">
        <v>24250711</v>
      </c>
      <c r="H29" s="114">
        <v>27712167</v>
      </c>
      <c r="I29" s="114">
        <v>24196140</v>
      </c>
      <c r="J29" s="114">
        <v>22902962</v>
      </c>
      <c r="K29" s="114">
        <v>22222149</v>
      </c>
      <c r="L29" s="173">
        <v>121284129</v>
      </c>
      <c r="M29" s="116">
        <v>127337589</v>
      </c>
      <c r="N29" s="110">
        <v>644887</v>
      </c>
      <c r="O29" s="114">
        <v>880628</v>
      </c>
      <c r="P29" s="113">
        <v>1525515</v>
      </c>
      <c r="Q29" s="110">
        <v>0</v>
      </c>
      <c r="R29" s="114">
        <v>5044827</v>
      </c>
      <c r="S29" s="114">
        <v>7402808</v>
      </c>
      <c r="T29" s="114">
        <v>7313423</v>
      </c>
      <c r="U29" s="114">
        <v>8168690</v>
      </c>
      <c r="V29" s="114">
        <v>9860597</v>
      </c>
      <c r="W29" s="113">
        <v>37790345</v>
      </c>
      <c r="X29" s="116">
        <v>39315860</v>
      </c>
      <c r="Y29" s="110">
        <v>0</v>
      </c>
      <c r="Z29" s="114">
        <v>0</v>
      </c>
      <c r="AA29" s="113">
        <v>0</v>
      </c>
      <c r="AB29" s="110">
        <v>0</v>
      </c>
      <c r="AC29" s="114">
        <v>1827068</v>
      </c>
      <c r="AD29" s="114">
        <v>3396122</v>
      </c>
      <c r="AE29" s="114">
        <v>4095716</v>
      </c>
      <c r="AF29" s="114">
        <v>4620215</v>
      </c>
      <c r="AG29" s="114">
        <v>5251941</v>
      </c>
      <c r="AH29" s="113">
        <v>19191062</v>
      </c>
      <c r="AI29" s="116">
        <v>19191062</v>
      </c>
      <c r="AJ29" s="110">
        <v>0</v>
      </c>
      <c r="AK29" s="114">
        <v>0</v>
      </c>
      <c r="AL29" s="113">
        <v>0</v>
      </c>
      <c r="AM29" s="110">
        <v>0</v>
      </c>
      <c r="AN29" s="114">
        <v>0</v>
      </c>
      <c r="AO29" s="114">
        <v>169622</v>
      </c>
      <c r="AP29" s="114">
        <v>334246</v>
      </c>
      <c r="AQ29" s="114">
        <v>546184</v>
      </c>
      <c r="AR29" s="114">
        <v>1479561</v>
      </c>
      <c r="AS29" s="113">
        <v>2529613</v>
      </c>
      <c r="AT29" s="116">
        <v>2529613</v>
      </c>
      <c r="AU29" s="110">
        <v>376824</v>
      </c>
      <c r="AV29" s="114">
        <v>708908</v>
      </c>
      <c r="AW29" s="113">
        <v>1085732</v>
      </c>
      <c r="AX29" s="110">
        <v>0</v>
      </c>
      <c r="AY29" s="114">
        <v>2065230</v>
      </c>
      <c r="AZ29" s="114">
        <v>2404423</v>
      </c>
      <c r="BA29" s="114">
        <v>1740182</v>
      </c>
      <c r="BB29" s="114">
        <v>1630021</v>
      </c>
      <c r="BC29" s="114">
        <v>1701663</v>
      </c>
      <c r="BD29" s="113">
        <v>9541519</v>
      </c>
      <c r="BE29" s="116">
        <v>10627251</v>
      </c>
      <c r="BF29" s="110">
        <v>0</v>
      </c>
      <c r="BG29" s="114">
        <v>23395</v>
      </c>
      <c r="BH29" s="112">
        <v>23395</v>
      </c>
      <c r="BI29" s="111">
        <v>0</v>
      </c>
      <c r="BJ29" s="114">
        <v>133552</v>
      </c>
      <c r="BK29" s="114">
        <v>224644</v>
      </c>
      <c r="BL29" s="114">
        <v>42735</v>
      </c>
      <c r="BM29" s="114">
        <v>221808</v>
      </c>
      <c r="BN29" s="114">
        <v>119240</v>
      </c>
      <c r="BO29" s="113">
        <v>741979</v>
      </c>
      <c r="BP29" s="116">
        <v>765374</v>
      </c>
      <c r="BQ29" s="110">
        <v>268063</v>
      </c>
      <c r="BR29" s="114">
        <v>148325</v>
      </c>
      <c r="BS29" s="113">
        <v>416388</v>
      </c>
      <c r="BT29" s="110">
        <v>0</v>
      </c>
      <c r="BU29" s="114">
        <v>1018977</v>
      </c>
      <c r="BV29" s="114">
        <v>1207997</v>
      </c>
      <c r="BW29" s="114">
        <v>1100544</v>
      </c>
      <c r="BX29" s="114">
        <v>1150462</v>
      </c>
      <c r="BY29" s="114">
        <v>1308192</v>
      </c>
      <c r="BZ29" s="113">
        <v>5786172</v>
      </c>
      <c r="CA29" s="116">
        <v>6202560</v>
      </c>
      <c r="CB29" s="110">
        <v>219238</v>
      </c>
      <c r="CC29" s="114">
        <v>414099</v>
      </c>
      <c r="CD29" s="113">
        <v>633337</v>
      </c>
      <c r="CE29" s="110">
        <v>0</v>
      </c>
      <c r="CF29" s="114">
        <v>7703497</v>
      </c>
      <c r="CG29" s="114">
        <v>7867826</v>
      </c>
      <c r="CH29" s="114">
        <v>5453150</v>
      </c>
      <c r="CI29" s="114">
        <v>2718086</v>
      </c>
      <c r="CJ29" s="114">
        <v>2702783</v>
      </c>
      <c r="CK29" s="113">
        <v>26445342</v>
      </c>
      <c r="CL29" s="116">
        <v>27078679</v>
      </c>
      <c r="CM29" s="110">
        <v>0</v>
      </c>
      <c r="CN29" s="114">
        <v>0</v>
      </c>
      <c r="CO29" s="113">
        <v>0</v>
      </c>
      <c r="CP29" s="111">
        <v>0</v>
      </c>
      <c r="CQ29" s="114">
        <v>5686986</v>
      </c>
      <c r="CR29" s="114">
        <v>5420417</v>
      </c>
      <c r="CS29" s="114">
        <v>3852474</v>
      </c>
      <c r="CT29" s="114">
        <v>2000319</v>
      </c>
      <c r="CU29" s="114">
        <v>1157626</v>
      </c>
      <c r="CV29" s="113">
        <v>18117822</v>
      </c>
      <c r="CW29" s="116">
        <v>18117822</v>
      </c>
      <c r="CX29" s="110">
        <v>219238</v>
      </c>
      <c r="CY29" s="114">
        <v>414099</v>
      </c>
      <c r="CZ29" s="113">
        <v>633337</v>
      </c>
      <c r="DA29" s="110">
        <v>0</v>
      </c>
      <c r="DB29" s="114">
        <v>2016511</v>
      </c>
      <c r="DC29" s="114">
        <v>2447409</v>
      </c>
      <c r="DD29" s="114">
        <v>1600676</v>
      </c>
      <c r="DE29" s="114">
        <v>717767</v>
      </c>
      <c r="DF29" s="114">
        <v>1545157</v>
      </c>
      <c r="DG29" s="113">
        <v>8327520</v>
      </c>
      <c r="DH29" s="116">
        <v>8960857</v>
      </c>
      <c r="DI29" s="110">
        <v>61714</v>
      </c>
      <c r="DJ29" s="114">
        <v>73247</v>
      </c>
      <c r="DK29" s="112">
        <v>134961</v>
      </c>
      <c r="DL29" s="111">
        <v>0</v>
      </c>
      <c r="DM29" s="114">
        <v>1373439</v>
      </c>
      <c r="DN29" s="114">
        <v>997744</v>
      </c>
      <c r="DO29" s="114">
        <v>2652137</v>
      </c>
      <c r="DP29" s="114">
        <v>2266711</v>
      </c>
      <c r="DQ29" s="114">
        <v>1297711</v>
      </c>
      <c r="DR29" s="113">
        <v>8587742</v>
      </c>
      <c r="DS29" s="116">
        <v>8722703</v>
      </c>
      <c r="DT29" s="110">
        <v>61714</v>
      </c>
      <c r="DU29" s="114">
        <v>73247</v>
      </c>
      <c r="DV29" s="113">
        <v>134961</v>
      </c>
      <c r="DW29" s="110">
        <v>0</v>
      </c>
      <c r="DX29" s="114">
        <v>1075161</v>
      </c>
      <c r="DY29" s="114">
        <v>997744</v>
      </c>
      <c r="DZ29" s="114">
        <v>2501606</v>
      </c>
      <c r="EA29" s="114">
        <v>2077577</v>
      </c>
      <c r="EB29" s="114">
        <v>990229</v>
      </c>
      <c r="EC29" s="113">
        <v>7642317</v>
      </c>
      <c r="ED29" s="116">
        <v>7777278</v>
      </c>
      <c r="EE29" s="110">
        <v>0</v>
      </c>
      <c r="EF29" s="112">
        <v>0</v>
      </c>
      <c r="EG29" s="113">
        <v>0</v>
      </c>
      <c r="EH29" s="110">
        <v>0</v>
      </c>
      <c r="EI29" s="114">
        <v>298278</v>
      </c>
      <c r="EJ29" s="114">
        <v>0</v>
      </c>
      <c r="EK29" s="114">
        <v>150531</v>
      </c>
      <c r="EL29" s="114">
        <v>189134</v>
      </c>
      <c r="EM29" s="114">
        <v>307482</v>
      </c>
      <c r="EN29" s="112">
        <v>945425</v>
      </c>
      <c r="EO29" s="116">
        <v>945425</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393879</v>
      </c>
      <c r="FM29" s="114">
        <v>548177</v>
      </c>
      <c r="FN29" s="113">
        <v>942056</v>
      </c>
      <c r="FO29" s="110">
        <v>0</v>
      </c>
      <c r="FP29" s="114">
        <v>932585</v>
      </c>
      <c r="FQ29" s="114">
        <v>2327270</v>
      </c>
      <c r="FR29" s="114">
        <v>1629778</v>
      </c>
      <c r="FS29" s="114">
        <v>1259621</v>
      </c>
      <c r="FT29" s="114">
        <v>1657420</v>
      </c>
      <c r="FU29" s="113">
        <v>7806674</v>
      </c>
      <c r="FV29" s="116">
        <v>8748730</v>
      </c>
      <c r="FW29" s="115">
        <v>319332</v>
      </c>
      <c r="FX29" s="114">
        <v>403857</v>
      </c>
      <c r="FY29" s="112">
        <v>723189</v>
      </c>
      <c r="FZ29" s="111">
        <v>0</v>
      </c>
      <c r="GA29" s="114">
        <v>873440</v>
      </c>
      <c r="GB29" s="114">
        <v>2036735</v>
      </c>
      <c r="GC29" s="114">
        <v>1586380</v>
      </c>
      <c r="GD29" s="114">
        <v>1237121</v>
      </c>
      <c r="GE29" s="114">
        <v>1616272</v>
      </c>
      <c r="GF29" s="113">
        <v>7349948</v>
      </c>
      <c r="GG29" s="318">
        <v>8073137</v>
      </c>
      <c r="GH29" s="115">
        <v>74547</v>
      </c>
      <c r="GI29" s="114">
        <v>23760</v>
      </c>
      <c r="GJ29" s="112">
        <v>98307</v>
      </c>
      <c r="GK29" s="111">
        <v>0</v>
      </c>
      <c r="GL29" s="114">
        <v>59145</v>
      </c>
      <c r="GM29" s="114">
        <v>62205</v>
      </c>
      <c r="GN29" s="114">
        <v>43398</v>
      </c>
      <c r="GO29" s="114">
        <v>22500</v>
      </c>
      <c r="GP29" s="114">
        <v>41148</v>
      </c>
      <c r="GQ29" s="113">
        <v>228396</v>
      </c>
      <c r="GR29" s="116">
        <v>326703</v>
      </c>
      <c r="GS29" s="110">
        <v>0</v>
      </c>
      <c r="GT29" s="114">
        <v>120560</v>
      </c>
      <c r="GU29" s="113">
        <v>120560</v>
      </c>
      <c r="GV29" s="110">
        <v>0</v>
      </c>
      <c r="GW29" s="114">
        <v>0</v>
      </c>
      <c r="GX29" s="114">
        <v>228330</v>
      </c>
      <c r="GY29" s="114">
        <v>0</v>
      </c>
      <c r="GZ29" s="114">
        <v>0</v>
      </c>
      <c r="HA29" s="114">
        <v>0</v>
      </c>
      <c r="HB29" s="112">
        <v>228330</v>
      </c>
      <c r="HC29" s="116">
        <v>348890</v>
      </c>
      <c r="HD29" s="110">
        <v>929862</v>
      </c>
      <c r="HE29" s="114">
        <v>952971</v>
      </c>
      <c r="HF29" s="112">
        <v>1882833</v>
      </c>
      <c r="HG29" s="111">
        <v>0</v>
      </c>
      <c r="HH29" s="114">
        <v>5325146</v>
      </c>
      <c r="HI29" s="114">
        <v>6247546</v>
      </c>
      <c r="HJ29" s="114">
        <v>5023270</v>
      </c>
      <c r="HK29" s="114">
        <v>7203798</v>
      </c>
      <c r="HL29" s="114">
        <v>5554185</v>
      </c>
      <c r="HM29" s="113">
        <v>29353945</v>
      </c>
      <c r="HN29" s="109">
        <v>31236778</v>
      </c>
      <c r="HO29" s="115">
        <v>463989</v>
      </c>
      <c r="HP29" s="114">
        <v>470769</v>
      </c>
      <c r="HQ29" s="113">
        <v>934758</v>
      </c>
      <c r="HR29" s="110">
        <v>0</v>
      </c>
      <c r="HS29" s="114">
        <v>3871217</v>
      </c>
      <c r="HT29" s="114">
        <v>2868973</v>
      </c>
      <c r="HU29" s="114">
        <v>2124382</v>
      </c>
      <c r="HV29" s="114">
        <v>1286056</v>
      </c>
      <c r="HW29" s="114">
        <v>1149453</v>
      </c>
      <c r="HX29" s="112">
        <v>11300081</v>
      </c>
      <c r="HY29" s="116">
        <v>12234839</v>
      </c>
      <c r="HZ29" s="131">
        <v>184859</v>
      </c>
      <c r="IA29" s="132">
        <v>162380</v>
      </c>
      <c r="IB29" s="133">
        <v>347239</v>
      </c>
      <c r="IC29" s="146">
        <v>0</v>
      </c>
      <c r="ID29" s="132">
        <v>4142132</v>
      </c>
      <c r="IE29" s="147">
        <v>4549456</v>
      </c>
      <c r="IF29" s="133">
        <v>6213781</v>
      </c>
      <c r="IG29" s="132">
        <v>3866440</v>
      </c>
      <c r="IH29" s="133">
        <v>1864650</v>
      </c>
      <c r="II29" s="148">
        <v>20636459</v>
      </c>
      <c r="IJ29" s="139">
        <v>20983698</v>
      </c>
      <c r="IK29" s="232">
        <v>0</v>
      </c>
      <c r="IL29" s="236">
        <v>0</v>
      </c>
      <c r="IM29" s="237">
        <v>0</v>
      </c>
      <c r="IN29" s="140"/>
      <c r="IO29" s="119">
        <v>202584</v>
      </c>
      <c r="IP29" s="119">
        <v>343005</v>
      </c>
      <c r="IQ29" s="119">
        <v>337503</v>
      </c>
      <c r="IR29" s="119">
        <v>189329</v>
      </c>
      <c r="IS29" s="119">
        <v>0</v>
      </c>
      <c r="IT29" s="141">
        <v>1072421</v>
      </c>
      <c r="IU29" s="320">
        <v>1072421</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377021</v>
      </c>
      <c r="JL29" s="119">
        <v>967042</v>
      </c>
      <c r="JM29" s="119">
        <v>1208113</v>
      </c>
      <c r="JN29" s="119">
        <v>366167</v>
      </c>
      <c r="JO29" s="119">
        <v>85275</v>
      </c>
      <c r="JP29" s="120">
        <v>4003618</v>
      </c>
      <c r="JQ29" s="320">
        <v>4003618</v>
      </c>
      <c r="JR29" s="142">
        <v>0</v>
      </c>
      <c r="JS29" s="119">
        <v>0</v>
      </c>
      <c r="JT29" s="141">
        <v>0</v>
      </c>
      <c r="JU29" s="118">
        <v>0</v>
      </c>
      <c r="JV29" s="119">
        <v>594289</v>
      </c>
      <c r="JW29" s="119">
        <v>283446</v>
      </c>
      <c r="JX29" s="119">
        <v>815905</v>
      </c>
      <c r="JY29" s="119">
        <v>121639</v>
      </c>
      <c r="JZ29" s="119">
        <v>151431</v>
      </c>
      <c r="KA29" s="120">
        <v>1966710</v>
      </c>
      <c r="KB29" s="320">
        <v>1966710</v>
      </c>
      <c r="KC29" s="234">
        <v>184859</v>
      </c>
      <c r="KD29" s="230">
        <v>162380</v>
      </c>
      <c r="KE29" s="120">
        <v>347239</v>
      </c>
      <c r="KF29" s="118">
        <v>0</v>
      </c>
      <c r="KG29" s="119">
        <v>1712642</v>
      </c>
      <c r="KH29" s="119">
        <v>1894501</v>
      </c>
      <c r="KI29" s="119">
        <v>1781201</v>
      </c>
      <c r="KJ29" s="119">
        <v>963884</v>
      </c>
      <c r="KK29" s="119">
        <v>303109</v>
      </c>
      <c r="KL29" s="120">
        <v>6655337</v>
      </c>
      <c r="KM29" s="143">
        <v>7002576</v>
      </c>
      <c r="KN29" s="232">
        <v>0</v>
      </c>
      <c r="KO29" s="236">
        <v>0</v>
      </c>
      <c r="KP29" s="237">
        <v>0</v>
      </c>
      <c r="KQ29" s="140"/>
      <c r="KR29" s="119">
        <v>255596</v>
      </c>
      <c r="KS29" s="119">
        <v>1061462</v>
      </c>
      <c r="KT29" s="119">
        <v>2071059</v>
      </c>
      <c r="KU29" s="119">
        <v>2225421</v>
      </c>
      <c r="KV29" s="119">
        <v>1324835</v>
      </c>
      <c r="KW29" s="120">
        <v>6938373</v>
      </c>
      <c r="KX29" s="320">
        <v>6938373</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2677224</v>
      </c>
      <c r="MK29" s="119">
        <v>3711352</v>
      </c>
      <c r="ML29" s="119">
        <v>14901086</v>
      </c>
      <c r="MM29" s="119">
        <v>29137671</v>
      </c>
      <c r="MN29" s="119">
        <v>20773631</v>
      </c>
      <c r="MO29" s="120">
        <v>71200964</v>
      </c>
      <c r="MP29" s="143">
        <v>71200964</v>
      </c>
      <c r="MQ29" s="142">
        <v>0</v>
      </c>
      <c r="MR29" s="119">
        <v>0</v>
      </c>
      <c r="MS29" s="120">
        <v>0</v>
      </c>
      <c r="MT29" s="145"/>
      <c r="MU29" s="119">
        <v>0</v>
      </c>
      <c r="MV29" s="119">
        <v>0</v>
      </c>
      <c r="MW29" s="119">
        <v>7924712</v>
      </c>
      <c r="MX29" s="119">
        <v>20148036</v>
      </c>
      <c r="MY29" s="119">
        <v>17194665</v>
      </c>
      <c r="MZ29" s="120">
        <v>45267413</v>
      </c>
      <c r="NA29" s="143">
        <v>45267413</v>
      </c>
      <c r="NB29" s="142">
        <v>0</v>
      </c>
      <c r="NC29" s="119">
        <v>0</v>
      </c>
      <c r="ND29" s="120">
        <v>0</v>
      </c>
      <c r="NE29" s="145"/>
      <c r="NF29" s="119">
        <v>2677224</v>
      </c>
      <c r="NG29" s="119">
        <v>3711352</v>
      </c>
      <c r="NH29" s="119">
        <v>6976374</v>
      </c>
      <c r="NI29" s="119">
        <v>8989635</v>
      </c>
      <c r="NJ29" s="119">
        <v>3578966</v>
      </c>
      <c r="NK29" s="120">
        <v>25933551</v>
      </c>
      <c r="NL29" s="320">
        <v>2593355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898428</v>
      </c>
      <c r="OJ29" s="119">
        <v>3502271</v>
      </c>
      <c r="OK29" s="141">
        <v>6400699</v>
      </c>
      <c r="OL29" s="118">
        <v>0</v>
      </c>
      <c r="OM29" s="119">
        <v>31070067</v>
      </c>
      <c r="ON29" s="119">
        <v>35972975</v>
      </c>
      <c r="OO29" s="119">
        <v>45311007</v>
      </c>
      <c r="OP29" s="119">
        <v>55907073</v>
      </c>
      <c r="OQ29" s="119">
        <v>44860430</v>
      </c>
      <c r="OR29" s="120">
        <v>213121552</v>
      </c>
      <c r="OS29" s="143">
        <v>219522251</v>
      </c>
    </row>
    <row r="30" spans="2:409" ht="21" customHeight="1" x14ac:dyDescent="0.2">
      <c r="B30" s="62" t="s">
        <v>25</v>
      </c>
      <c r="C30" s="110">
        <v>2058765</v>
      </c>
      <c r="D30" s="114">
        <v>4848856</v>
      </c>
      <c r="E30" s="113">
        <v>6907621</v>
      </c>
      <c r="F30" s="109">
        <v>0</v>
      </c>
      <c r="G30" s="114">
        <v>25325747</v>
      </c>
      <c r="H30" s="114">
        <v>31851551</v>
      </c>
      <c r="I30" s="114">
        <v>24111163</v>
      </c>
      <c r="J30" s="114">
        <v>25266745</v>
      </c>
      <c r="K30" s="114">
        <v>15149188</v>
      </c>
      <c r="L30" s="173">
        <v>121704394</v>
      </c>
      <c r="M30" s="116">
        <v>128612015</v>
      </c>
      <c r="N30" s="110">
        <v>672686</v>
      </c>
      <c r="O30" s="114">
        <v>1574761</v>
      </c>
      <c r="P30" s="113">
        <v>2247447</v>
      </c>
      <c r="Q30" s="110">
        <v>0</v>
      </c>
      <c r="R30" s="114">
        <v>7262550</v>
      </c>
      <c r="S30" s="114">
        <v>9498281</v>
      </c>
      <c r="T30" s="114">
        <v>7958249</v>
      </c>
      <c r="U30" s="114">
        <v>9208263</v>
      </c>
      <c r="V30" s="114">
        <v>8203934</v>
      </c>
      <c r="W30" s="113">
        <v>42131277</v>
      </c>
      <c r="X30" s="116">
        <v>44378724</v>
      </c>
      <c r="Y30" s="110">
        <v>0</v>
      </c>
      <c r="Z30" s="114">
        <v>0</v>
      </c>
      <c r="AA30" s="113">
        <v>0</v>
      </c>
      <c r="AB30" s="110">
        <v>0</v>
      </c>
      <c r="AC30" s="114">
        <v>3782109</v>
      </c>
      <c r="AD30" s="114">
        <v>4576022</v>
      </c>
      <c r="AE30" s="114">
        <v>4793106</v>
      </c>
      <c r="AF30" s="114">
        <v>5738177</v>
      </c>
      <c r="AG30" s="114">
        <v>4964832</v>
      </c>
      <c r="AH30" s="113">
        <v>23854246</v>
      </c>
      <c r="AI30" s="116">
        <v>23854246</v>
      </c>
      <c r="AJ30" s="110">
        <v>0</v>
      </c>
      <c r="AK30" s="114">
        <v>0</v>
      </c>
      <c r="AL30" s="113">
        <v>0</v>
      </c>
      <c r="AM30" s="110">
        <v>0</v>
      </c>
      <c r="AN30" s="114">
        <v>121585</v>
      </c>
      <c r="AO30" s="114">
        <v>746034</v>
      </c>
      <c r="AP30" s="114">
        <v>614185</v>
      </c>
      <c r="AQ30" s="114">
        <v>1003099</v>
      </c>
      <c r="AR30" s="114">
        <v>1320278</v>
      </c>
      <c r="AS30" s="113">
        <v>3805181</v>
      </c>
      <c r="AT30" s="116">
        <v>3805181</v>
      </c>
      <c r="AU30" s="110">
        <v>535966</v>
      </c>
      <c r="AV30" s="114">
        <v>1163183</v>
      </c>
      <c r="AW30" s="113">
        <v>1699149</v>
      </c>
      <c r="AX30" s="110">
        <v>0</v>
      </c>
      <c r="AY30" s="114">
        <v>2620136</v>
      </c>
      <c r="AZ30" s="114">
        <v>3015317</v>
      </c>
      <c r="BA30" s="114">
        <v>1524176</v>
      </c>
      <c r="BB30" s="114">
        <v>1367228</v>
      </c>
      <c r="BC30" s="114">
        <v>1137049</v>
      </c>
      <c r="BD30" s="113">
        <v>9663906</v>
      </c>
      <c r="BE30" s="116">
        <v>11363055</v>
      </c>
      <c r="BF30" s="110">
        <v>46790</v>
      </c>
      <c r="BG30" s="114">
        <v>247684</v>
      </c>
      <c r="BH30" s="112">
        <v>294474</v>
      </c>
      <c r="BI30" s="111">
        <v>0</v>
      </c>
      <c r="BJ30" s="114">
        <v>0</v>
      </c>
      <c r="BK30" s="114">
        <v>359724</v>
      </c>
      <c r="BL30" s="114">
        <v>281044</v>
      </c>
      <c r="BM30" s="114">
        <v>150947</v>
      </c>
      <c r="BN30" s="114">
        <v>87963</v>
      </c>
      <c r="BO30" s="113">
        <v>879678</v>
      </c>
      <c r="BP30" s="116">
        <v>1174152</v>
      </c>
      <c r="BQ30" s="110">
        <v>89930</v>
      </c>
      <c r="BR30" s="114">
        <v>163894</v>
      </c>
      <c r="BS30" s="113">
        <v>253824</v>
      </c>
      <c r="BT30" s="110">
        <v>0</v>
      </c>
      <c r="BU30" s="114">
        <v>738720</v>
      </c>
      <c r="BV30" s="114">
        <v>801184</v>
      </c>
      <c r="BW30" s="114">
        <v>745738</v>
      </c>
      <c r="BX30" s="114">
        <v>948812</v>
      </c>
      <c r="BY30" s="114">
        <v>693812</v>
      </c>
      <c r="BZ30" s="113">
        <v>3928266</v>
      </c>
      <c r="CA30" s="116">
        <v>4182090</v>
      </c>
      <c r="CB30" s="110">
        <v>230051</v>
      </c>
      <c r="CC30" s="114">
        <v>806041</v>
      </c>
      <c r="CD30" s="113">
        <v>1036092</v>
      </c>
      <c r="CE30" s="110">
        <v>0</v>
      </c>
      <c r="CF30" s="114">
        <v>8643120</v>
      </c>
      <c r="CG30" s="114">
        <v>9675730</v>
      </c>
      <c r="CH30" s="114">
        <v>7085450</v>
      </c>
      <c r="CI30" s="114">
        <v>6840264</v>
      </c>
      <c r="CJ30" s="114">
        <v>555990</v>
      </c>
      <c r="CK30" s="113">
        <v>32800554</v>
      </c>
      <c r="CL30" s="116">
        <v>33836646</v>
      </c>
      <c r="CM30" s="110">
        <v>0</v>
      </c>
      <c r="CN30" s="114">
        <v>0</v>
      </c>
      <c r="CO30" s="113">
        <v>0</v>
      </c>
      <c r="CP30" s="111">
        <v>0</v>
      </c>
      <c r="CQ30" s="114">
        <v>6969592</v>
      </c>
      <c r="CR30" s="114">
        <v>5885010</v>
      </c>
      <c r="CS30" s="114">
        <v>5335376</v>
      </c>
      <c r="CT30" s="114">
        <v>5306275</v>
      </c>
      <c r="CU30" s="114">
        <v>305859</v>
      </c>
      <c r="CV30" s="113">
        <v>23802112</v>
      </c>
      <c r="CW30" s="116">
        <v>23802112</v>
      </c>
      <c r="CX30" s="110">
        <v>230051</v>
      </c>
      <c r="CY30" s="114">
        <v>806041</v>
      </c>
      <c r="CZ30" s="113">
        <v>1036092</v>
      </c>
      <c r="DA30" s="110">
        <v>0</v>
      </c>
      <c r="DB30" s="114">
        <v>1673528</v>
      </c>
      <c r="DC30" s="114">
        <v>3790720</v>
      </c>
      <c r="DD30" s="114">
        <v>1750074</v>
      </c>
      <c r="DE30" s="114">
        <v>1533989</v>
      </c>
      <c r="DF30" s="114">
        <v>250131</v>
      </c>
      <c r="DG30" s="113">
        <v>8998442</v>
      </c>
      <c r="DH30" s="116">
        <v>10034534</v>
      </c>
      <c r="DI30" s="110">
        <v>0</v>
      </c>
      <c r="DJ30" s="114">
        <v>93837</v>
      </c>
      <c r="DK30" s="112">
        <v>93837</v>
      </c>
      <c r="DL30" s="111">
        <v>0</v>
      </c>
      <c r="DM30" s="114">
        <v>762832</v>
      </c>
      <c r="DN30" s="114">
        <v>2947841</v>
      </c>
      <c r="DO30" s="114">
        <v>2342017</v>
      </c>
      <c r="DP30" s="114">
        <v>1215212</v>
      </c>
      <c r="DQ30" s="114">
        <v>1076508</v>
      </c>
      <c r="DR30" s="113">
        <v>8344410</v>
      </c>
      <c r="DS30" s="116">
        <v>8438247</v>
      </c>
      <c r="DT30" s="110">
        <v>0</v>
      </c>
      <c r="DU30" s="114">
        <v>93837</v>
      </c>
      <c r="DV30" s="113">
        <v>93837</v>
      </c>
      <c r="DW30" s="110">
        <v>0</v>
      </c>
      <c r="DX30" s="114">
        <v>462244</v>
      </c>
      <c r="DY30" s="114">
        <v>2324503</v>
      </c>
      <c r="DZ30" s="114">
        <v>2136573</v>
      </c>
      <c r="EA30" s="114">
        <v>628531</v>
      </c>
      <c r="EB30" s="114">
        <v>769760</v>
      </c>
      <c r="EC30" s="113">
        <v>6321611</v>
      </c>
      <c r="ED30" s="116">
        <v>6415448</v>
      </c>
      <c r="EE30" s="110">
        <v>0</v>
      </c>
      <c r="EF30" s="112">
        <v>0</v>
      </c>
      <c r="EG30" s="113">
        <v>0</v>
      </c>
      <c r="EH30" s="110">
        <v>0</v>
      </c>
      <c r="EI30" s="114">
        <v>300588</v>
      </c>
      <c r="EJ30" s="114">
        <v>623338</v>
      </c>
      <c r="EK30" s="114">
        <v>205444</v>
      </c>
      <c r="EL30" s="114">
        <v>586681</v>
      </c>
      <c r="EM30" s="114">
        <v>306748</v>
      </c>
      <c r="EN30" s="112">
        <v>2022799</v>
      </c>
      <c r="EO30" s="116">
        <v>2022799</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449717</v>
      </c>
      <c r="FM30" s="114">
        <v>1245919</v>
      </c>
      <c r="FN30" s="113">
        <v>1695636</v>
      </c>
      <c r="FO30" s="110">
        <v>0</v>
      </c>
      <c r="FP30" s="114">
        <v>1189632</v>
      </c>
      <c r="FQ30" s="114">
        <v>3207644</v>
      </c>
      <c r="FR30" s="114">
        <v>1961647</v>
      </c>
      <c r="FS30" s="114">
        <v>1854228</v>
      </c>
      <c r="FT30" s="114">
        <v>1109691</v>
      </c>
      <c r="FU30" s="113">
        <v>9322842</v>
      </c>
      <c r="FV30" s="116">
        <v>11018478</v>
      </c>
      <c r="FW30" s="115">
        <v>423977</v>
      </c>
      <c r="FX30" s="114">
        <v>861267</v>
      </c>
      <c r="FY30" s="112">
        <v>1285244</v>
      </c>
      <c r="FZ30" s="111">
        <v>0</v>
      </c>
      <c r="GA30" s="114">
        <v>778881</v>
      </c>
      <c r="GB30" s="114">
        <v>3100688</v>
      </c>
      <c r="GC30" s="114">
        <v>1939147</v>
      </c>
      <c r="GD30" s="114">
        <v>1854228</v>
      </c>
      <c r="GE30" s="114">
        <v>1109691</v>
      </c>
      <c r="GF30" s="113">
        <v>8782635</v>
      </c>
      <c r="GG30" s="318">
        <v>10067879</v>
      </c>
      <c r="GH30" s="115">
        <v>25740</v>
      </c>
      <c r="GI30" s="114">
        <v>110790</v>
      </c>
      <c r="GJ30" s="112">
        <v>136530</v>
      </c>
      <c r="GK30" s="111">
        <v>0</v>
      </c>
      <c r="GL30" s="114">
        <v>107901</v>
      </c>
      <c r="GM30" s="114">
        <v>73656</v>
      </c>
      <c r="GN30" s="114">
        <v>22500</v>
      </c>
      <c r="GO30" s="114">
        <v>0</v>
      </c>
      <c r="GP30" s="114">
        <v>0</v>
      </c>
      <c r="GQ30" s="113">
        <v>204057</v>
      </c>
      <c r="GR30" s="116">
        <v>340587</v>
      </c>
      <c r="GS30" s="110">
        <v>0</v>
      </c>
      <c r="GT30" s="114">
        <v>273862</v>
      </c>
      <c r="GU30" s="113">
        <v>273862</v>
      </c>
      <c r="GV30" s="110">
        <v>0</v>
      </c>
      <c r="GW30" s="114">
        <v>302850</v>
      </c>
      <c r="GX30" s="114">
        <v>33300</v>
      </c>
      <c r="GY30" s="114">
        <v>0</v>
      </c>
      <c r="GZ30" s="114">
        <v>0</v>
      </c>
      <c r="HA30" s="114">
        <v>0</v>
      </c>
      <c r="HB30" s="112">
        <v>336150</v>
      </c>
      <c r="HC30" s="116">
        <v>610012</v>
      </c>
      <c r="HD30" s="110">
        <v>251511</v>
      </c>
      <c r="HE30" s="114">
        <v>339058</v>
      </c>
      <c r="HF30" s="112">
        <v>590569</v>
      </c>
      <c r="HG30" s="111">
        <v>0</v>
      </c>
      <c r="HH30" s="114">
        <v>2963008</v>
      </c>
      <c r="HI30" s="114">
        <v>2773259</v>
      </c>
      <c r="HJ30" s="114">
        <v>2279958</v>
      </c>
      <c r="HK30" s="114">
        <v>4323151</v>
      </c>
      <c r="HL30" s="114">
        <v>3310808</v>
      </c>
      <c r="HM30" s="113">
        <v>15650184</v>
      </c>
      <c r="HN30" s="109">
        <v>16240753</v>
      </c>
      <c r="HO30" s="115">
        <v>454800</v>
      </c>
      <c r="HP30" s="114">
        <v>789240</v>
      </c>
      <c r="HQ30" s="113">
        <v>1244040</v>
      </c>
      <c r="HR30" s="110">
        <v>0</v>
      </c>
      <c r="HS30" s="114">
        <v>4504605</v>
      </c>
      <c r="HT30" s="114">
        <v>3748796</v>
      </c>
      <c r="HU30" s="114">
        <v>2483842</v>
      </c>
      <c r="HV30" s="114">
        <v>1825627</v>
      </c>
      <c r="HW30" s="114">
        <v>892257</v>
      </c>
      <c r="HX30" s="112">
        <v>13455127</v>
      </c>
      <c r="HY30" s="116">
        <v>14699167</v>
      </c>
      <c r="HZ30" s="150">
        <v>87720</v>
      </c>
      <c r="IA30" s="135">
        <v>0</v>
      </c>
      <c r="IB30" s="150">
        <v>87720</v>
      </c>
      <c r="IC30" s="134">
        <v>0</v>
      </c>
      <c r="ID30" s="135">
        <v>5680727</v>
      </c>
      <c r="IE30" s="136">
        <v>5758709</v>
      </c>
      <c r="IF30" s="137">
        <v>3985507</v>
      </c>
      <c r="IG30" s="135">
        <v>2254433</v>
      </c>
      <c r="IH30" s="137">
        <v>54539</v>
      </c>
      <c r="II30" s="138">
        <v>17733915</v>
      </c>
      <c r="IJ30" s="150">
        <v>17821635</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040079</v>
      </c>
      <c r="JL30" s="119">
        <v>1956340</v>
      </c>
      <c r="JM30" s="119">
        <v>1073848</v>
      </c>
      <c r="JN30" s="119">
        <v>426655</v>
      </c>
      <c r="JO30" s="119">
        <v>54539</v>
      </c>
      <c r="JP30" s="120">
        <v>7551461</v>
      </c>
      <c r="JQ30" s="320">
        <v>7551461</v>
      </c>
      <c r="JR30" s="142">
        <v>0</v>
      </c>
      <c r="JS30" s="119">
        <v>0</v>
      </c>
      <c r="JT30" s="141">
        <v>0</v>
      </c>
      <c r="JU30" s="118">
        <v>0</v>
      </c>
      <c r="JV30" s="119">
        <v>0</v>
      </c>
      <c r="JW30" s="119">
        <v>0</v>
      </c>
      <c r="JX30" s="119">
        <v>0</v>
      </c>
      <c r="JY30" s="119">
        <v>0</v>
      </c>
      <c r="JZ30" s="119">
        <v>0</v>
      </c>
      <c r="KA30" s="120">
        <v>0</v>
      </c>
      <c r="KB30" s="320">
        <v>0</v>
      </c>
      <c r="KC30" s="234">
        <v>87720</v>
      </c>
      <c r="KD30" s="230">
        <v>0</v>
      </c>
      <c r="KE30" s="120">
        <v>87720</v>
      </c>
      <c r="KF30" s="118">
        <v>0</v>
      </c>
      <c r="KG30" s="119">
        <v>239044</v>
      </c>
      <c r="KH30" s="119">
        <v>1232845</v>
      </c>
      <c r="KI30" s="119">
        <v>707935</v>
      </c>
      <c r="KJ30" s="119">
        <v>0</v>
      </c>
      <c r="KK30" s="119">
        <v>0</v>
      </c>
      <c r="KL30" s="120">
        <v>2179824</v>
      </c>
      <c r="KM30" s="143">
        <v>2267544</v>
      </c>
      <c r="KN30" s="232">
        <v>0</v>
      </c>
      <c r="KO30" s="236">
        <v>0</v>
      </c>
      <c r="KP30" s="237">
        <v>0</v>
      </c>
      <c r="KQ30" s="140"/>
      <c r="KR30" s="119">
        <v>1401604</v>
      </c>
      <c r="KS30" s="119">
        <v>2569524</v>
      </c>
      <c r="KT30" s="119">
        <v>2203724</v>
      </c>
      <c r="KU30" s="119">
        <v>1827778</v>
      </c>
      <c r="KV30" s="119">
        <v>0</v>
      </c>
      <c r="KW30" s="120">
        <v>8002630</v>
      </c>
      <c r="KX30" s="320">
        <v>800263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4163125</v>
      </c>
      <c r="MK30" s="119">
        <v>5519048</v>
      </c>
      <c r="ML30" s="119">
        <v>21873660</v>
      </c>
      <c r="MM30" s="119">
        <v>35335710</v>
      </c>
      <c r="MN30" s="119">
        <v>21271979</v>
      </c>
      <c r="MO30" s="120">
        <v>88163522</v>
      </c>
      <c r="MP30" s="143">
        <v>88163522</v>
      </c>
      <c r="MQ30" s="142">
        <v>0</v>
      </c>
      <c r="MR30" s="119">
        <v>0</v>
      </c>
      <c r="MS30" s="120">
        <v>0</v>
      </c>
      <c r="MT30" s="145"/>
      <c r="MU30" s="119">
        <v>431458</v>
      </c>
      <c r="MV30" s="119">
        <v>1480477</v>
      </c>
      <c r="MW30" s="119">
        <v>15636594</v>
      </c>
      <c r="MX30" s="119">
        <v>19008606</v>
      </c>
      <c r="MY30" s="119">
        <v>15293350</v>
      </c>
      <c r="MZ30" s="120">
        <v>51850485</v>
      </c>
      <c r="NA30" s="143">
        <v>51850485</v>
      </c>
      <c r="NB30" s="142">
        <v>0</v>
      </c>
      <c r="NC30" s="119">
        <v>0</v>
      </c>
      <c r="ND30" s="120">
        <v>0</v>
      </c>
      <c r="NE30" s="145"/>
      <c r="NF30" s="119">
        <v>3731667</v>
      </c>
      <c r="NG30" s="119">
        <v>4038571</v>
      </c>
      <c r="NH30" s="119">
        <v>6237066</v>
      </c>
      <c r="NI30" s="119">
        <v>15600316</v>
      </c>
      <c r="NJ30" s="119">
        <v>5121058</v>
      </c>
      <c r="NK30" s="120">
        <v>34728678</v>
      </c>
      <c r="NL30" s="320">
        <v>34728678</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726788</v>
      </c>
      <c r="OF30" s="119">
        <v>857571</v>
      </c>
      <c r="OG30" s="120">
        <v>1584359</v>
      </c>
      <c r="OH30" s="121">
        <v>1584359</v>
      </c>
      <c r="OI30" s="142">
        <v>2146485</v>
      </c>
      <c r="OJ30" s="119">
        <v>4848856</v>
      </c>
      <c r="OK30" s="141">
        <v>6995341</v>
      </c>
      <c r="OL30" s="118">
        <v>0</v>
      </c>
      <c r="OM30" s="119">
        <v>35169599</v>
      </c>
      <c r="ON30" s="119">
        <v>43129308</v>
      </c>
      <c r="OO30" s="119">
        <v>49970330</v>
      </c>
      <c r="OP30" s="119">
        <v>62856888</v>
      </c>
      <c r="OQ30" s="119">
        <v>36475706</v>
      </c>
      <c r="OR30" s="120">
        <v>227601831</v>
      </c>
      <c r="OS30" s="143">
        <v>234597172</v>
      </c>
    </row>
    <row r="31" spans="2:409" ht="21" customHeight="1" x14ac:dyDescent="0.2">
      <c r="B31" s="62" t="s">
        <v>26</v>
      </c>
      <c r="C31" s="110">
        <v>1777311</v>
      </c>
      <c r="D31" s="114">
        <v>2240585</v>
      </c>
      <c r="E31" s="113">
        <v>4017896</v>
      </c>
      <c r="F31" s="109">
        <v>0</v>
      </c>
      <c r="G31" s="114">
        <v>21910567</v>
      </c>
      <c r="H31" s="114">
        <v>23818018</v>
      </c>
      <c r="I31" s="114">
        <v>24222138</v>
      </c>
      <c r="J31" s="114">
        <v>19013532</v>
      </c>
      <c r="K31" s="114">
        <v>21396441</v>
      </c>
      <c r="L31" s="173">
        <v>110360696</v>
      </c>
      <c r="M31" s="116">
        <v>114378592</v>
      </c>
      <c r="N31" s="110">
        <v>400516</v>
      </c>
      <c r="O31" s="114">
        <v>375625</v>
      </c>
      <c r="P31" s="113">
        <v>776141</v>
      </c>
      <c r="Q31" s="110">
        <v>0</v>
      </c>
      <c r="R31" s="114">
        <v>5826114</v>
      </c>
      <c r="S31" s="114">
        <v>6852407</v>
      </c>
      <c r="T31" s="114">
        <v>7691685</v>
      </c>
      <c r="U31" s="114">
        <v>8383721</v>
      </c>
      <c r="V31" s="114">
        <v>11848037</v>
      </c>
      <c r="W31" s="113">
        <v>40601964</v>
      </c>
      <c r="X31" s="116">
        <v>41378105</v>
      </c>
      <c r="Y31" s="110">
        <v>0</v>
      </c>
      <c r="Z31" s="114">
        <v>0</v>
      </c>
      <c r="AA31" s="113">
        <v>0</v>
      </c>
      <c r="AB31" s="110">
        <v>0</v>
      </c>
      <c r="AC31" s="114">
        <v>2739326</v>
      </c>
      <c r="AD31" s="114">
        <v>3716394</v>
      </c>
      <c r="AE31" s="114">
        <v>4441586</v>
      </c>
      <c r="AF31" s="114">
        <v>5255935</v>
      </c>
      <c r="AG31" s="114">
        <v>8323514</v>
      </c>
      <c r="AH31" s="113">
        <v>24476755</v>
      </c>
      <c r="AI31" s="116">
        <v>24476755</v>
      </c>
      <c r="AJ31" s="110">
        <v>0</v>
      </c>
      <c r="AK31" s="114">
        <v>0</v>
      </c>
      <c r="AL31" s="113">
        <v>0</v>
      </c>
      <c r="AM31" s="110">
        <v>0</v>
      </c>
      <c r="AN31" s="114">
        <v>0</v>
      </c>
      <c r="AO31" s="114">
        <v>28398</v>
      </c>
      <c r="AP31" s="114">
        <v>269593</v>
      </c>
      <c r="AQ31" s="114">
        <v>570126</v>
      </c>
      <c r="AR31" s="114">
        <v>712982</v>
      </c>
      <c r="AS31" s="113">
        <v>1581099</v>
      </c>
      <c r="AT31" s="116">
        <v>1581099</v>
      </c>
      <c r="AU31" s="110">
        <v>257916</v>
      </c>
      <c r="AV31" s="114">
        <v>278717</v>
      </c>
      <c r="AW31" s="113">
        <v>536633</v>
      </c>
      <c r="AX31" s="110">
        <v>0</v>
      </c>
      <c r="AY31" s="114">
        <v>2200087</v>
      </c>
      <c r="AZ31" s="114">
        <v>2165347</v>
      </c>
      <c r="BA31" s="114">
        <v>1851844</v>
      </c>
      <c r="BB31" s="114">
        <v>1723975</v>
      </c>
      <c r="BC31" s="114">
        <v>2145937</v>
      </c>
      <c r="BD31" s="113">
        <v>10087190</v>
      </c>
      <c r="BE31" s="116">
        <v>10623823</v>
      </c>
      <c r="BF31" s="110">
        <v>0</v>
      </c>
      <c r="BG31" s="114">
        <v>0</v>
      </c>
      <c r="BH31" s="112">
        <v>0</v>
      </c>
      <c r="BI31" s="111">
        <v>0</v>
      </c>
      <c r="BJ31" s="114">
        <v>26663</v>
      </c>
      <c r="BK31" s="114">
        <v>282609</v>
      </c>
      <c r="BL31" s="114">
        <v>139498</v>
      </c>
      <c r="BM31" s="114">
        <v>165338</v>
      </c>
      <c r="BN31" s="114">
        <v>107995</v>
      </c>
      <c r="BO31" s="113">
        <v>722103</v>
      </c>
      <c r="BP31" s="116">
        <v>722103</v>
      </c>
      <c r="BQ31" s="110">
        <v>142600</v>
      </c>
      <c r="BR31" s="114">
        <v>96908</v>
      </c>
      <c r="BS31" s="113">
        <v>239508</v>
      </c>
      <c r="BT31" s="110">
        <v>0</v>
      </c>
      <c r="BU31" s="114">
        <v>860038</v>
      </c>
      <c r="BV31" s="114">
        <v>659659</v>
      </c>
      <c r="BW31" s="114">
        <v>989164</v>
      </c>
      <c r="BX31" s="114">
        <v>668347</v>
      </c>
      <c r="BY31" s="114">
        <v>557609</v>
      </c>
      <c r="BZ31" s="113">
        <v>3734817</v>
      </c>
      <c r="CA31" s="116">
        <v>3974325</v>
      </c>
      <c r="CB31" s="110">
        <v>155476</v>
      </c>
      <c r="CC31" s="114">
        <v>200949</v>
      </c>
      <c r="CD31" s="113">
        <v>356425</v>
      </c>
      <c r="CE31" s="110">
        <v>0</v>
      </c>
      <c r="CF31" s="114">
        <v>5883142</v>
      </c>
      <c r="CG31" s="114">
        <v>7496605</v>
      </c>
      <c r="CH31" s="114">
        <v>4578548</v>
      </c>
      <c r="CI31" s="114">
        <v>2659779</v>
      </c>
      <c r="CJ31" s="114">
        <v>2623932</v>
      </c>
      <c r="CK31" s="113">
        <v>23242006</v>
      </c>
      <c r="CL31" s="116">
        <v>23598431</v>
      </c>
      <c r="CM31" s="110">
        <v>0</v>
      </c>
      <c r="CN31" s="114">
        <v>0</v>
      </c>
      <c r="CO31" s="113">
        <v>0</v>
      </c>
      <c r="CP31" s="111">
        <v>0</v>
      </c>
      <c r="CQ31" s="114">
        <v>4832782</v>
      </c>
      <c r="CR31" s="114">
        <v>5838099</v>
      </c>
      <c r="CS31" s="114">
        <v>3661290</v>
      </c>
      <c r="CT31" s="114">
        <v>1848405</v>
      </c>
      <c r="CU31" s="114">
        <v>2227182</v>
      </c>
      <c r="CV31" s="113">
        <v>18407758</v>
      </c>
      <c r="CW31" s="116">
        <v>18407758</v>
      </c>
      <c r="CX31" s="110">
        <v>155476</v>
      </c>
      <c r="CY31" s="114">
        <v>200949</v>
      </c>
      <c r="CZ31" s="113">
        <v>356425</v>
      </c>
      <c r="DA31" s="110">
        <v>0</v>
      </c>
      <c r="DB31" s="114">
        <v>1050360</v>
      </c>
      <c r="DC31" s="114">
        <v>1658506</v>
      </c>
      <c r="DD31" s="114">
        <v>917258</v>
      </c>
      <c r="DE31" s="114">
        <v>811374</v>
      </c>
      <c r="DF31" s="114">
        <v>396750</v>
      </c>
      <c r="DG31" s="113">
        <v>4834248</v>
      </c>
      <c r="DH31" s="116">
        <v>5190673</v>
      </c>
      <c r="DI31" s="110">
        <v>0</v>
      </c>
      <c r="DJ31" s="114">
        <v>146258</v>
      </c>
      <c r="DK31" s="112">
        <v>146258</v>
      </c>
      <c r="DL31" s="111">
        <v>0</v>
      </c>
      <c r="DM31" s="114">
        <v>787941</v>
      </c>
      <c r="DN31" s="114">
        <v>1195686</v>
      </c>
      <c r="DO31" s="114">
        <v>2046899</v>
      </c>
      <c r="DP31" s="114">
        <v>1873236</v>
      </c>
      <c r="DQ31" s="114">
        <v>986552</v>
      </c>
      <c r="DR31" s="113">
        <v>6890314</v>
      </c>
      <c r="DS31" s="116">
        <v>7036572</v>
      </c>
      <c r="DT31" s="110">
        <v>0</v>
      </c>
      <c r="DU31" s="114">
        <v>146258</v>
      </c>
      <c r="DV31" s="113">
        <v>146258</v>
      </c>
      <c r="DW31" s="110">
        <v>0</v>
      </c>
      <c r="DX31" s="114">
        <v>517833</v>
      </c>
      <c r="DY31" s="114">
        <v>1020730</v>
      </c>
      <c r="DZ31" s="114">
        <v>1920391</v>
      </c>
      <c r="EA31" s="114">
        <v>1727133</v>
      </c>
      <c r="EB31" s="114">
        <v>986552</v>
      </c>
      <c r="EC31" s="113">
        <v>6172639</v>
      </c>
      <c r="ED31" s="116">
        <v>6318897</v>
      </c>
      <c r="EE31" s="110">
        <v>0</v>
      </c>
      <c r="EF31" s="112">
        <v>0</v>
      </c>
      <c r="EG31" s="113">
        <v>0</v>
      </c>
      <c r="EH31" s="110">
        <v>0</v>
      </c>
      <c r="EI31" s="114">
        <v>270108</v>
      </c>
      <c r="EJ31" s="114">
        <v>174956</v>
      </c>
      <c r="EK31" s="114">
        <v>126508</v>
      </c>
      <c r="EL31" s="114">
        <v>146103</v>
      </c>
      <c r="EM31" s="114">
        <v>0</v>
      </c>
      <c r="EN31" s="112">
        <v>717675</v>
      </c>
      <c r="EO31" s="116">
        <v>717675</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342249</v>
      </c>
      <c r="FM31" s="114">
        <v>545361</v>
      </c>
      <c r="FN31" s="113">
        <v>887610</v>
      </c>
      <c r="FO31" s="110">
        <v>0</v>
      </c>
      <c r="FP31" s="114">
        <v>1448989</v>
      </c>
      <c r="FQ31" s="114">
        <v>2433595</v>
      </c>
      <c r="FR31" s="114">
        <v>1866309</v>
      </c>
      <c r="FS31" s="114">
        <v>1575701</v>
      </c>
      <c r="FT31" s="114">
        <v>1622425</v>
      </c>
      <c r="FU31" s="113">
        <v>8947019</v>
      </c>
      <c r="FV31" s="116">
        <v>9834629</v>
      </c>
      <c r="FW31" s="115">
        <v>239784</v>
      </c>
      <c r="FX31" s="114">
        <v>482991</v>
      </c>
      <c r="FY31" s="112">
        <v>722775</v>
      </c>
      <c r="FZ31" s="111">
        <v>0</v>
      </c>
      <c r="GA31" s="114">
        <v>1100177</v>
      </c>
      <c r="GB31" s="114">
        <v>2244417</v>
      </c>
      <c r="GC31" s="114">
        <v>1757057</v>
      </c>
      <c r="GD31" s="114">
        <v>1575701</v>
      </c>
      <c r="GE31" s="114">
        <v>1622425</v>
      </c>
      <c r="GF31" s="113">
        <v>8299777</v>
      </c>
      <c r="GG31" s="318">
        <v>9022552</v>
      </c>
      <c r="GH31" s="115">
        <v>0</v>
      </c>
      <c r="GI31" s="114">
        <v>0</v>
      </c>
      <c r="GJ31" s="112">
        <v>0</v>
      </c>
      <c r="GK31" s="111">
        <v>0</v>
      </c>
      <c r="GL31" s="114">
        <v>174438</v>
      </c>
      <c r="GM31" s="114">
        <v>148588</v>
      </c>
      <c r="GN31" s="114">
        <v>64152</v>
      </c>
      <c r="GO31" s="114">
        <v>0</v>
      </c>
      <c r="GP31" s="114">
        <v>0</v>
      </c>
      <c r="GQ31" s="113">
        <v>387178</v>
      </c>
      <c r="GR31" s="116">
        <v>387178</v>
      </c>
      <c r="GS31" s="110">
        <v>102465</v>
      </c>
      <c r="GT31" s="114">
        <v>62370</v>
      </c>
      <c r="GU31" s="113">
        <v>164835</v>
      </c>
      <c r="GV31" s="110">
        <v>0</v>
      </c>
      <c r="GW31" s="114">
        <v>174374</v>
      </c>
      <c r="GX31" s="114">
        <v>40590</v>
      </c>
      <c r="GY31" s="114">
        <v>45100</v>
      </c>
      <c r="GZ31" s="114">
        <v>0</v>
      </c>
      <c r="HA31" s="114">
        <v>0</v>
      </c>
      <c r="HB31" s="112">
        <v>260064</v>
      </c>
      <c r="HC31" s="116">
        <v>424899</v>
      </c>
      <c r="HD31" s="110">
        <v>573349</v>
      </c>
      <c r="HE31" s="114">
        <v>486448</v>
      </c>
      <c r="HF31" s="112">
        <v>1059797</v>
      </c>
      <c r="HG31" s="111">
        <v>0</v>
      </c>
      <c r="HH31" s="114">
        <v>4039009</v>
      </c>
      <c r="HI31" s="114">
        <v>2575013</v>
      </c>
      <c r="HJ31" s="114">
        <v>5294097</v>
      </c>
      <c r="HK31" s="114">
        <v>2946356</v>
      </c>
      <c r="HL31" s="114">
        <v>3131752</v>
      </c>
      <c r="HM31" s="113">
        <v>17986227</v>
      </c>
      <c r="HN31" s="109">
        <v>19046024</v>
      </c>
      <c r="HO31" s="115">
        <v>305721</v>
      </c>
      <c r="HP31" s="114">
        <v>485944</v>
      </c>
      <c r="HQ31" s="113">
        <v>791665</v>
      </c>
      <c r="HR31" s="110">
        <v>0</v>
      </c>
      <c r="HS31" s="114">
        <v>3925372</v>
      </c>
      <c r="HT31" s="114">
        <v>3264712</v>
      </c>
      <c r="HU31" s="114">
        <v>2744600</v>
      </c>
      <c r="HV31" s="114">
        <v>1574739</v>
      </c>
      <c r="HW31" s="114">
        <v>1183743</v>
      </c>
      <c r="HX31" s="112">
        <v>12693166</v>
      </c>
      <c r="HY31" s="116">
        <v>13484831</v>
      </c>
      <c r="HZ31" s="131">
        <v>54693</v>
      </c>
      <c r="IA31" s="132">
        <v>0</v>
      </c>
      <c r="IB31" s="133">
        <v>54693</v>
      </c>
      <c r="IC31" s="146">
        <v>0</v>
      </c>
      <c r="ID31" s="132">
        <v>6274910</v>
      </c>
      <c r="IE31" s="147">
        <v>7092587</v>
      </c>
      <c r="IF31" s="133">
        <v>8260258</v>
      </c>
      <c r="IG31" s="132">
        <v>3101872</v>
      </c>
      <c r="IH31" s="133">
        <v>1482008</v>
      </c>
      <c r="II31" s="148">
        <v>26211635</v>
      </c>
      <c r="IJ31" s="139">
        <v>26266328</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031205</v>
      </c>
      <c r="JL31" s="119">
        <v>2832687</v>
      </c>
      <c r="JM31" s="119">
        <v>1964269</v>
      </c>
      <c r="JN31" s="119">
        <v>741189</v>
      </c>
      <c r="JO31" s="119">
        <v>1045608</v>
      </c>
      <c r="JP31" s="120">
        <v>8614958</v>
      </c>
      <c r="JQ31" s="320">
        <v>8614958</v>
      </c>
      <c r="JR31" s="142">
        <v>0</v>
      </c>
      <c r="JS31" s="119">
        <v>0</v>
      </c>
      <c r="JT31" s="141">
        <v>0</v>
      </c>
      <c r="JU31" s="118">
        <v>0</v>
      </c>
      <c r="JV31" s="119">
        <v>80650</v>
      </c>
      <c r="JW31" s="119">
        <v>141825</v>
      </c>
      <c r="JX31" s="119">
        <v>607868</v>
      </c>
      <c r="JY31" s="119">
        <v>179076</v>
      </c>
      <c r="JZ31" s="119">
        <v>113088</v>
      </c>
      <c r="KA31" s="120">
        <v>1122507</v>
      </c>
      <c r="KB31" s="320">
        <v>1122507</v>
      </c>
      <c r="KC31" s="234">
        <v>54693</v>
      </c>
      <c r="KD31" s="230">
        <v>0</v>
      </c>
      <c r="KE31" s="120">
        <v>54693</v>
      </c>
      <c r="KF31" s="118">
        <v>0</v>
      </c>
      <c r="KG31" s="119">
        <v>920044</v>
      </c>
      <c r="KH31" s="119">
        <v>789386</v>
      </c>
      <c r="KI31" s="119">
        <v>817038</v>
      </c>
      <c r="KJ31" s="119">
        <v>0</v>
      </c>
      <c r="KK31" s="119">
        <v>323312</v>
      </c>
      <c r="KL31" s="120">
        <v>2849780</v>
      </c>
      <c r="KM31" s="143">
        <v>2904473</v>
      </c>
      <c r="KN31" s="232">
        <v>0</v>
      </c>
      <c r="KO31" s="236">
        <v>0</v>
      </c>
      <c r="KP31" s="237">
        <v>0</v>
      </c>
      <c r="KQ31" s="140"/>
      <c r="KR31" s="119">
        <v>3243011</v>
      </c>
      <c r="KS31" s="119">
        <v>3328689</v>
      </c>
      <c r="KT31" s="119">
        <v>4871083</v>
      </c>
      <c r="KU31" s="119">
        <v>2181607</v>
      </c>
      <c r="KV31" s="119">
        <v>0</v>
      </c>
      <c r="KW31" s="120">
        <v>13624390</v>
      </c>
      <c r="KX31" s="320">
        <v>1362439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3511046</v>
      </c>
      <c r="MK31" s="119">
        <v>8564892</v>
      </c>
      <c r="ML31" s="119">
        <v>14374830</v>
      </c>
      <c r="MM31" s="119">
        <v>27083765</v>
      </c>
      <c r="MN31" s="119">
        <v>15872961</v>
      </c>
      <c r="MO31" s="120">
        <v>69407494</v>
      </c>
      <c r="MP31" s="143">
        <v>69407494</v>
      </c>
      <c r="MQ31" s="142">
        <v>0</v>
      </c>
      <c r="MR31" s="119">
        <v>0</v>
      </c>
      <c r="MS31" s="120">
        <v>0</v>
      </c>
      <c r="MT31" s="145"/>
      <c r="MU31" s="119">
        <v>0</v>
      </c>
      <c r="MV31" s="119">
        <v>2253187</v>
      </c>
      <c r="MW31" s="119">
        <v>8666238</v>
      </c>
      <c r="MX31" s="119">
        <v>19579546</v>
      </c>
      <c r="MY31" s="119">
        <v>10919489</v>
      </c>
      <c r="MZ31" s="120">
        <v>41418460</v>
      </c>
      <c r="NA31" s="143">
        <v>41418460</v>
      </c>
      <c r="NB31" s="142">
        <v>0</v>
      </c>
      <c r="NC31" s="119">
        <v>0</v>
      </c>
      <c r="ND31" s="120">
        <v>0</v>
      </c>
      <c r="NE31" s="145"/>
      <c r="NF31" s="119">
        <v>3511046</v>
      </c>
      <c r="NG31" s="119">
        <v>6311705</v>
      </c>
      <c r="NH31" s="119">
        <v>5708592</v>
      </c>
      <c r="NI31" s="119">
        <v>7504219</v>
      </c>
      <c r="NJ31" s="119">
        <v>4075759</v>
      </c>
      <c r="NK31" s="120">
        <v>27111321</v>
      </c>
      <c r="NL31" s="320">
        <v>27111321</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877713</v>
      </c>
      <c r="OG31" s="120">
        <v>877713</v>
      </c>
      <c r="OH31" s="121">
        <v>877713</v>
      </c>
      <c r="OI31" s="142">
        <v>1832004</v>
      </c>
      <c r="OJ31" s="119">
        <v>2240585</v>
      </c>
      <c r="OK31" s="141">
        <v>4072589</v>
      </c>
      <c r="OL31" s="118">
        <v>0</v>
      </c>
      <c r="OM31" s="119">
        <v>31696523</v>
      </c>
      <c r="ON31" s="119">
        <v>39475497</v>
      </c>
      <c r="OO31" s="119">
        <v>46857226</v>
      </c>
      <c r="OP31" s="119">
        <v>49199169</v>
      </c>
      <c r="OQ31" s="119">
        <v>38751410</v>
      </c>
      <c r="OR31" s="120">
        <v>205979825</v>
      </c>
      <c r="OS31" s="143">
        <v>210052414</v>
      </c>
    </row>
    <row r="32" spans="2:409" ht="21" customHeight="1" x14ac:dyDescent="0.2">
      <c r="B32" s="62" t="s">
        <v>27</v>
      </c>
      <c r="C32" s="110">
        <v>2503671</v>
      </c>
      <c r="D32" s="114">
        <v>6248369</v>
      </c>
      <c r="E32" s="113">
        <v>8752040</v>
      </c>
      <c r="F32" s="109">
        <v>0</v>
      </c>
      <c r="G32" s="114">
        <v>22840275</v>
      </c>
      <c r="H32" s="114">
        <v>23497492</v>
      </c>
      <c r="I32" s="114">
        <v>23624115</v>
      </c>
      <c r="J32" s="114">
        <v>23097607</v>
      </c>
      <c r="K32" s="114">
        <v>15006237</v>
      </c>
      <c r="L32" s="173">
        <v>108065726</v>
      </c>
      <c r="M32" s="116">
        <v>116817766</v>
      </c>
      <c r="N32" s="110">
        <v>629114</v>
      </c>
      <c r="O32" s="114">
        <v>1313573</v>
      </c>
      <c r="P32" s="113">
        <v>1942687</v>
      </c>
      <c r="Q32" s="110">
        <v>0</v>
      </c>
      <c r="R32" s="114">
        <v>3962321</v>
      </c>
      <c r="S32" s="114">
        <v>4705056</v>
      </c>
      <c r="T32" s="114">
        <v>5983980</v>
      </c>
      <c r="U32" s="114">
        <v>6454522</v>
      </c>
      <c r="V32" s="114">
        <v>7452640</v>
      </c>
      <c r="W32" s="113">
        <v>28558519</v>
      </c>
      <c r="X32" s="116">
        <v>30501206</v>
      </c>
      <c r="Y32" s="110">
        <v>0</v>
      </c>
      <c r="Z32" s="114">
        <v>0</v>
      </c>
      <c r="AA32" s="113">
        <v>0</v>
      </c>
      <c r="AB32" s="110">
        <v>0</v>
      </c>
      <c r="AC32" s="114">
        <v>1932250</v>
      </c>
      <c r="AD32" s="114">
        <v>2461110</v>
      </c>
      <c r="AE32" s="114">
        <v>3332929</v>
      </c>
      <c r="AF32" s="114">
        <v>3448602</v>
      </c>
      <c r="AG32" s="114">
        <v>3945080</v>
      </c>
      <c r="AH32" s="113">
        <v>15119971</v>
      </c>
      <c r="AI32" s="116">
        <v>15119971</v>
      </c>
      <c r="AJ32" s="110">
        <v>0</v>
      </c>
      <c r="AK32" s="114">
        <v>0</v>
      </c>
      <c r="AL32" s="113">
        <v>0</v>
      </c>
      <c r="AM32" s="110">
        <v>0</v>
      </c>
      <c r="AN32" s="114">
        <v>119957</v>
      </c>
      <c r="AO32" s="114">
        <v>206625</v>
      </c>
      <c r="AP32" s="114">
        <v>153320</v>
      </c>
      <c r="AQ32" s="114">
        <v>546453</v>
      </c>
      <c r="AR32" s="114">
        <v>888602</v>
      </c>
      <c r="AS32" s="113">
        <v>1914957</v>
      </c>
      <c r="AT32" s="116">
        <v>1914957</v>
      </c>
      <c r="AU32" s="110">
        <v>553218</v>
      </c>
      <c r="AV32" s="114">
        <v>1069488</v>
      </c>
      <c r="AW32" s="113">
        <v>1622706</v>
      </c>
      <c r="AX32" s="110">
        <v>0</v>
      </c>
      <c r="AY32" s="114">
        <v>1222806</v>
      </c>
      <c r="AZ32" s="114">
        <v>1268180</v>
      </c>
      <c r="BA32" s="114">
        <v>1463962</v>
      </c>
      <c r="BB32" s="114">
        <v>1565065</v>
      </c>
      <c r="BC32" s="114">
        <v>2079134</v>
      </c>
      <c r="BD32" s="113">
        <v>7599147</v>
      </c>
      <c r="BE32" s="116">
        <v>9221853</v>
      </c>
      <c r="BF32" s="110">
        <v>0</v>
      </c>
      <c r="BG32" s="114">
        <v>44764</v>
      </c>
      <c r="BH32" s="112">
        <v>44764</v>
      </c>
      <c r="BI32" s="111">
        <v>0</v>
      </c>
      <c r="BJ32" s="114">
        <v>0</v>
      </c>
      <c r="BK32" s="114">
        <v>32753</v>
      </c>
      <c r="BL32" s="114">
        <v>0</v>
      </c>
      <c r="BM32" s="114">
        <v>0</v>
      </c>
      <c r="BN32" s="114">
        <v>35550</v>
      </c>
      <c r="BO32" s="113">
        <v>68303</v>
      </c>
      <c r="BP32" s="116">
        <v>113067</v>
      </c>
      <c r="BQ32" s="110">
        <v>75896</v>
      </c>
      <c r="BR32" s="114">
        <v>199321</v>
      </c>
      <c r="BS32" s="113">
        <v>275217</v>
      </c>
      <c r="BT32" s="110">
        <v>0</v>
      </c>
      <c r="BU32" s="114">
        <v>687308</v>
      </c>
      <c r="BV32" s="114">
        <v>736388</v>
      </c>
      <c r="BW32" s="114">
        <v>1033769</v>
      </c>
      <c r="BX32" s="114">
        <v>894402</v>
      </c>
      <c r="BY32" s="114">
        <v>504274</v>
      </c>
      <c r="BZ32" s="113">
        <v>3856141</v>
      </c>
      <c r="CA32" s="116">
        <v>4131358</v>
      </c>
      <c r="CB32" s="110">
        <v>246290</v>
      </c>
      <c r="CC32" s="114">
        <v>1316538</v>
      </c>
      <c r="CD32" s="113">
        <v>1562828</v>
      </c>
      <c r="CE32" s="110">
        <v>0</v>
      </c>
      <c r="CF32" s="114">
        <v>7463475</v>
      </c>
      <c r="CG32" s="114">
        <v>6034729</v>
      </c>
      <c r="CH32" s="114">
        <v>4497835</v>
      </c>
      <c r="CI32" s="114">
        <v>3336131</v>
      </c>
      <c r="CJ32" s="114">
        <v>1422968</v>
      </c>
      <c r="CK32" s="113">
        <v>22755138</v>
      </c>
      <c r="CL32" s="116">
        <v>24317966</v>
      </c>
      <c r="CM32" s="110">
        <v>0</v>
      </c>
      <c r="CN32" s="114">
        <v>0</v>
      </c>
      <c r="CO32" s="113">
        <v>0</v>
      </c>
      <c r="CP32" s="111">
        <v>0</v>
      </c>
      <c r="CQ32" s="114">
        <v>6522978</v>
      </c>
      <c r="CR32" s="114">
        <v>4616255</v>
      </c>
      <c r="CS32" s="114">
        <v>3574472</v>
      </c>
      <c r="CT32" s="114">
        <v>2661781</v>
      </c>
      <c r="CU32" s="114">
        <v>1070403</v>
      </c>
      <c r="CV32" s="113">
        <v>18445889</v>
      </c>
      <c r="CW32" s="116">
        <v>18445889</v>
      </c>
      <c r="CX32" s="110">
        <v>246290</v>
      </c>
      <c r="CY32" s="114">
        <v>1316538</v>
      </c>
      <c r="CZ32" s="113">
        <v>1562828</v>
      </c>
      <c r="DA32" s="110">
        <v>0</v>
      </c>
      <c r="DB32" s="114">
        <v>940497</v>
      </c>
      <c r="DC32" s="114">
        <v>1418474</v>
      </c>
      <c r="DD32" s="114">
        <v>923363</v>
      </c>
      <c r="DE32" s="114">
        <v>674350</v>
      </c>
      <c r="DF32" s="114">
        <v>352565</v>
      </c>
      <c r="DG32" s="113">
        <v>4309249</v>
      </c>
      <c r="DH32" s="116">
        <v>5872077</v>
      </c>
      <c r="DI32" s="110">
        <v>0</v>
      </c>
      <c r="DJ32" s="114">
        <v>71609</v>
      </c>
      <c r="DK32" s="112">
        <v>71609</v>
      </c>
      <c r="DL32" s="111">
        <v>0</v>
      </c>
      <c r="DM32" s="114">
        <v>547857</v>
      </c>
      <c r="DN32" s="114">
        <v>1521795</v>
      </c>
      <c r="DO32" s="114">
        <v>2066417</v>
      </c>
      <c r="DP32" s="114">
        <v>527088</v>
      </c>
      <c r="DQ32" s="114">
        <v>1600077</v>
      </c>
      <c r="DR32" s="113">
        <v>6263234</v>
      </c>
      <c r="DS32" s="116">
        <v>6334843</v>
      </c>
      <c r="DT32" s="110">
        <v>0</v>
      </c>
      <c r="DU32" s="114">
        <v>45536</v>
      </c>
      <c r="DV32" s="113">
        <v>45536</v>
      </c>
      <c r="DW32" s="110">
        <v>0</v>
      </c>
      <c r="DX32" s="114">
        <v>413648</v>
      </c>
      <c r="DY32" s="114">
        <v>1501734</v>
      </c>
      <c r="DZ32" s="114">
        <v>1774628</v>
      </c>
      <c r="EA32" s="114">
        <v>454237</v>
      </c>
      <c r="EB32" s="114">
        <v>1453470</v>
      </c>
      <c r="EC32" s="113">
        <v>5597717</v>
      </c>
      <c r="ED32" s="116">
        <v>5643253</v>
      </c>
      <c r="EE32" s="110">
        <v>0</v>
      </c>
      <c r="EF32" s="112">
        <v>26073</v>
      </c>
      <c r="EG32" s="113">
        <v>26073</v>
      </c>
      <c r="EH32" s="110">
        <v>0</v>
      </c>
      <c r="EI32" s="114">
        <v>134209</v>
      </c>
      <c r="EJ32" s="114">
        <v>20061</v>
      </c>
      <c r="EK32" s="114">
        <v>291789</v>
      </c>
      <c r="EL32" s="114">
        <v>72851</v>
      </c>
      <c r="EM32" s="114">
        <v>146607</v>
      </c>
      <c r="EN32" s="112">
        <v>665517</v>
      </c>
      <c r="EO32" s="116">
        <v>69159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495788</v>
      </c>
      <c r="FM32" s="114">
        <v>1371488</v>
      </c>
      <c r="FN32" s="113">
        <v>1867276</v>
      </c>
      <c r="FO32" s="110">
        <v>0</v>
      </c>
      <c r="FP32" s="114">
        <v>824499</v>
      </c>
      <c r="FQ32" s="114">
        <v>1984906</v>
      </c>
      <c r="FR32" s="114">
        <v>1593281</v>
      </c>
      <c r="FS32" s="114">
        <v>1229657</v>
      </c>
      <c r="FT32" s="114">
        <v>1203548</v>
      </c>
      <c r="FU32" s="113">
        <v>6835891</v>
      </c>
      <c r="FV32" s="116">
        <v>8703167</v>
      </c>
      <c r="FW32" s="115">
        <v>383368</v>
      </c>
      <c r="FX32" s="114">
        <v>948504</v>
      </c>
      <c r="FY32" s="112">
        <v>1331872</v>
      </c>
      <c r="FZ32" s="111">
        <v>0</v>
      </c>
      <c r="GA32" s="114">
        <v>584049</v>
      </c>
      <c r="GB32" s="114">
        <v>1848108</v>
      </c>
      <c r="GC32" s="114">
        <v>1510931</v>
      </c>
      <c r="GD32" s="114">
        <v>1229657</v>
      </c>
      <c r="GE32" s="114">
        <v>1160060</v>
      </c>
      <c r="GF32" s="113">
        <v>6332805</v>
      </c>
      <c r="GG32" s="318">
        <v>7664677</v>
      </c>
      <c r="GH32" s="115">
        <v>0</v>
      </c>
      <c r="GI32" s="114">
        <v>134744</v>
      </c>
      <c r="GJ32" s="112">
        <v>134744</v>
      </c>
      <c r="GK32" s="111">
        <v>0</v>
      </c>
      <c r="GL32" s="114">
        <v>106020</v>
      </c>
      <c r="GM32" s="114">
        <v>86724</v>
      </c>
      <c r="GN32" s="114">
        <v>14850</v>
      </c>
      <c r="GO32" s="114">
        <v>0</v>
      </c>
      <c r="GP32" s="114">
        <v>43488</v>
      </c>
      <c r="GQ32" s="113">
        <v>251082</v>
      </c>
      <c r="GR32" s="116">
        <v>385826</v>
      </c>
      <c r="GS32" s="110">
        <v>112420</v>
      </c>
      <c r="GT32" s="114">
        <v>288240</v>
      </c>
      <c r="GU32" s="113">
        <v>400660</v>
      </c>
      <c r="GV32" s="110">
        <v>0</v>
      </c>
      <c r="GW32" s="114">
        <v>134430</v>
      </c>
      <c r="GX32" s="114">
        <v>50074</v>
      </c>
      <c r="GY32" s="114">
        <v>67500</v>
      </c>
      <c r="GZ32" s="114">
        <v>0</v>
      </c>
      <c r="HA32" s="114">
        <v>0</v>
      </c>
      <c r="HB32" s="112">
        <v>252004</v>
      </c>
      <c r="HC32" s="116">
        <v>652664</v>
      </c>
      <c r="HD32" s="110">
        <v>610332</v>
      </c>
      <c r="HE32" s="114">
        <v>1403387</v>
      </c>
      <c r="HF32" s="112">
        <v>2013719</v>
      </c>
      <c r="HG32" s="111">
        <v>0</v>
      </c>
      <c r="HH32" s="114">
        <v>6954485</v>
      </c>
      <c r="HI32" s="114">
        <v>6885532</v>
      </c>
      <c r="HJ32" s="114">
        <v>7461058</v>
      </c>
      <c r="HK32" s="114">
        <v>10344038</v>
      </c>
      <c r="HL32" s="114">
        <v>2446643</v>
      </c>
      <c r="HM32" s="113">
        <v>34091756</v>
      </c>
      <c r="HN32" s="109">
        <v>36105475</v>
      </c>
      <c r="HO32" s="115">
        <v>522147</v>
      </c>
      <c r="HP32" s="114">
        <v>771774</v>
      </c>
      <c r="HQ32" s="113">
        <v>1293921</v>
      </c>
      <c r="HR32" s="110">
        <v>0</v>
      </c>
      <c r="HS32" s="114">
        <v>3087638</v>
      </c>
      <c r="HT32" s="114">
        <v>2365474</v>
      </c>
      <c r="HU32" s="114">
        <v>2021544</v>
      </c>
      <c r="HV32" s="114">
        <v>1206171</v>
      </c>
      <c r="HW32" s="114">
        <v>880361</v>
      </c>
      <c r="HX32" s="112">
        <v>9561188</v>
      </c>
      <c r="HY32" s="116">
        <v>10855109</v>
      </c>
      <c r="HZ32" s="150">
        <v>0</v>
      </c>
      <c r="IA32" s="135">
        <v>0</v>
      </c>
      <c r="IB32" s="150">
        <v>0</v>
      </c>
      <c r="IC32" s="134">
        <v>0</v>
      </c>
      <c r="ID32" s="135">
        <v>4152690</v>
      </c>
      <c r="IE32" s="136">
        <v>2275297</v>
      </c>
      <c r="IF32" s="137">
        <v>5648534</v>
      </c>
      <c r="IG32" s="135">
        <v>4571885</v>
      </c>
      <c r="IH32" s="137">
        <v>2705702</v>
      </c>
      <c r="II32" s="138">
        <v>19354108</v>
      </c>
      <c r="IJ32" s="150">
        <v>19354108</v>
      </c>
      <c r="IK32" s="232">
        <v>0</v>
      </c>
      <c r="IL32" s="236">
        <v>0</v>
      </c>
      <c r="IM32" s="237">
        <v>0</v>
      </c>
      <c r="IN32" s="140"/>
      <c r="IO32" s="119">
        <v>0</v>
      </c>
      <c r="IP32" s="119">
        <v>0</v>
      </c>
      <c r="IQ32" s="119">
        <v>175496</v>
      </c>
      <c r="IR32" s="119">
        <v>0</v>
      </c>
      <c r="IS32" s="119">
        <v>0</v>
      </c>
      <c r="IT32" s="141">
        <v>175496</v>
      </c>
      <c r="IU32" s="320">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521622</v>
      </c>
      <c r="JL32" s="119">
        <v>678850</v>
      </c>
      <c r="JM32" s="119">
        <v>528341</v>
      </c>
      <c r="JN32" s="119">
        <v>273053</v>
      </c>
      <c r="JO32" s="119">
        <v>0</v>
      </c>
      <c r="JP32" s="120">
        <v>3001866</v>
      </c>
      <c r="JQ32" s="320">
        <v>3001866</v>
      </c>
      <c r="JR32" s="142">
        <v>0</v>
      </c>
      <c r="JS32" s="119">
        <v>0</v>
      </c>
      <c r="JT32" s="141">
        <v>0</v>
      </c>
      <c r="JU32" s="118">
        <v>0</v>
      </c>
      <c r="JV32" s="119">
        <v>220912</v>
      </c>
      <c r="JW32" s="119">
        <v>21528</v>
      </c>
      <c r="JX32" s="119">
        <v>122367</v>
      </c>
      <c r="JY32" s="119">
        <v>366654</v>
      </c>
      <c r="JZ32" s="119">
        <v>352242</v>
      </c>
      <c r="KA32" s="120">
        <v>1083703</v>
      </c>
      <c r="KB32" s="320">
        <v>1083703</v>
      </c>
      <c r="KC32" s="234">
        <v>0</v>
      </c>
      <c r="KD32" s="230">
        <v>0</v>
      </c>
      <c r="KE32" s="120">
        <v>0</v>
      </c>
      <c r="KF32" s="118">
        <v>0</v>
      </c>
      <c r="KG32" s="119">
        <v>0</v>
      </c>
      <c r="KH32" s="119">
        <v>198927</v>
      </c>
      <c r="KI32" s="119">
        <v>0</v>
      </c>
      <c r="KJ32" s="119">
        <v>0</v>
      </c>
      <c r="KK32" s="119">
        <v>0</v>
      </c>
      <c r="KL32" s="120">
        <v>198927</v>
      </c>
      <c r="KM32" s="143">
        <v>198927</v>
      </c>
      <c r="KN32" s="232">
        <v>0</v>
      </c>
      <c r="KO32" s="236">
        <v>0</v>
      </c>
      <c r="KP32" s="237">
        <v>0</v>
      </c>
      <c r="KQ32" s="140"/>
      <c r="KR32" s="119">
        <v>2410156</v>
      </c>
      <c r="KS32" s="119">
        <v>1375992</v>
      </c>
      <c r="KT32" s="119">
        <v>2227531</v>
      </c>
      <c r="KU32" s="119">
        <v>1081620</v>
      </c>
      <c r="KV32" s="119">
        <v>1173606</v>
      </c>
      <c r="KW32" s="120">
        <v>8268905</v>
      </c>
      <c r="KX32" s="320">
        <v>8268905</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594799</v>
      </c>
      <c r="LQ32" s="119">
        <v>2533698</v>
      </c>
      <c r="LR32" s="119">
        <v>1179854</v>
      </c>
      <c r="LS32" s="120">
        <v>6308351</v>
      </c>
      <c r="LT32" s="320">
        <v>6308351</v>
      </c>
      <c r="LU32" s="142">
        <v>0</v>
      </c>
      <c r="LV32" s="119">
        <v>0</v>
      </c>
      <c r="LW32" s="120">
        <v>0</v>
      </c>
      <c r="LX32" s="145"/>
      <c r="LY32" s="119">
        <v>0</v>
      </c>
      <c r="LZ32" s="119">
        <v>0</v>
      </c>
      <c r="MA32" s="119">
        <v>0</v>
      </c>
      <c r="MB32" s="119">
        <v>316860</v>
      </c>
      <c r="MC32" s="119">
        <v>0</v>
      </c>
      <c r="MD32" s="120">
        <v>316860</v>
      </c>
      <c r="ME32" s="121">
        <v>316860</v>
      </c>
      <c r="MF32" s="142">
        <v>0</v>
      </c>
      <c r="MG32" s="119">
        <v>0</v>
      </c>
      <c r="MH32" s="120">
        <v>0</v>
      </c>
      <c r="MI32" s="145"/>
      <c r="MJ32" s="119">
        <v>2211931</v>
      </c>
      <c r="MK32" s="119">
        <v>6724384</v>
      </c>
      <c r="ML32" s="119">
        <v>14566420</v>
      </c>
      <c r="MM32" s="119">
        <v>22737282</v>
      </c>
      <c r="MN32" s="119">
        <v>16662333</v>
      </c>
      <c r="MO32" s="120">
        <v>62902350</v>
      </c>
      <c r="MP32" s="143">
        <v>62902350</v>
      </c>
      <c r="MQ32" s="142">
        <v>0</v>
      </c>
      <c r="MR32" s="119">
        <v>0</v>
      </c>
      <c r="MS32" s="120">
        <v>0</v>
      </c>
      <c r="MT32" s="145"/>
      <c r="MU32" s="119">
        <v>425934</v>
      </c>
      <c r="MV32" s="119">
        <v>442368</v>
      </c>
      <c r="MW32" s="119">
        <v>8137658</v>
      </c>
      <c r="MX32" s="119">
        <v>15904102</v>
      </c>
      <c r="MY32" s="119">
        <v>12157660</v>
      </c>
      <c r="MZ32" s="120">
        <v>37067722</v>
      </c>
      <c r="NA32" s="143">
        <v>37067722</v>
      </c>
      <c r="NB32" s="142">
        <v>0</v>
      </c>
      <c r="NC32" s="119">
        <v>0</v>
      </c>
      <c r="ND32" s="120">
        <v>0</v>
      </c>
      <c r="NE32" s="145"/>
      <c r="NF32" s="119">
        <v>1785997</v>
      </c>
      <c r="NG32" s="119">
        <v>6282016</v>
      </c>
      <c r="NH32" s="119">
        <v>6428762</v>
      </c>
      <c r="NI32" s="119">
        <v>5706398</v>
      </c>
      <c r="NJ32" s="119">
        <v>3352067</v>
      </c>
      <c r="NK32" s="120">
        <v>23555240</v>
      </c>
      <c r="NL32" s="320">
        <v>23555240</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1126782</v>
      </c>
      <c r="OF32" s="119">
        <v>1152606</v>
      </c>
      <c r="OG32" s="120">
        <v>2279388</v>
      </c>
      <c r="OH32" s="121">
        <v>2279388</v>
      </c>
      <c r="OI32" s="142">
        <v>2503671</v>
      </c>
      <c r="OJ32" s="119">
        <v>6248369</v>
      </c>
      <c r="OK32" s="141">
        <v>8752040</v>
      </c>
      <c r="OL32" s="118">
        <v>0</v>
      </c>
      <c r="OM32" s="119">
        <v>29204896</v>
      </c>
      <c r="ON32" s="119">
        <v>32497173</v>
      </c>
      <c r="OO32" s="119">
        <v>43839069</v>
      </c>
      <c r="OP32" s="119">
        <v>50406774</v>
      </c>
      <c r="OQ32" s="119">
        <v>34374272</v>
      </c>
      <c r="OR32" s="120">
        <v>190322184</v>
      </c>
      <c r="OS32" s="143">
        <v>199074224</v>
      </c>
    </row>
    <row r="33" spans="2:409" ht="21" customHeight="1" x14ac:dyDescent="0.2">
      <c r="B33" s="62" t="s">
        <v>28</v>
      </c>
      <c r="C33" s="110">
        <v>152944</v>
      </c>
      <c r="D33" s="114">
        <v>543659</v>
      </c>
      <c r="E33" s="113">
        <v>696603</v>
      </c>
      <c r="F33" s="109">
        <v>0</v>
      </c>
      <c r="G33" s="114">
        <v>4838378</v>
      </c>
      <c r="H33" s="114">
        <v>7983117</v>
      </c>
      <c r="I33" s="114">
        <v>6732293</v>
      </c>
      <c r="J33" s="114">
        <v>7682213</v>
      </c>
      <c r="K33" s="114">
        <v>3711624</v>
      </c>
      <c r="L33" s="173">
        <v>30947625</v>
      </c>
      <c r="M33" s="116">
        <v>31644228</v>
      </c>
      <c r="N33" s="110">
        <v>17694</v>
      </c>
      <c r="O33" s="114">
        <v>55170</v>
      </c>
      <c r="P33" s="113">
        <v>72864</v>
      </c>
      <c r="Q33" s="110">
        <v>0</v>
      </c>
      <c r="R33" s="114">
        <v>592514</v>
      </c>
      <c r="S33" s="114">
        <v>1525276</v>
      </c>
      <c r="T33" s="114">
        <v>1426077</v>
      </c>
      <c r="U33" s="114">
        <v>1515383</v>
      </c>
      <c r="V33" s="114">
        <v>1131087</v>
      </c>
      <c r="W33" s="113">
        <v>6190337</v>
      </c>
      <c r="X33" s="116">
        <v>6263201</v>
      </c>
      <c r="Y33" s="110">
        <v>0</v>
      </c>
      <c r="Z33" s="114">
        <v>0</v>
      </c>
      <c r="AA33" s="113">
        <v>0</v>
      </c>
      <c r="AB33" s="110">
        <v>0</v>
      </c>
      <c r="AC33" s="114">
        <v>236548</v>
      </c>
      <c r="AD33" s="114">
        <v>757009</v>
      </c>
      <c r="AE33" s="114">
        <v>582452</v>
      </c>
      <c r="AF33" s="114">
        <v>460308</v>
      </c>
      <c r="AG33" s="114">
        <v>556707</v>
      </c>
      <c r="AH33" s="113">
        <v>2593024</v>
      </c>
      <c r="AI33" s="116">
        <v>2593024</v>
      </c>
      <c r="AJ33" s="110">
        <v>0</v>
      </c>
      <c r="AK33" s="114">
        <v>0</v>
      </c>
      <c r="AL33" s="113">
        <v>0</v>
      </c>
      <c r="AM33" s="110">
        <v>0</v>
      </c>
      <c r="AN33" s="114">
        <v>0</v>
      </c>
      <c r="AO33" s="114">
        <v>51231</v>
      </c>
      <c r="AP33" s="114">
        <v>51231</v>
      </c>
      <c r="AQ33" s="114">
        <v>232589</v>
      </c>
      <c r="AR33" s="114">
        <v>51231</v>
      </c>
      <c r="AS33" s="113">
        <v>386282</v>
      </c>
      <c r="AT33" s="116">
        <v>386282</v>
      </c>
      <c r="AU33" s="110">
        <v>15012</v>
      </c>
      <c r="AV33" s="114">
        <v>49806</v>
      </c>
      <c r="AW33" s="113">
        <v>64818</v>
      </c>
      <c r="AX33" s="110">
        <v>0</v>
      </c>
      <c r="AY33" s="114">
        <v>206860</v>
      </c>
      <c r="AZ33" s="114">
        <v>494622</v>
      </c>
      <c r="BA33" s="114">
        <v>559468</v>
      </c>
      <c r="BB33" s="114">
        <v>446553</v>
      </c>
      <c r="BC33" s="114">
        <v>322753</v>
      </c>
      <c r="BD33" s="113">
        <v>2030256</v>
      </c>
      <c r="BE33" s="116">
        <v>2095074</v>
      </c>
      <c r="BF33" s="110">
        <v>0</v>
      </c>
      <c r="BG33" s="114">
        <v>0</v>
      </c>
      <c r="BH33" s="112">
        <v>0</v>
      </c>
      <c r="BI33" s="111">
        <v>0</v>
      </c>
      <c r="BJ33" s="114">
        <v>54023</v>
      </c>
      <c r="BK33" s="114">
        <v>0</v>
      </c>
      <c r="BL33" s="114">
        <v>0</v>
      </c>
      <c r="BM33" s="114">
        <v>106652</v>
      </c>
      <c r="BN33" s="114">
        <v>62793</v>
      </c>
      <c r="BO33" s="113">
        <v>223468</v>
      </c>
      <c r="BP33" s="116">
        <v>223468</v>
      </c>
      <c r="BQ33" s="110">
        <v>2682</v>
      </c>
      <c r="BR33" s="114">
        <v>5364</v>
      </c>
      <c r="BS33" s="113">
        <v>8046</v>
      </c>
      <c r="BT33" s="110">
        <v>0</v>
      </c>
      <c r="BU33" s="114">
        <v>95083</v>
      </c>
      <c r="BV33" s="114">
        <v>222414</v>
      </c>
      <c r="BW33" s="114">
        <v>232926</v>
      </c>
      <c r="BX33" s="114">
        <v>269281</v>
      </c>
      <c r="BY33" s="114">
        <v>137603</v>
      </c>
      <c r="BZ33" s="113">
        <v>957307</v>
      </c>
      <c r="CA33" s="116">
        <v>965353</v>
      </c>
      <c r="CB33" s="110">
        <v>0</v>
      </c>
      <c r="CC33" s="114">
        <v>255049</v>
      </c>
      <c r="CD33" s="113">
        <v>255049</v>
      </c>
      <c r="CE33" s="110">
        <v>0</v>
      </c>
      <c r="CF33" s="114">
        <v>2129891</v>
      </c>
      <c r="CG33" s="114">
        <v>2930535</v>
      </c>
      <c r="CH33" s="114">
        <v>2086141</v>
      </c>
      <c r="CI33" s="114">
        <v>1639255</v>
      </c>
      <c r="CJ33" s="114">
        <v>913939</v>
      </c>
      <c r="CK33" s="113">
        <v>9699761</v>
      </c>
      <c r="CL33" s="116">
        <v>9954810</v>
      </c>
      <c r="CM33" s="110">
        <v>0</v>
      </c>
      <c r="CN33" s="114">
        <v>0</v>
      </c>
      <c r="CO33" s="113">
        <v>0</v>
      </c>
      <c r="CP33" s="111">
        <v>0</v>
      </c>
      <c r="CQ33" s="114">
        <v>1794031</v>
      </c>
      <c r="CR33" s="114">
        <v>1939745</v>
      </c>
      <c r="CS33" s="114">
        <v>1451578</v>
      </c>
      <c r="CT33" s="114">
        <v>918074</v>
      </c>
      <c r="CU33" s="114">
        <v>506842</v>
      </c>
      <c r="CV33" s="113">
        <v>6610270</v>
      </c>
      <c r="CW33" s="116">
        <v>6610270</v>
      </c>
      <c r="CX33" s="110">
        <v>0</v>
      </c>
      <c r="CY33" s="114">
        <v>255049</v>
      </c>
      <c r="CZ33" s="113">
        <v>255049</v>
      </c>
      <c r="DA33" s="110">
        <v>0</v>
      </c>
      <c r="DB33" s="114">
        <v>335860</v>
      </c>
      <c r="DC33" s="114">
        <v>990790</v>
      </c>
      <c r="DD33" s="114">
        <v>634563</v>
      </c>
      <c r="DE33" s="114">
        <v>721181</v>
      </c>
      <c r="DF33" s="114">
        <v>407097</v>
      </c>
      <c r="DG33" s="113">
        <v>3089491</v>
      </c>
      <c r="DH33" s="116">
        <v>3344540</v>
      </c>
      <c r="DI33" s="110">
        <v>0</v>
      </c>
      <c r="DJ33" s="114">
        <v>0</v>
      </c>
      <c r="DK33" s="112">
        <v>0</v>
      </c>
      <c r="DL33" s="111">
        <v>0</v>
      </c>
      <c r="DM33" s="114">
        <v>412688</v>
      </c>
      <c r="DN33" s="114">
        <v>247121</v>
      </c>
      <c r="DO33" s="114">
        <v>642823</v>
      </c>
      <c r="DP33" s="114">
        <v>493879</v>
      </c>
      <c r="DQ33" s="114">
        <v>641599</v>
      </c>
      <c r="DR33" s="113">
        <v>2438110</v>
      </c>
      <c r="DS33" s="116">
        <v>2438110</v>
      </c>
      <c r="DT33" s="110">
        <v>0</v>
      </c>
      <c r="DU33" s="114">
        <v>0</v>
      </c>
      <c r="DV33" s="113">
        <v>0</v>
      </c>
      <c r="DW33" s="110">
        <v>0</v>
      </c>
      <c r="DX33" s="114">
        <v>135454</v>
      </c>
      <c r="DY33" s="114">
        <v>247121</v>
      </c>
      <c r="DZ33" s="114">
        <v>559663</v>
      </c>
      <c r="EA33" s="114">
        <v>258020</v>
      </c>
      <c r="EB33" s="114">
        <v>641599</v>
      </c>
      <c r="EC33" s="113">
        <v>1841857</v>
      </c>
      <c r="ED33" s="116">
        <v>1841857</v>
      </c>
      <c r="EE33" s="110">
        <v>0</v>
      </c>
      <c r="EF33" s="112">
        <v>0</v>
      </c>
      <c r="EG33" s="113">
        <v>0</v>
      </c>
      <c r="EH33" s="110">
        <v>0</v>
      </c>
      <c r="EI33" s="114">
        <v>277234</v>
      </c>
      <c r="EJ33" s="114">
        <v>0</v>
      </c>
      <c r="EK33" s="114">
        <v>83160</v>
      </c>
      <c r="EL33" s="114">
        <v>235859</v>
      </c>
      <c r="EM33" s="114">
        <v>0</v>
      </c>
      <c r="EN33" s="112">
        <v>596253</v>
      </c>
      <c r="EO33" s="116">
        <v>596253</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35270</v>
      </c>
      <c r="FM33" s="114">
        <v>122320</v>
      </c>
      <c r="FN33" s="113">
        <v>157590</v>
      </c>
      <c r="FO33" s="110">
        <v>0</v>
      </c>
      <c r="FP33" s="114">
        <v>243335</v>
      </c>
      <c r="FQ33" s="114">
        <v>990883</v>
      </c>
      <c r="FR33" s="114">
        <v>600876</v>
      </c>
      <c r="FS33" s="114">
        <v>504297</v>
      </c>
      <c r="FT33" s="114">
        <v>411722</v>
      </c>
      <c r="FU33" s="113">
        <v>2751113</v>
      </c>
      <c r="FV33" s="116">
        <v>2908703</v>
      </c>
      <c r="FW33" s="115">
        <v>35270</v>
      </c>
      <c r="FX33" s="114">
        <v>122320</v>
      </c>
      <c r="FY33" s="112">
        <v>157590</v>
      </c>
      <c r="FZ33" s="111">
        <v>0</v>
      </c>
      <c r="GA33" s="114">
        <v>243335</v>
      </c>
      <c r="GB33" s="114">
        <v>810883</v>
      </c>
      <c r="GC33" s="114">
        <v>563076</v>
      </c>
      <c r="GD33" s="114">
        <v>504297</v>
      </c>
      <c r="GE33" s="114">
        <v>411722</v>
      </c>
      <c r="GF33" s="113">
        <v>2533313</v>
      </c>
      <c r="GG33" s="318">
        <v>2690903</v>
      </c>
      <c r="GH33" s="115">
        <v>0</v>
      </c>
      <c r="GI33" s="114">
        <v>0</v>
      </c>
      <c r="GJ33" s="112">
        <v>0</v>
      </c>
      <c r="GK33" s="111">
        <v>0</v>
      </c>
      <c r="GL33" s="114">
        <v>0</v>
      </c>
      <c r="GM33" s="114">
        <v>0</v>
      </c>
      <c r="GN33" s="114">
        <v>16200</v>
      </c>
      <c r="GO33" s="114">
        <v>0</v>
      </c>
      <c r="GP33" s="114">
        <v>0</v>
      </c>
      <c r="GQ33" s="113">
        <v>16200</v>
      </c>
      <c r="GR33" s="116">
        <v>16200</v>
      </c>
      <c r="GS33" s="110">
        <v>0</v>
      </c>
      <c r="GT33" s="114">
        <v>0</v>
      </c>
      <c r="GU33" s="113">
        <v>0</v>
      </c>
      <c r="GV33" s="110">
        <v>0</v>
      </c>
      <c r="GW33" s="114">
        <v>0</v>
      </c>
      <c r="GX33" s="114">
        <v>180000</v>
      </c>
      <c r="GY33" s="114">
        <v>21600</v>
      </c>
      <c r="GZ33" s="114">
        <v>0</v>
      </c>
      <c r="HA33" s="114">
        <v>0</v>
      </c>
      <c r="HB33" s="112">
        <v>201600</v>
      </c>
      <c r="HC33" s="116">
        <v>201600</v>
      </c>
      <c r="HD33" s="110">
        <v>60560</v>
      </c>
      <c r="HE33" s="114">
        <v>0</v>
      </c>
      <c r="HF33" s="112">
        <v>60560</v>
      </c>
      <c r="HG33" s="111">
        <v>0</v>
      </c>
      <c r="HH33" s="114">
        <v>512065</v>
      </c>
      <c r="HI33" s="114">
        <v>1186750</v>
      </c>
      <c r="HJ33" s="114">
        <v>1270739</v>
      </c>
      <c r="HK33" s="114">
        <v>2916072</v>
      </c>
      <c r="HL33" s="114">
        <v>331416</v>
      </c>
      <c r="HM33" s="113">
        <v>6217042</v>
      </c>
      <c r="HN33" s="109">
        <v>6277602</v>
      </c>
      <c r="HO33" s="115">
        <v>39420</v>
      </c>
      <c r="HP33" s="114">
        <v>111120</v>
      </c>
      <c r="HQ33" s="113">
        <v>150540</v>
      </c>
      <c r="HR33" s="110">
        <v>0</v>
      </c>
      <c r="HS33" s="114">
        <v>947885</v>
      </c>
      <c r="HT33" s="114">
        <v>1102552</v>
      </c>
      <c r="HU33" s="114">
        <v>705637</v>
      </c>
      <c r="HV33" s="114">
        <v>613327</v>
      </c>
      <c r="HW33" s="114">
        <v>281861</v>
      </c>
      <c r="HX33" s="112">
        <v>3651262</v>
      </c>
      <c r="HY33" s="116">
        <v>3801802</v>
      </c>
      <c r="HZ33" s="131">
        <v>0</v>
      </c>
      <c r="IA33" s="132">
        <v>0</v>
      </c>
      <c r="IB33" s="133">
        <v>0</v>
      </c>
      <c r="IC33" s="146">
        <v>0</v>
      </c>
      <c r="ID33" s="132">
        <v>714931</v>
      </c>
      <c r="IE33" s="147">
        <v>1746213</v>
      </c>
      <c r="IF33" s="133">
        <v>2157800</v>
      </c>
      <c r="IG33" s="132">
        <v>396918</v>
      </c>
      <c r="IH33" s="133">
        <v>1017783</v>
      </c>
      <c r="II33" s="148">
        <v>6033645</v>
      </c>
      <c r="IJ33" s="139">
        <v>6033645</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572128</v>
      </c>
      <c r="JL33" s="119">
        <v>543264</v>
      </c>
      <c r="JM33" s="119">
        <v>106997</v>
      </c>
      <c r="JN33" s="119">
        <v>108288</v>
      </c>
      <c r="JO33" s="119">
        <v>43650</v>
      </c>
      <c r="JP33" s="120">
        <v>1374327</v>
      </c>
      <c r="JQ33" s="320">
        <v>1374327</v>
      </c>
      <c r="JR33" s="142">
        <v>0</v>
      </c>
      <c r="JS33" s="119">
        <v>0</v>
      </c>
      <c r="JT33" s="141">
        <v>0</v>
      </c>
      <c r="JU33" s="118">
        <v>0</v>
      </c>
      <c r="JV33" s="119">
        <v>142803</v>
      </c>
      <c r="JW33" s="119">
        <v>108990</v>
      </c>
      <c r="JX33" s="119">
        <v>238392</v>
      </c>
      <c r="JY33" s="119">
        <v>0</v>
      </c>
      <c r="JZ33" s="119">
        <v>0</v>
      </c>
      <c r="KA33" s="120">
        <v>490185</v>
      </c>
      <c r="KB33" s="320">
        <v>490185</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93959</v>
      </c>
      <c r="KT33" s="119">
        <v>1542375</v>
      </c>
      <c r="KU33" s="119">
        <v>288630</v>
      </c>
      <c r="KV33" s="119">
        <v>974133</v>
      </c>
      <c r="KW33" s="120">
        <v>3899097</v>
      </c>
      <c r="KX33" s="320">
        <v>3899097</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70036</v>
      </c>
      <c r="LQ33" s="119">
        <v>0</v>
      </c>
      <c r="LR33" s="119">
        <v>0</v>
      </c>
      <c r="LS33" s="120">
        <v>270036</v>
      </c>
      <c r="LT33" s="320">
        <v>270036</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392216</v>
      </c>
      <c r="MK33" s="119">
        <v>2776267</v>
      </c>
      <c r="ML33" s="119">
        <v>4982471</v>
      </c>
      <c r="MM33" s="119">
        <v>7971060</v>
      </c>
      <c r="MN33" s="119">
        <v>4193644</v>
      </c>
      <c r="MO33" s="120">
        <v>20315658</v>
      </c>
      <c r="MP33" s="143">
        <v>20315658</v>
      </c>
      <c r="MQ33" s="142">
        <v>0</v>
      </c>
      <c r="MR33" s="119">
        <v>0</v>
      </c>
      <c r="MS33" s="120">
        <v>0</v>
      </c>
      <c r="MT33" s="145"/>
      <c r="MU33" s="119">
        <v>0</v>
      </c>
      <c r="MV33" s="119">
        <v>214209</v>
      </c>
      <c r="MW33" s="119">
        <v>2958485</v>
      </c>
      <c r="MX33" s="119">
        <v>4412589</v>
      </c>
      <c r="MY33" s="119">
        <v>2651091</v>
      </c>
      <c r="MZ33" s="120">
        <v>10236374</v>
      </c>
      <c r="NA33" s="143">
        <v>10236374</v>
      </c>
      <c r="NB33" s="142">
        <v>0</v>
      </c>
      <c r="NC33" s="119">
        <v>0</v>
      </c>
      <c r="ND33" s="120">
        <v>0</v>
      </c>
      <c r="NE33" s="145"/>
      <c r="NF33" s="119">
        <v>392216</v>
      </c>
      <c r="NG33" s="119">
        <v>2562058</v>
      </c>
      <c r="NH33" s="119">
        <v>2023986</v>
      </c>
      <c r="NI33" s="119">
        <v>3558471</v>
      </c>
      <c r="NJ33" s="119">
        <v>1542553</v>
      </c>
      <c r="NK33" s="120">
        <v>10079284</v>
      </c>
      <c r="NL33" s="320">
        <v>10079284</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52944</v>
      </c>
      <c r="OJ33" s="119">
        <v>543659</v>
      </c>
      <c r="OK33" s="141">
        <v>696603</v>
      </c>
      <c r="OL33" s="118">
        <v>0</v>
      </c>
      <c r="OM33" s="119">
        <v>5945525</v>
      </c>
      <c r="ON33" s="119">
        <v>12505597</v>
      </c>
      <c r="OO33" s="119">
        <v>13872564</v>
      </c>
      <c r="OP33" s="119">
        <v>16050191</v>
      </c>
      <c r="OQ33" s="119">
        <v>8923051</v>
      </c>
      <c r="OR33" s="120">
        <v>57296928</v>
      </c>
      <c r="OS33" s="143">
        <v>57993531</v>
      </c>
    </row>
    <row r="34" spans="2:409" ht="21" customHeight="1" x14ac:dyDescent="0.2">
      <c r="B34" s="62" t="s">
        <v>29</v>
      </c>
      <c r="C34" s="110">
        <v>547112</v>
      </c>
      <c r="D34" s="114">
        <v>599918</v>
      </c>
      <c r="E34" s="113">
        <v>1147030</v>
      </c>
      <c r="F34" s="109">
        <v>0</v>
      </c>
      <c r="G34" s="114">
        <v>7510585</v>
      </c>
      <c r="H34" s="114">
        <v>10644802</v>
      </c>
      <c r="I34" s="114">
        <v>6771731</v>
      </c>
      <c r="J34" s="114">
        <v>8943094</v>
      </c>
      <c r="K34" s="114">
        <v>4897219</v>
      </c>
      <c r="L34" s="173">
        <v>38767431</v>
      </c>
      <c r="M34" s="116">
        <v>39914461</v>
      </c>
      <c r="N34" s="110">
        <v>56952</v>
      </c>
      <c r="O34" s="114">
        <v>118368</v>
      </c>
      <c r="P34" s="113">
        <v>175320</v>
      </c>
      <c r="Q34" s="110">
        <v>0</v>
      </c>
      <c r="R34" s="114">
        <v>1720021</v>
      </c>
      <c r="S34" s="114">
        <v>2051094</v>
      </c>
      <c r="T34" s="114">
        <v>1014971</v>
      </c>
      <c r="U34" s="114">
        <v>2547972</v>
      </c>
      <c r="V34" s="114">
        <v>1978046</v>
      </c>
      <c r="W34" s="113">
        <v>9312104</v>
      </c>
      <c r="X34" s="116">
        <v>9487424</v>
      </c>
      <c r="Y34" s="110">
        <v>0</v>
      </c>
      <c r="Z34" s="114">
        <v>0</v>
      </c>
      <c r="AA34" s="113">
        <v>0</v>
      </c>
      <c r="AB34" s="110">
        <v>0</v>
      </c>
      <c r="AC34" s="114">
        <v>815084</v>
      </c>
      <c r="AD34" s="114">
        <v>900255</v>
      </c>
      <c r="AE34" s="114">
        <v>380714</v>
      </c>
      <c r="AF34" s="114">
        <v>1651222</v>
      </c>
      <c r="AG34" s="114">
        <v>1431261</v>
      </c>
      <c r="AH34" s="113">
        <v>5178536</v>
      </c>
      <c r="AI34" s="116">
        <v>5178536</v>
      </c>
      <c r="AJ34" s="110">
        <v>0</v>
      </c>
      <c r="AK34" s="114">
        <v>0</v>
      </c>
      <c r="AL34" s="113">
        <v>0</v>
      </c>
      <c r="AM34" s="110">
        <v>0</v>
      </c>
      <c r="AN34" s="114">
        <v>0</v>
      </c>
      <c r="AO34" s="114">
        <v>0</v>
      </c>
      <c r="AP34" s="114">
        <v>0</v>
      </c>
      <c r="AQ34" s="114">
        <v>196986</v>
      </c>
      <c r="AR34" s="114">
        <v>191214</v>
      </c>
      <c r="AS34" s="113">
        <v>388200</v>
      </c>
      <c r="AT34" s="116">
        <v>388200</v>
      </c>
      <c r="AU34" s="110">
        <v>42948</v>
      </c>
      <c r="AV34" s="114">
        <v>72036</v>
      </c>
      <c r="AW34" s="113">
        <v>114984</v>
      </c>
      <c r="AX34" s="110">
        <v>0</v>
      </c>
      <c r="AY34" s="114">
        <v>630296</v>
      </c>
      <c r="AZ34" s="114">
        <v>617306</v>
      </c>
      <c r="BA34" s="114">
        <v>424713</v>
      </c>
      <c r="BB34" s="114">
        <v>321759</v>
      </c>
      <c r="BC34" s="114">
        <v>248670</v>
      </c>
      <c r="BD34" s="113">
        <v>2242744</v>
      </c>
      <c r="BE34" s="116">
        <v>2357728</v>
      </c>
      <c r="BF34" s="110">
        <v>0</v>
      </c>
      <c r="BG34" s="114">
        <v>34344</v>
      </c>
      <c r="BH34" s="112">
        <v>34344</v>
      </c>
      <c r="BI34" s="111">
        <v>0</v>
      </c>
      <c r="BJ34" s="114">
        <v>97512</v>
      </c>
      <c r="BK34" s="114">
        <v>129124</v>
      </c>
      <c r="BL34" s="114">
        <v>26768</v>
      </c>
      <c r="BM34" s="114">
        <v>141811</v>
      </c>
      <c r="BN34" s="114">
        <v>0</v>
      </c>
      <c r="BO34" s="113">
        <v>395215</v>
      </c>
      <c r="BP34" s="116">
        <v>429559</v>
      </c>
      <c r="BQ34" s="110">
        <v>14004</v>
      </c>
      <c r="BR34" s="114">
        <v>11988</v>
      </c>
      <c r="BS34" s="113">
        <v>25992</v>
      </c>
      <c r="BT34" s="110">
        <v>0</v>
      </c>
      <c r="BU34" s="114">
        <v>177129</v>
      </c>
      <c r="BV34" s="114">
        <v>404409</v>
      </c>
      <c r="BW34" s="114">
        <v>182776</v>
      </c>
      <c r="BX34" s="114">
        <v>236194</v>
      </c>
      <c r="BY34" s="114">
        <v>106901</v>
      </c>
      <c r="BZ34" s="113">
        <v>1107409</v>
      </c>
      <c r="CA34" s="116">
        <v>1133401</v>
      </c>
      <c r="CB34" s="110">
        <v>40756</v>
      </c>
      <c r="CC34" s="114">
        <v>38376</v>
      </c>
      <c r="CD34" s="113">
        <v>79132</v>
      </c>
      <c r="CE34" s="110">
        <v>0</v>
      </c>
      <c r="CF34" s="114">
        <v>2744477</v>
      </c>
      <c r="CG34" s="114">
        <v>3603720</v>
      </c>
      <c r="CH34" s="114">
        <v>2501491</v>
      </c>
      <c r="CI34" s="114">
        <v>2474832</v>
      </c>
      <c r="CJ34" s="114">
        <v>470210</v>
      </c>
      <c r="CK34" s="113">
        <v>11794730</v>
      </c>
      <c r="CL34" s="116">
        <v>11873862</v>
      </c>
      <c r="CM34" s="110">
        <v>0</v>
      </c>
      <c r="CN34" s="114">
        <v>0</v>
      </c>
      <c r="CO34" s="113">
        <v>0</v>
      </c>
      <c r="CP34" s="111">
        <v>0</v>
      </c>
      <c r="CQ34" s="114">
        <v>1884654</v>
      </c>
      <c r="CR34" s="114">
        <v>2784056</v>
      </c>
      <c r="CS34" s="114">
        <v>1978134</v>
      </c>
      <c r="CT34" s="114">
        <v>2113604</v>
      </c>
      <c r="CU34" s="114">
        <v>315765</v>
      </c>
      <c r="CV34" s="113">
        <v>9076213</v>
      </c>
      <c r="CW34" s="116">
        <v>9076213</v>
      </c>
      <c r="CX34" s="110">
        <v>40756</v>
      </c>
      <c r="CY34" s="114">
        <v>38376</v>
      </c>
      <c r="CZ34" s="113">
        <v>79132</v>
      </c>
      <c r="DA34" s="110">
        <v>0</v>
      </c>
      <c r="DB34" s="114">
        <v>859823</v>
      </c>
      <c r="DC34" s="114">
        <v>819664</v>
      </c>
      <c r="DD34" s="114">
        <v>523357</v>
      </c>
      <c r="DE34" s="114">
        <v>361228</v>
      </c>
      <c r="DF34" s="114">
        <v>154445</v>
      </c>
      <c r="DG34" s="113">
        <v>2718517</v>
      </c>
      <c r="DH34" s="116">
        <v>2797649</v>
      </c>
      <c r="DI34" s="110">
        <v>14887</v>
      </c>
      <c r="DJ34" s="114">
        <v>0</v>
      </c>
      <c r="DK34" s="112">
        <v>14887</v>
      </c>
      <c r="DL34" s="111">
        <v>0</v>
      </c>
      <c r="DM34" s="114">
        <v>425497</v>
      </c>
      <c r="DN34" s="114">
        <v>642490</v>
      </c>
      <c r="DO34" s="114">
        <v>1007048</v>
      </c>
      <c r="DP34" s="114">
        <v>923774</v>
      </c>
      <c r="DQ34" s="114">
        <v>648041</v>
      </c>
      <c r="DR34" s="113">
        <v>3646850</v>
      </c>
      <c r="DS34" s="116">
        <v>3661737</v>
      </c>
      <c r="DT34" s="110">
        <v>14887</v>
      </c>
      <c r="DU34" s="114">
        <v>0</v>
      </c>
      <c r="DV34" s="113">
        <v>14887</v>
      </c>
      <c r="DW34" s="110">
        <v>0</v>
      </c>
      <c r="DX34" s="114">
        <v>374768</v>
      </c>
      <c r="DY34" s="114">
        <v>474915</v>
      </c>
      <c r="DZ34" s="114">
        <v>982595</v>
      </c>
      <c r="EA34" s="114">
        <v>845224</v>
      </c>
      <c r="EB34" s="114">
        <v>648041</v>
      </c>
      <c r="EC34" s="113">
        <v>3325543</v>
      </c>
      <c r="ED34" s="116">
        <v>3340430</v>
      </c>
      <c r="EE34" s="110">
        <v>0</v>
      </c>
      <c r="EF34" s="112">
        <v>0</v>
      </c>
      <c r="EG34" s="113">
        <v>0</v>
      </c>
      <c r="EH34" s="110">
        <v>0</v>
      </c>
      <c r="EI34" s="114">
        <v>50729</v>
      </c>
      <c r="EJ34" s="114">
        <v>167575</v>
      </c>
      <c r="EK34" s="114">
        <v>24453</v>
      </c>
      <c r="EL34" s="114">
        <v>78550</v>
      </c>
      <c r="EM34" s="114">
        <v>0</v>
      </c>
      <c r="EN34" s="112">
        <v>321307</v>
      </c>
      <c r="EO34" s="116">
        <v>321307</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69190</v>
      </c>
      <c r="FM34" s="114">
        <v>295634</v>
      </c>
      <c r="FN34" s="113">
        <v>464824</v>
      </c>
      <c r="FO34" s="110">
        <v>0</v>
      </c>
      <c r="FP34" s="114">
        <v>475878</v>
      </c>
      <c r="FQ34" s="114">
        <v>1145873</v>
      </c>
      <c r="FR34" s="114">
        <v>545585</v>
      </c>
      <c r="FS34" s="114">
        <v>817192</v>
      </c>
      <c r="FT34" s="114">
        <v>528361</v>
      </c>
      <c r="FU34" s="113">
        <v>3512889</v>
      </c>
      <c r="FV34" s="116">
        <v>3977713</v>
      </c>
      <c r="FW34" s="115">
        <v>169190</v>
      </c>
      <c r="FX34" s="114">
        <v>220214</v>
      </c>
      <c r="FY34" s="112">
        <v>389404</v>
      </c>
      <c r="FZ34" s="111">
        <v>0</v>
      </c>
      <c r="GA34" s="114">
        <v>454890</v>
      </c>
      <c r="GB34" s="114">
        <v>979673</v>
      </c>
      <c r="GC34" s="114">
        <v>520385</v>
      </c>
      <c r="GD34" s="114">
        <v>817192</v>
      </c>
      <c r="GE34" s="114">
        <v>426391</v>
      </c>
      <c r="GF34" s="113">
        <v>3198531</v>
      </c>
      <c r="GG34" s="318">
        <v>3587935</v>
      </c>
      <c r="GH34" s="115">
        <v>0</v>
      </c>
      <c r="GI34" s="114">
        <v>0</v>
      </c>
      <c r="GJ34" s="112">
        <v>0</v>
      </c>
      <c r="GK34" s="111">
        <v>0</v>
      </c>
      <c r="GL34" s="114">
        <v>20988</v>
      </c>
      <c r="GM34" s="114">
        <v>90000</v>
      </c>
      <c r="GN34" s="114">
        <v>0</v>
      </c>
      <c r="GO34" s="114">
        <v>0</v>
      </c>
      <c r="GP34" s="114">
        <v>53460</v>
      </c>
      <c r="GQ34" s="113">
        <v>164448</v>
      </c>
      <c r="GR34" s="116">
        <v>164448</v>
      </c>
      <c r="GS34" s="110">
        <v>0</v>
      </c>
      <c r="GT34" s="114">
        <v>75420</v>
      </c>
      <c r="GU34" s="113">
        <v>75420</v>
      </c>
      <c r="GV34" s="110">
        <v>0</v>
      </c>
      <c r="GW34" s="114">
        <v>0</v>
      </c>
      <c r="GX34" s="114">
        <v>76200</v>
      </c>
      <c r="GY34" s="114">
        <v>25200</v>
      </c>
      <c r="GZ34" s="114">
        <v>0</v>
      </c>
      <c r="HA34" s="114">
        <v>48510</v>
      </c>
      <c r="HB34" s="112">
        <v>149910</v>
      </c>
      <c r="HC34" s="116">
        <v>225330</v>
      </c>
      <c r="HD34" s="110">
        <v>111420</v>
      </c>
      <c r="HE34" s="114">
        <v>0</v>
      </c>
      <c r="HF34" s="112">
        <v>111420</v>
      </c>
      <c r="HG34" s="111">
        <v>0</v>
      </c>
      <c r="HH34" s="114">
        <v>1123665</v>
      </c>
      <c r="HI34" s="114">
        <v>1953652</v>
      </c>
      <c r="HJ34" s="114">
        <v>914002</v>
      </c>
      <c r="HK34" s="114">
        <v>1536069</v>
      </c>
      <c r="HL34" s="114">
        <v>1002980</v>
      </c>
      <c r="HM34" s="113">
        <v>6530368</v>
      </c>
      <c r="HN34" s="109">
        <v>6641788</v>
      </c>
      <c r="HO34" s="115">
        <v>153907</v>
      </c>
      <c r="HP34" s="114">
        <v>147540</v>
      </c>
      <c r="HQ34" s="113">
        <v>301447</v>
      </c>
      <c r="HR34" s="110">
        <v>0</v>
      </c>
      <c r="HS34" s="114">
        <v>1021047</v>
      </c>
      <c r="HT34" s="114">
        <v>1247973</v>
      </c>
      <c r="HU34" s="114">
        <v>788634</v>
      </c>
      <c r="HV34" s="114">
        <v>643255</v>
      </c>
      <c r="HW34" s="114">
        <v>269581</v>
      </c>
      <c r="HX34" s="112">
        <v>3970490</v>
      </c>
      <c r="HY34" s="116">
        <v>4271937</v>
      </c>
      <c r="HZ34" s="150">
        <v>0</v>
      </c>
      <c r="IA34" s="135">
        <v>264168</v>
      </c>
      <c r="IB34" s="150">
        <v>264168</v>
      </c>
      <c r="IC34" s="134">
        <v>0</v>
      </c>
      <c r="ID34" s="135">
        <v>3205806</v>
      </c>
      <c r="IE34" s="136">
        <v>2286348</v>
      </c>
      <c r="IF34" s="137">
        <v>6354780</v>
      </c>
      <c r="IG34" s="135">
        <v>4235812</v>
      </c>
      <c r="IH34" s="137">
        <v>2208942</v>
      </c>
      <c r="II34" s="138">
        <v>18291688</v>
      </c>
      <c r="IJ34" s="150">
        <v>18555856</v>
      </c>
      <c r="IK34" s="232">
        <v>0</v>
      </c>
      <c r="IL34" s="236">
        <v>0</v>
      </c>
      <c r="IM34" s="237">
        <v>0</v>
      </c>
      <c r="IN34" s="140"/>
      <c r="IO34" s="119">
        <v>0</v>
      </c>
      <c r="IP34" s="119">
        <v>0</v>
      </c>
      <c r="IQ34" s="119">
        <v>142527</v>
      </c>
      <c r="IR34" s="119">
        <v>0</v>
      </c>
      <c r="IS34" s="119">
        <v>0</v>
      </c>
      <c r="IT34" s="141">
        <v>142527</v>
      </c>
      <c r="IU34" s="320">
        <v>142527</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843165</v>
      </c>
      <c r="JL34" s="119">
        <v>875535</v>
      </c>
      <c r="JM34" s="119">
        <v>65494</v>
      </c>
      <c r="JN34" s="119">
        <v>448443</v>
      </c>
      <c r="JO34" s="119">
        <v>0</v>
      </c>
      <c r="JP34" s="120">
        <v>2232637</v>
      </c>
      <c r="JQ34" s="320">
        <v>2232637</v>
      </c>
      <c r="JR34" s="142">
        <v>0</v>
      </c>
      <c r="JS34" s="119">
        <v>0</v>
      </c>
      <c r="JT34" s="141">
        <v>0</v>
      </c>
      <c r="JU34" s="118">
        <v>0</v>
      </c>
      <c r="JV34" s="119">
        <v>54567</v>
      </c>
      <c r="JW34" s="119">
        <v>0</v>
      </c>
      <c r="JX34" s="119">
        <v>82362</v>
      </c>
      <c r="JY34" s="119">
        <v>57447</v>
      </c>
      <c r="JZ34" s="119">
        <v>0</v>
      </c>
      <c r="KA34" s="120">
        <v>194376</v>
      </c>
      <c r="KB34" s="320">
        <v>194376</v>
      </c>
      <c r="KC34" s="234">
        <v>0</v>
      </c>
      <c r="KD34" s="230">
        <v>264168</v>
      </c>
      <c r="KE34" s="120">
        <v>264168</v>
      </c>
      <c r="KF34" s="118">
        <v>0</v>
      </c>
      <c r="KG34" s="119">
        <v>967766</v>
      </c>
      <c r="KH34" s="119">
        <v>588807</v>
      </c>
      <c r="KI34" s="119">
        <v>2061629</v>
      </c>
      <c r="KJ34" s="119">
        <v>1435653</v>
      </c>
      <c r="KK34" s="119">
        <v>0</v>
      </c>
      <c r="KL34" s="120">
        <v>5053855</v>
      </c>
      <c r="KM34" s="143">
        <v>5318023</v>
      </c>
      <c r="KN34" s="232">
        <v>0</v>
      </c>
      <c r="KO34" s="236">
        <v>0</v>
      </c>
      <c r="KP34" s="237">
        <v>0</v>
      </c>
      <c r="KQ34" s="140"/>
      <c r="KR34" s="119">
        <v>1126881</v>
      </c>
      <c r="KS34" s="119">
        <v>574821</v>
      </c>
      <c r="KT34" s="119">
        <v>1078335</v>
      </c>
      <c r="KU34" s="119">
        <v>0</v>
      </c>
      <c r="KV34" s="119">
        <v>954774</v>
      </c>
      <c r="KW34" s="120">
        <v>3734811</v>
      </c>
      <c r="KX34" s="320">
        <v>3734811</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213427</v>
      </c>
      <c r="LO34" s="119">
        <v>247185</v>
      </c>
      <c r="LP34" s="119">
        <v>2924433</v>
      </c>
      <c r="LQ34" s="119">
        <v>2294269</v>
      </c>
      <c r="LR34" s="119">
        <v>1254168</v>
      </c>
      <c r="LS34" s="120">
        <v>6933482</v>
      </c>
      <c r="LT34" s="320">
        <v>6933482</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754091</v>
      </c>
      <c r="MK34" s="119">
        <v>2062946</v>
      </c>
      <c r="ML34" s="119">
        <v>5777540</v>
      </c>
      <c r="MM34" s="119">
        <v>13137807</v>
      </c>
      <c r="MN34" s="119">
        <v>7921998</v>
      </c>
      <c r="MO34" s="120">
        <v>29654382</v>
      </c>
      <c r="MP34" s="143">
        <v>29654382</v>
      </c>
      <c r="MQ34" s="142">
        <v>0</v>
      </c>
      <c r="MR34" s="119">
        <v>0</v>
      </c>
      <c r="MS34" s="120">
        <v>0</v>
      </c>
      <c r="MT34" s="145"/>
      <c r="MU34" s="119">
        <v>0</v>
      </c>
      <c r="MV34" s="119">
        <v>683610</v>
      </c>
      <c r="MW34" s="119">
        <v>2794737</v>
      </c>
      <c r="MX34" s="119">
        <v>7928823</v>
      </c>
      <c r="MY34" s="119">
        <v>5203348</v>
      </c>
      <c r="MZ34" s="120">
        <v>16610518</v>
      </c>
      <c r="NA34" s="143">
        <v>16610518</v>
      </c>
      <c r="NB34" s="142">
        <v>0</v>
      </c>
      <c r="NC34" s="119">
        <v>0</v>
      </c>
      <c r="ND34" s="120">
        <v>0</v>
      </c>
      <c r="NE34" s="145"/>
      <c r="NF34" s="119">
        <v>754091</v>
      </c>
      <c r="NG34" s="119">
        <v>1379336</v>
      </c>
      <c r="NH34" s="119">
        <v>2982803</v>
      </c>
      <c r="NI34" s="119">
        <v>4818836</v>
      </c>
      <c r="NJ34" s="119">
        <v>2718650</v>
      </c>
      <c r="NK34" s="120">
        <v>12653716</v>
      </c>
      <c r="NL34" s="320">
        <v>12653716</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390148</v>
      </c>
      <c r="OF34" s="119">
        <v>0</v>
      </c>
      <c r="OG34" s="120">
        <v>390148</v>
      </c>
      <c r="OH34" s="121">
        <v>390148</v>
      </c>
      <c r="OI34" s="142">
        <v>547112</v>
      </c>
      <c r="OJ34" s="119">
        <v>864086</v>
      </c>
      <c r="OK34" s="141">
        <v>1411198</v>
      </c>
      <c r="OL34" s="118">
        <v>0</v>
      </c>
      <c r="OM34" s="119">
        <v>11470482</v>
      </c>
      <c r="ON34" s="119">
        <v>14994096</v>
      </c>
      <c r="OO34" s="119">
        <v>18904051</v>
      </c>
      <c r="OP34" s="119">
        <v>26316713</v>
      </c>
      <c r="OQ34" s="119">
        <v>15028159</v>
      </c>
      <c r="OR34" s="120">
        <v>86713501</v>
      </c>
      <c r="OS34" s="143">
        <v>88124699</v>
      </c>
    </row>
    <row r="35" spans="2:409" ht="21" customHeight="1" x14ac:dyDescent="0.2">
      <c r="B35" s="62" t="s">
        <v>30</v>
      </c>
      <c r="C35" s="110">
        <v>789928</v>
      </c>
      <c r="D35" s="114">
        <v>651023</v>
      </c>
      <c r="E35" s="174">
        <v>1440951</v>
      </c>
      <c r="F35" s="175">
        <v>0</v>
      </c>
      <c r="G35" s="176">
        <v>6938256</v>
      </c>
      <c r="H35" s="176">
        <v>6479345</v>
      </c>
      <c r="I35" s="176">
        <v>9108316</v>
      </c>
      <c r="J35" s="176">
        <v>8501249</v>
      </c>
      <c r="K35" s="176">
        <v>2747577</v>
      </c>
      <c r="L35" s="177">
        <v>33774743</v>
      </c>
      <c r="M35" s="116">
        <v>35215694</v>
      </c>
      <c r="N35" s="110">
        <v>251919</v>
      </c>
      <c r="O35" s="114">
        <v>214941</v>
      </c>
      <c r="P35" s="113">
        <v>466860</v>
      </c>
      <c r="Q35" s="110">
        <v>0</v>
      </c>
      <c r="R35" s="114">
        <v>2019712</v>
      </c>
      <c r="S35" s="114">
        <v>1685405</v>
      </c>
      <c r="T35" s="114">
        <v>3281458</v>
      </c>
      <c r="U35" s="114">
        <v>3957485</v>
      </c>
      <c r="V35" s="114">
        <v>1839878</v>
      </c>
      <c r="W35" s="113">
        <v>12783938</v>
      </c>
      <c r="X35" s="116">
        <v>13250798</v>
      </c>
      <c r="Y35" s="110">
        <v>0</v>
      </c>
      <c r="Z35" s="114">
        <v>0</v>
      </c>
      <c r="AA35" s="113">
        <v>0</v>
      </c>
      <c r="AB35" s="110">
        <v>0</v>
      </c>
      <c r="AC35" s="114">
        <v>935796</v>
      </c>
      <c r="AD35" s="114">
        <v>973738</v>
      </c>
      <c r="AE35" s="114">
        <v>1523962</v>
      </c>
      <c r="AF35" s="114">
        <v>2225163</v>
      </c>
      <c r="AG35" s="114">
        <v>1059471</v>
      </c>
      <c r="AH35" s="113">
        <v>6718130</v>
      </c>
      <c r="AI35" s="116">
        <v>6718130</v>
      </c>
      <c r="AJ35" s="110">
        <v>0</v>
      </c>
      <c r="AK35" s="114">
        <v>0</v>
      </c>
      <c r="AL35" s="113">
        <v>0</v>
      </c>
      <c r="AM35" s="110">
        <v>0</v>
      </c>
      <c r="AN35" s="114">
        <v>61355</v>
      </c>
      <c r="AO35" s="114">
        <v>0</v>
      </c>
      <c r="AP35" s="114">
        <v>49167</v>
      </c>
      <c r="AQ35" s="114">
        <v>441895</v>
      </c>
      <c r="AR35" s="114">
        <v>348324</v>
      </c>
      <c r="AS35" s="113">
        <v>900741</v>
      </c>
      <c r="AT35" s="116">
        <v>900741</v>
      </c>
      <c r="AU35" s="110">
        <v>149019</v>
      </c>
      <c r="AV35" s="114">
        <v>214941</v>
      </c>
      <c r="AW35" s="113">
        <v>363960</v>
      </c>
      <c r="AX35" s="110">
        <v>0</v>
      </c>
      <c r="AY35" s="114">
        <v>590580</v>
      </c>
      <c r="AZ35" s="114">
        <v>500131</v>
      </c>
      <c r="BA35" s="114">
        <v>1233315</v>
      </c>
      <c r="BB35" s="114">
        <v>918702</v>
      </c>
      <c r="BC35" s="114">
        <v>325055</v>
      </c>
      <c r="BD35" s="113">
        <v>3567783</v>
      </c>
      <c r="BE35" s="116">
        <v>3931743</v>
      </c>
      <c r="BF35" s="110">
        <v>92100</v>
      </c>
      <c r="BG35" s="114">
        <v>0</v>
      </c>
      <c r="BH35" s="112">
        <v>92100</v>
      </c>
      <c r="BI35" s="111">
        <v>0</v>
      </c>
      <c r="BJ35" s="114">
        <v>144936</v>
      </c>
      <c r="BK35" s="114">
        <v>0</v>
      </c>
      <c r="BL35" s="114">
        <v>145140</v>
      </c>
      <c r="BM35" s="114">
        <v>25812</v>
      </c>
      <c r="BN35" s="114">
        <v>0</v>
      </c>
      <c r="BO35" s="113">
        <v>315888</v>
      </c>
      <c r="BP35" s="116">
        <v>407988</v>
      </c>
      <c r="BQ35" s="110">
        <v>10800</v>
      </c>
      <c r="BR35" s="114">
        <v>0</v>
      </c>
      <c r="BS35" s="113">
        <v>10800</v>
      </c>
      <c r="BT35" s="110">
        <v>0</v>
      </c>
      <c r="BU35" s="114">
        <v>287045</v>
      </c>
      <c r="BV35" s="114">
        <v>211536</v>
      </c>
      <c r="BW35" s="114">
        <v>329874</v>
      </c>
      <c r="BX35" s="114">
        <v>345913</v>
      </c>
      <c r="BY35" s="114">
        <v>107028</v>
      </c>
      <c r="BZ35" s="113">
        <v>1281396</v>
      </c>
      <c r="CA35" s="116">
        <v>1292196</v>
      </c>
      <c r="CB35" s="110">
        <v>43268</v>
      </c>
      <c r="CC35" s="114">
        <v>131772</v>
      </c>
      <c r="CD35" s="113">
        <v>175040</v>
      </c>
      <c r="CE35" s="110">
        <v>0</v>
      </c>
      <c r="CF35" s="114">
        <v>1780720</v>
      </c>
      <c r="CG35" s="114">
        <v>1873709</v>
      </c>
      <c r="CH35" s="114">
        <v>2021961</v>
      </c>
      <c r="CI35" s="114">
        <v>1516293</v>
      </c>
      <c r="CJ35" s="114">
        <v>110088</v>
      </c>
      <c r="CK35" s="113">
        <v>7302771</v>
      </c>
      <c r="CL35" s="116">
        <v>7477811</v>
      </c>
      <c r="CM35" s="110">
        <v>0</v>
      </c>
      <c r="CN35" s="114">
        <v>0</v>
      </c>
      <c r="CO35" s="113">
        <v>0</v>
      </c>
      <c r="CP35" s="111">
        <v>0</v>
      </c>
      <c r="CQ35" s="114">
        <v>1532836</v>
      </c>
      <c r="CR35" s="114">
        <v>1376810</v>
      </c>
      <c r="CS35" s="114">
        <v>1486069</v>
      </c>
      <c r="CT35" s="114">
        <v>1079733</v>
      </c>
      <c r="CU35" s="114">
        <v>110088</v>
      </c>
      <c r="CV35" s="113">
        <v>5585536</v>
      </c>
      <c r="CW35" s="116">
        <v>5585536</v>
      </c>
      <c r="CX35" s="110">
        <v>43268</v>
      </c>
      <c r="CY35" s="114">
        <v>131772</v>
      </c>
      <c r="CZ35" s="113">
        <v>175040</v>
      </c>
      <c r="DA35" s="110">
        <v>0</v>
      </c>
      <c r="DB35" s="114">
        <v>247884</v>
      </c>
      <c r="DC35" s="114">
        <v>496899</v>
      </c>
      <c r="DD35" s="114">
        <v>535892</v>
      </c>
      <c r="DE35" s="114">
        <v>436560</v>
      </c>
      <c r="DF35" s="114">
        <v>0</v>
      </c>
      <c r="DG35" s="113">
        <v>1717235</v>
      </c>
      <c r="DH35" s="116">
        <v>1892275</v>
      </c>
      <c r="DI35" s="110">
        <v>0</v>
      </c>
      <c r="DJ35" s="114">
        <v>0</v>
      </c>
      <c r="DK35" s="112">
        <v>0</v>
      </c>
      <c r="DL35" s="111">
        <v>0</v>
      </c>
      <c r="DM35" s="114">
        <v>275668</v>
      </c>
      <c r="DN35" s="114">
        <v>355713</v>
      </c>
      <c r="DO35" s="114">
        <v>758496</v>
      </c>
      <c r="DP35" s="114">
        <v>593347</v>
      </c>
      <c r="DQ35" s="114">
        <v>40419</v>
      </c>
      <c r="DR35" s="113">
        <v>2023643</v>
      </c>
      <c r="DS35" s="116">
        <v>2023643</v>
      </c>
      <c r="DT35" s="110">
        <v>0</v>
      </c>
      <c r="DU35" s="114">
        <v>0</v>
      </c>
      <c r="DV35" s="113">
        <v>0</v>
      </c>
      <c r="DW35" s="110">
        <v>0</v>
      </c>
      <c r="DX35" s="114">
        <v>275668</v>
      </c>
      <c r="DY35" s="114">
        <v>285000</v>
      </c>
      <c r="DZ35" s="114">
        <v>758496</v>
      </c>
      <c r="EA35" s="114">
        <v>530104</v>
      </c>
      <c r="EB35" s="114">
        <v>40419</v>
      </c>
      <c r="EC35" s="113">
        <v>1889687</v>
      </c>
      <c r="ED35" s="116">
        <v>1889687</v>
      </c>
      <c r="EE35" s="110">
        <v>0</v>
      </c>
      <c r="EF35" s="112">
        <v>0</v>
      </c>
      <c r="EG35" s="113">
        <v>0</v>
      </c>
      <c r="EH35" s="110">
        <v>0</v>
      </c>
      <c r="EI35" s="114">
        <v>0</v>
      </c>
      <c r="EJ35" s="114">
        <v>70713</v>
      </c>
      <c r="EK35" s="114">
        <v>0</v>
      </c>
      <c r="EL35" s="114">
        <v>63243</v>
      </c>
      <c r="EM35" s="114">
        <v>0</v>
      </c>
      <c r="EN35" s="112">
        <v>133956</v>
      </c>
      <c r="EO35" s="116">
        <v>133956</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251573</v>
      </c>
      <c r="FM35" s="114">
        <v>165530</v>
      </c>
      <c r="FN35" s="113">
        <v>417103</v>
      </c>
      <c r="FO35" s="110">
        <v>0</v>
      </c>
      <c r="FP35" s="114">
        <v>412996</v>
      </c>
      <c r="FQ35" s="114">
        <v>687279</v>
      </c>
      <c r="FR35" s="114">
        <v>1186377</v>
      </c>
      <c r="FS35" s="114">
        <v>788019</v>
      </c>
      <c r="FT35" s="114">
        <v>294219</v>
      </c>
      <c r="FU35" s="113">
        <v>3368890</v>
      </c>
      <c r="FV35" s="116">
        <v>3785993</v>
      </c>
      <c r="FW35" s="115">
        <v>164414</v>
      </c>
      <c r="FX35" s="114">
        <v>132860</v>
      </c>
      <c r="FY35" s="112">
        <v>297274</v>
      </c>
      <c r="FZ35" s="111">
        <v>0</v>
      </c>
      <c r="GA35" s="114">
        <v>412996</v>
      </c>
      <c r="GB35" s="114">
        <v>663519</v>
      </c>
      <c r="GC35" s="114">
        <v>1083327</v>
      </c>
      <c r="GD35" s="114">
        <v>765227</v>
      </c>
      <c r="GE35" s="114">
        <v>294219</v>
      </c>
      <c r="GF35" s="113">
        <v>3219288</v>
      </c>
      <c r="GG35" s="318">
        <v>3516562</v>
      </c>
      <c r="GH35" s="115">
        <v>87159</v>
      </c>
      <c r="GI35" s="114">
        <v>0</v>
      </c>
      <c r="GJ35" s="112">
        <v>87159</v>
      </c>
      <c r="GK35" s="111">
        <v>0</v>
      </c>
      <c r="GL35" s="114">
        <v>0</v>
      </c>
      <c r="GM35" s="114">
        <v>23760</v>
      </c>
      <c r="GN35" s="114">
        <v>103050</v>
      </c>
      <c r="GO35" s="114">
        <v>22792</v>
      </c>
      <c r="GP35" s="114">
        <v>0</v>
      </c>
      <c r="GQ35" s="113">
        <v>149602</v>
      </c>
      <c r="GR35" s="116">
        <v>236761</v>
      </c>
      <c r="GS35" s="110">
        <v>0</v>
      </c>
      <c r="GT35" s="114">
        <v>32670</v>
      </c>
      <c r="GU35" s="113">
        <v>32670</v>
      </c>
      <c r="GV35" s="110">
        <v>0</v>
      </c>
      <c r="GW35" s="114">
        <v>0</v>
      </c>
      <c r="GX35" s="114">
        <v>0</v>
      </c>
      <c r="GY35" s="114">
        <v>0</v>
      </c>
      <c r="GZ35" s="114">
        <v>0</v>
      </c>
      <c r="HA35" s="114">
        <v>0</v>
      </c>
      <c r="HB35" s="112">
        <v>0</v>
      </c>
      <c r="HC35" s="116">
        <v>32670</v>
      </c>
      <c r="HD35" s="110">
        <v>58968</v>
      </c>
      <c r="HE35" s="114">
        <v>0</v>
      </c>
      <c r="HF35" s="112">
        <v>58968</v>
      </c>
      <c r="HG35" s="111">
        <v>0</v>
      </c>
      <c r="HH35" s="114">
        <v>1366034</v>
      </c>
      <c r="HI35" s="114">
        <v>933925</v>
      </c>
      <c r="HJ35" s="114">
        <v>773229</v>
      </c>
      <c r="HK35" s="114">
        <v>958118</v>
      </c>
      <c r="HL35" s="114">
        <v>269183</v>
      </c>
      <c r="HM35" s="113">
        <v>4300489</v>
      </c>
      <c r="HN35" s="109">
        <v>4359457</v>
      </c>
      <c r="HO35" s="115">
        <v>184200</v>
      </c>
      <c r="HP35" s="114">
        <v>138780</v>
      </c>
      <c r="HQ35" s="113">
        <v>322980</v>
      </c>
      <c r="HR35" s="110">
        <v>0</v>
      </c>
      <c r="HS35" s="114">
        <v>1083126</v>
      </c>
      <c r="HT35" s="114">
        <v>943314</v>
      </c>
      <c r="HU35" s="114">
        <v>1086795</v>
      </c>
      <c r="HV35" s="114">
        <v>687987</v>
      </c>
      <c r="HW35" s="114">
        <v>193790</v>
      </c>
      <c r="HX35" s="112">
        <v>3995012</v>
      </c>
      <c r="HY35" s="116">
        <v>4317992</v>
      </c>
      <c r="HZ35" s="131">
        <v>26763</v>
      </c>
      <c r="IA35" s="132">
        <v>0</v>
      </c>
      <c r="IB35" s="133">
        <v>26763</v>
      </c>
      <c r="IC35" s="146">
        <v>0</v>
      </c>
      <c r="ID35" s="132">
        <v>2601012</v>
      </c>
      <c r="IE35" s="147">
        <v>1634048</v>
      </c>
      <c r="IF35" s="133">
        <v>2320250</v>
      </c>
      <c r="IG35" s="132">
        <v>2406534</v>
      </c>
      <c r="IH35" s="133">
        <v>0</v>
      </c>
      <c r="II35" s="148">
        <v>8961844</v>
      </c>
      <c r="IJ35" s="139">
        <v>8988607</v>
      </c>
      <c r="IK35" s="232">
        <v>0</v>
      </c>
      <c r="IL35" s="236">
        <v>0</v>
      </c>
      <c r="IM35" s="237">
        <v>0</v>
      </c>
      <c r="IN35" s="140"/>
      <c r="IO35" s="119">
        <v>0</v>
      </c>
      <c r="IP35" s="119">
        <v>0</v>
      </c>
      <c r="IQ35" s="119">
        <v>362448</v>
      </c>
      <c r="IR35" s="119">
        <v>0</v>
      </c>
      <c r="IS35" s="119">
        <v>0</v>
      </c>
      <c r="IT35" s="141">
        <v>362448</v>
      </c>
      <c r="IU35" s="320">
        <v>362448</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947937</v>
      </c>
      <c r="JL35" s="119">
        <v>626368</v>
      </c>
      <c r="JM35" s="119">
        <v>621676</v>
      </c>
      <c r="JN35" s="119">
        <v>465857</v>
      </c>
      <c r="JO35" s="119">
        <v>0</v>
      </c>
      <c r="JP35" s="120">
        <v>2661838</v>
      </c>
      <c r="JQ35" s="320">
        <v>2661838</v>
      </c>
      <c r="JR35" s="142">
        <v>26763</v>
      </c>
      <c r="JS35" s="119">
        <v>0</v>
      </c>
      <c r="JT35" s="141">
        <v>26763</v>
      </c>
      <c r="JU35" s="118">
        <v>0</v>
      </c>
      <c r="JV35" s="119">
        <v>186741</v>
      </c>
      <c r="JW35" s="119">
        <v>180909</v>
      </c>
      <c r="JX35" s="119">
        <v>282118</v>
      </c>
      <c r="JY35" s="119">
        <v>0</v>
      </c>
      <c r="JZ35" s="119">
        <v>0</v>
      </c>
      <c r="KA35" s="120">
        <v>649768</v>
      </c>
      <c r="KB35" s="320">
        <v>676531</v>
      </c>
      <c r="KC35" s="234">
        <v>0</v>
      </c>
      <c r="KD35" s="230">
        <v>0</v>
      </c>
      <c r="KE35" s="120">
        <v>0</v>
      </c>
      <c r="KF35" s="118">
        <v>0</v>
      </c>
      <c r="KG35" s="119">
        <v>0</v>
      </c>
      <c r="KH35" s="119">
        <v>0</v>
      </c>
      <c r="KI35" s="119">
        <v>0</v>
      </c>
      <c r="KJ35" s="119">
        <v>293661</v>
      </c>
      <c r="KK35" s="119">
        <v>0</v>
      </c>
      <c r="KL35" s="120">
        <v>293661</v>
      </c>
      <c r="KM35" s="143">
        <v>293661</v>
      </c>
      <c r="KN35" s="232">
        <v>0</v>
      </c>
      <c r="KO35" s="236">
        <v>0</v>
      </c>
      <c r="KP35" s="237">
        <v>0</v>
      </c>
      <c r="KQ35" s="140"/>
      <c r="KR35" s="119">
        <v>1466334</v>
      </c>
      <c r="KS35" s="119">
        <v>826771</v>
      </c>
      <c r="KT35" s="119">
        <v>1054008</v>
      </c>
      <c r="KU35" s="119">
        <v>1647016</v>
      </c>
      <c r="KV35" s="119">
        <v>0</v>
      </c>
      <c r="KW35" s="120">
        <v>4994129</v>
      </c>
      <c r="KX35" s="320">
        <v>4994129</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482248</v>
      </c>
      <c r="MK35" s="119">
        <v>1003128</v>
      </c>
      <c r="ML35" s="119">
        <v>10008881</v>
      </c>
      <c r="MM35" s="119">
        <v>11637740</v>
      </c>
      <c r="MN35" s="119">
        <v>6601429</v>
      </c>
      <c r="MO35" s="120">
        <v>31733426</v>
      </c>
      <c r="MP35" s="143">
        <v>31733426</v>
      </c>
      <c r="MQ35" s="142">
        <v>0</v>
      </c>
      <c r="MR35" s="119">
        <v>0</v>
      </c>
      <c r="MS35" s="120">
        <v>0</v>
      </c>
      <c r="MT35" s="145"/>
      <c r="MU35" s="119">
        <v>230634</v>
      </c>
      <c r="MV35" s="119">
        <v>210363</v>
      </c>
      <c r="MW35" s="119">
        <v>6070702</v>
      </c>
      <c r="MX35" s="119">
        <v>6390716</v>
      </c>
      <c r="MY35" s="119">
        <v>3306362</v>
      </c>
      <c r="MZ35" s="120">
        <v>16208777</v>
      </c>
      <c r="NA35" s="143">
        <v>16208777</v>
      </c>
      <c r="NB35" s="142">
        <v>0</v>
      </c>
      <c r="NC35" s="119">
        <v>0</v>
      </c>
      <c r="ND35" s="120">
        <v>0</v>
      </c>
      <c r="NE35" s="145"/>
      <c r="NF35" s="119">
        <v>2251614</v>
      </c>
      <c r="NG35" s="119">
        <v>531711</v>
      </c>
      <c r="NH35" s="119">
        <v>3628228</v>
      </c>
      <c r="NI35" s="119">
        <v>5247024</v>
      </c>
      <c r="NJ35" s="119">
        <v>2292024</v>
      </c>
      <c r="NK35" s="120">
        <v>13950601</v>
      </c>
      <c r="NL35" s="320">
        <v>1395060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61054</v>
      </c>
      <c r="OD35" s="119">
        <v>309951</v>
      </c>
      <c r="OE35" s="119">
        <v>0</v>
      </c>
      <c r="OF35" s="119">
        <v>1003043</v>
      </c>
      <c r="OG35" s="120">
        <v>1574048</v>
      </c>
      <c r="OH35" s="121">
        <v>1574048</v>
      </c>
      <c r="OI35" s="142">
        <v>816691</v>
      </c>
      <c r="OJ35" s="119">
        <v>651023</v>
      </c>
      <c r="OK35" s="141">
        <v>1467714</v>
      </c>
      <c r="OL35" s="118">
        <v>0</v>
      </c>
      <c r="OM35" s="119">
        <v>12021516</v>
      </c>
      <c r="ON35" s="119">
        <v>9116521</v>
      </c>
      <c r="OO35" s="119">
        <v>21437447</v>
      </c>
      <c r="OP35" s="119">
        <v>22545523</v>
      </c>
      <c r="OQ35" s="119">
        <v>9349006</v>
      </c>
      <c r="OR35" s="120">
        <v>74470013</v>
      </c>
      <c r="OS35" s="143">
        <v>75937727</v>
      </c>
    </row>
    <row r="36" spans="2:409" ht="21" customHeight="1" x14ac:dyDescent="0.2">
      <c r="B36" s="62" t="s">
        <v>31</v>
      </c>
      <c r="C36" s="110">
        <v>488570</v>
      </c>
      <c r="D36" s="114">
        <v>1002711</v>
      </c>
      <c r="E36" s="113">
        <v>1491281</v>
      </c>
      <c r="F36" s="109">
        <v>0</v>
      </c>
      <c r="G36" s="114">
        <v>6609048</v>
      </c>
      <c r="H36" s="114">
        <v>8190747</v>
      </c>
      <c r="I36" s="114">
        <v>7290636</v>
      </c>
      <c r="J36" s="114">
        <v>6060656</v>
      </c>
      <c r="K36" s="114">
        <v>4368207</v>
      </c>
      <c r="L36" s="173">
        <v>32519294</v>
      </c>
      <c r="M36" s="116">
        <v>34010575</v>
      </c>
      <c r="N36" s="110">
        <v>79914</v>
      </c>
      <c r="O36" s="114">
        <v>156312</v>
      </c>
      <c r="P36" s="113">
        <v>236226</v>
      </c>
      <c r="Q36" s="110">
        <v>0</v>
      </c>
      <c r="R36" s="114">
        <v>995119</v>
      </c>
      <c r="S36" s="114">
        <v>1801799</v>
      </c>
      <c r="T36" s="114">
        <v>1098480</v>
      </c>
      <c r="U36" s="114">
        <v>1578068</v>
      </c>
      <c r="V36" s="114">
        <v>2590078</v>
      </c>
      <c r="W36" s="113">
        <v>8063544</v>
      </c>
      <c r="X36" s="116">
        <v>8299770</v>
      </c>
      <c r="Y36" s="110">
        <v>0</v>
      </c>
      <c r="Z36" s="114">
        <v>0</v>
      </c>
      <c r="AA36" s="113">
        <v>0</v>
      </c>
      <c r="AB36" s="110">
        <v>0</v>
      </c>
      <c r="AC36" s="114">
        <v>294641</v>
      </c>
      <c r="AD36" s="114">
        <v>588242</v>
      </c>
      <c r="AE36" s="114">
        <v>120196</v>
      </c>
      <c r="AF36" s="114">
        <v>368964</v>
      </c>
      <c r="AG36" s="114">
        <v>1473910</v>
      </c>
      <c r="AH36" s="113">
        <v>2845953</v>
      </c>
      <c r="AI36" s="116">
        <v>2845953</v>
      </c>
      <c r="AJ36" s="110">
        <v>0</v>
      </c>
      <c r="AK36" s="114">
        <v>0</v>
      </c>
      <c r="AL36" s="113">
        <v>0</v>
      </c>
      <c r="AM36" s="110">
        <v>0</v>
      </c>
      <c r="AN36" s="114">
        <v>0</v>
      </c>
      <c r="AO36" s="114">
        <v>92871</v>
      </c>
      <c r="AP36" s="114">
        <v>284084</v>
      </c>
      <c r="AQ36" s="114">
        <v>319608</v>
      </c>
      <c r="AR36" s="114">
        <v>344198</v>
      </c>
      <c r="AS36" s="113">
        <v>1040761</v>
      </c>
      <c r="AT36" s="116">
        <v>1040761</v>
      </c>
      <c r="AU36" s="110">
        <v>62976</v>
      </c>
      <c r="AV36" s="114">
        <v>120348</v>
      </c>
      <c r="AW36" s="113">
        <v>183324</v>
      </c>
      <c r="AX36" s="110">
        <v>0</v>
      </c>
      <c r="AY36" s="114">
        <v>497023</v>
      </c>
      <c r="AZ36" s="114">
        <v>768960</v>
      </c>
      <c r="BA36" s="114">
        <v>323243</v>
      </c>
      <c r="BB36" s="114">
        <v>652641</v>
      </c>
      <c r="BC36" s="114">
        <v>624220</v>
      </c>
      <c r="BD36" s="113">
        <v>2866087</v>
      </c>
      <c r="BE36" s="116">
        <v>3049411</v>
      </c>
      <c r="BF36" s="110">
        <v>0</v>
      </c>
      <c r="BG36" s="114">
        <v>35964</v>
      </c>
      <c r="BH36" s="112">
        <v>35964</v>
      </c>
      <c r="BI36" s="111">
        <v>0</v>
      </c>
      <c r="BJ36" s="114">
        <v>83223</v>
      </c>
      <c r="BK36" s="114">
        <v>162160</v>
      </c>
      <c r="BL36" s="114">
        <v>268424</v>
      </c>
      <c r="BM36" s="114">
        <v>160659</v>
      </c>
      <c r="BN36" s="114">
        <v>84978</v>
      </c>
      <c r="BO36" s="113">
        <v>759444</v>
      </c>
      <c r="BP36" s="116">
        <v>795408</v>
      </c>
      <c r="BQ36" s="110">
        <v>16938</v>
      </c>
      <c r="BR36" s="114">
        <v>0</v>
      </c>
      <c r="BS36" s="113">
        <v>16938</v>
      </c>
      <c r="BT36" s="110">
        <v>0</v>
      </c>
      <c r="BU36" s="114">
        <v>120232</v>
      </c>
      <c r="BV36" s="114">
        <v>189566</v>
      </c>
      <c r="BW36" s="114">
        <v>102533</v>
      </c>
      <c r="BX36" s="114">
        <v>76196</v>
      </c>
      <c r="BY36" s="114">
        <v>62772</v>
      </c>
      <c r="BZ36" s="113">
        <v>551299</v>
      </c>
      <c r="CA36" s="116">
        <v>568237</v>
      </c>
      <c r="CB36" s="110">
        <v>0</v>
      </c>
      <c r="CC36" s="114">
        <v>0</v>
      </c>
      <c r="CD36" s="113">
        <v>0</v>
      </c>
      <c r="CE36" s="110">
        <v>0</v>
      </c>
      <c r="CF36" s="114">
        <v>1777090</v>
      </c>
      <c r="CG36" s="114">
        <v>2766763</v>
      </c>
      <c r="CH36" s="114">
        <v>2185956</v>
      </c>
      <c r="CI36" s="114">
        <v>1764976</v>
      </c>
      <c r="CJ36" s="114">
        <v>500777</v>
      </c>
      <c r="CK36" s="113">
        <v>8995562</v>
      </c>
      <c r="CL36" s="116">
        <v>8995562</v>
      </c>
      <c r="CM36" s="110">
        <v>0</v>
      </c>
      <c r="CN36" s="114">
        <v>0</v>
      </c>
      <c r="CO36" s="113">
        <v>0</v>
      </c>
      <c r="CP36" s="111">
        <v>0</v>
      </c>
      <c r="CQ36" s="114">
        <v>1487066</v>
      </c>
      <c r="CR36" s="114">
        <v>2059633</v>
      </c>
      <c r="CS36" s="114">
        <v>1863361</v>
      </c>
      <c r="CT36" s="114">
        <v>1427035</v>
      </c>
      <c r="CU36" s="114">
        <v>393361</v>
      </c>
      <c r="CV36" s="113">
        <v>7230456</v>
      </c>
      <c r="CW36" s="116">
        <v>7230456</v>
      </c>
      <c r="CX36" s="110">
        <v>0</v>
      </c>
      <c r="CY36" s="114">
        <v>0</v>
      </c>
      <c r="CZ36" s="113">
        <v>0</v>
      </c>
      <c r="DA36" s="110">
        <v>0</v>
      </c>
      <c r="DB36" s="114">
        <v>290024</v>
      </c>
      <c r="DC36" s="114">
        <v>707130</v>
      </c>
      <c r="DD36" s="114">
        <v>322595</v>
      </c>
      <c r="DE36" s="114">
        <v>337941</v>
      </c>
      <c r="DF36" s="114">
        <v>107416</v>
      </c>
      <c r="DG36" s="113">
        <v>1765106</v>
      </c>
      <c r="DH36" s="116">
        <v>1765106</v>
      </c>
      <c r="DI36" s="110">
        <v>0</v>
      </c>
      <c r="DJ36" s="114">
        <v>0</v>
      </c>
      <c r="DK36" s="112">
        <v>0</v>
      </c>
      <c r="DL36" s="111">
        <v>0</v>
      </c>
      <c r="DM36" s="114">
        <v>285802</v>
      </c>
      <c r="DN36" s="114">
        <v>422415</v>
      </c>
      <c r="DO36" s="114">
        <v>1254871</v>
      </c>
      <c r="DP36" s="114">
        <v>584982</v>
      </c>
      <c r="DQ36" s="114">
        <v>64363</v>
      </c>
      <c r="DR36" s="113">
        <v>2612433</v>
      </c>
      <c r="DS36" s="116">
        <v>2612433</v>
      </c>
      <c r="DT36" s="110">
        <v>0</v>
      </c>
      <c r="DU36" s="114">
        <v>0</v>
      </c>
      <c r="DV36" s="113">
        <v>0</v>
      </c>
      <c r="DW36" s="110">
        <v>0</v>
      </c>
      <c r="DX36" s="114">
        <v>285802</v>
      </c>
      <c r="DY36" s="114">
        <v>356720</v>
      </c>
      <c r="DZ36" s="114">
        <v>1254871</v>
      </c>
      <c r="EA36" s="114">
        <v>584982</v>
      </c>
      <c r="EB36" s="114">
        <v>64363</v>
      </c>
      <c r="EC36" s="113">
        <v>2546738</v>
      </c>
      <c r="ED36" s="116">
        <v>2546738</v>
      </c>
      <c r="EE36" s="110">
        <v>0</v>
      </c>
      <c r="EF36" s="112">
        <v>0</v>
      </c>
      <c r="EG36" s="113">
        <v>0</v>
      </c>
      <c r="EH36" s="110">
        <v>0</v>
      </c>
      <c r="EI36" s="114">
        <v>0</v>
      </c>
      <c r="EJ36" s="114">
        <v>65695</v>
      </c>
      <c r="EK36" s="114">
        <v>0</v>
      </c>
      <c r="EL36" s="114">
        <v>0</v>
      </c>
      <c r="EM36" s="114">
        <v>0</v>
      </c>
      <c r="EN36" s="112">
        <v>65695</v>
      </c>
      <c r="EO36" s="116">
        <v>65695</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243500</v>
      </c>
      <c r="FM36" s="114">
        <v>496497</v>
      </c>
      <c r="FN36" s="113">
        <v>739997</v>
      </c>
      <c r="FO36" s="110">
        <v>0</v>
      </c>
      <c r="FP36" s="114">
        <v>827423</v>
      </c>
      <c r="FQ36" s="114">
        <v>1030200</v>
      </c>
      <c r="FR36" s="114">
        <v>647070</v>
      </c>
      <c r="FS36" s="114">
        <v>856821</v>
      </c>
      <c r="FT36" s="114">
        <v>429857</v>
      </c>
      <c r="FU36" s="113">
        <v>3791371</v>
      </c>
      <c r="FV36" s="116">
        <v>4531368</v>
      </c>
      <c r="FW36" s="115">
        <v>118850</v>
      </c>
      <c r="FX36" s="114">
        <v>345027</v>
      </c>
      <c r="FY36" s="112">
        <v>463877</v>
      </c>
      <c r="FZ36" s="111">
        <v>0</v>
      </c>
      <c r="GA36" s="114">
        <v>667423</v>
      </c>
      <c r="GB36" s="114">
        <v>909600</v>
      </c>
      <c r="GC36" s="114">
        <v>647070</v>
      </c>
      <c r="GD36" s="114">
        <v>856821</v>
      </c>
      <c r="GE36" s="114">
        <v>429857</v>
      </c>
      <c r="GF36" s="113">
        <v>3510771</v>
      </c>
      <c r="GG36" s="318">
        <v>3974648</v>
      </c>
      <c r="GH36" s="115">
        <v>0</v>
      </c>
      <c r="GI36" s="114">
        <v>0</v>
      </c>
      <c r="GJ36" s="112">
        <v>0</v>
      </c>
      <c r="GK36" s="111">
        <v>0</v>
      </c>
      <c r="GL36" s="114">
        <v>0</v>
      </c>
      <c r="GM36" s="114">
        <v>0</v>
      </c>
      <c r="GN36" s="114">
        <v>0</v>
      </c>
      <c r="GO36" s="114">
        <v>0</v>
      </c>
      <c r="GP36" s="114">
        <v>0</v>
      </c>
      <c r="GQ36" s="113">
        <v>0</v>
      </c>
      <c r="GR36" s="116">
        <v>0</v>
      </c>
      <c r="GS36" s="110">
        <v>124650</v>
      </c>
      <c r="GT36" s="114">
        <v>151470</v>
      </c>
      <c r="GU36" s="113">
        <v>276120</v>
      </c>
      <c r="GV36" s="110">
        <v>0</v>
      </c>
      <c r="GW36" s="114">
        <v>160000</v>
      </c>
      <c r="GX36" s="114">
        <v>120600</v>
      </c>
      <c r="GY36" s="114">
        <v>0</v>
      </c>
      <c r="GZ36" s="114">
        <v>0</v>
      </c>
      <c r="HA36" s="114">
        <v>0</v>
      </c>
      <c r="HB36" s="112">
        <v>280600</v>
      </c>
      <c r="HC36" s="116">
        <v>556720</v>
      </c>
      <c r="HD36" s="110">
        <v>59260</v>
      </c>
      <c r="HE36" s="114">
        <v>99279</v>
      </c>
      <c r="HF36" s="112">
        <v>158539</v>
      </c>
      <c r="HG36" s="111">
        <v>0</v>
      </c>
      <c r="HH36" s="114">
        <v>1283546</v>
      </c>
      <c r="HI36" s="114">
        <v>967577</v>
      </c>
      <c r="HJ36" s="114">
        <v>1328998</v>
      </c>
      <c r="HK36" s="114">
        <v>738903</v>
      </c>
      <c r="HL36" s="114">
        <v>553809</v>
      </c>
      <c r="HM36" s="113">
        <v>4872833</v>
      </c>
      <c r="HN36" s="109">
        <v>5031372</v>
      </c>
      <c r="HO36" s="115">
        <v>105896</v>
      </c>
      <c r="HP36" s="114">
        <v>250623</v>
      </c>
      <c r="HQ36" s="113">
        <v>356519</v>
      </c>
      <c r="HR36" s="110">
        <v>0</v>
      </c>
      <c r="HS36" s="114">
        <v>1440068</v>
      </c>
      <c r="HT36" s="114">
        <v>1201993</v>
      </c>
      <c r="HU36" s="114">
        <v>775261</v>
      </c>
      <c r="HV36" s="114">
        <v>536906</v>
      </c>
      <c r="HW36" s="114">
        <v>229323</v>
      </c>
      <c r="HX36" s="112">
        <v>4183551</v>
      </c>
      <c r="HY36" s="116">
        <v>4540070</v>
      </c>
      <c r="HZ36" s="150">
        <v>0</v>
      </c>
      <c r="IA36" s="135">
        <v>179104</v>
      </c>
      <c r="IB36" s="150">
        <v>179104</v>
      </c>
      <c r="IC36" s="134">
        <v>0</v>
      </c>
      <c r="ID36" s="135">
        <v>4001943</v>
      </c>
      <c r="IE36" s="136">
        <v>3893460</v>
      </c>
      <c r="IF36" s="137">
        <v>5260354</v>
      </c>
      <c r="IG36" s="135">
        <v>4209791</v>
      </c>
      <c r="IH36" s="137">
        <v>1388994</v>
      </c>
      <c r="II36" s="138">
        <v>18754542</v>
      </c>
      <c r="IJ36" s="150">
        <v>18933646</v>
      </c>
      <c r="IK36" s="232">
        <v>0</v>
      </c>
      <c r="IL36" s="236">
        <v>0</v>
      </c>
      <c r="IM36" s="237">
        <v>0</v>
      </c>
      <c r="IN36" s="140"/>
      <c r="IO36" s="119">
        <v>0</v>
      </c>
      <c r="IP36" s="119">
        <v>201833</v>
      </c>
      <c r="IQ36" s="119">
        <v>0</v>
      </c>
      <c r="IR36" s="119">
        <v>0</v>
      </c>
      <c r="IS36" s="119">
        <v>0</v>
      </c>
      <c r="IT36" s="141">
        <v>201833</v>
      </c>
      <c r="IU36" s="320">
        <v>201833</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107705</v>
      </c>
      <c r="JL36" s="119">
        <v>504696</v>
      </c>
      <c r="JM36" s="119">
        <v>485857</v>
      </c>
      <c r="JN36" s="119">
        <v>197631</v>
      </c>
      <c r="JO36" s="119">
        <v>0</v>
      </c>
      <c r="JP36" s="120">
        <v>2295889</v>
      </c>
      <c r="JQ36" s="320">
        <v>2295889</v>
      </c>
      <c r="JR36" s="142">
        <v>0</v>
      </c>
      <c r="JS36" s="119">
        <v>0</v>
      </c>
      <c r="JT36" s="141">
        <v>0</v>
      </c>
      <c r="JU36" s="118">
        <v>0</v>
      </c>
      <c r="JV36" s="119">
        <v>0</v>
      </c>
      <c r="JW36" s="119">
        <v>0</v>
      </c>
      <c r="JX36" s="119">
        <v>170116</v>
      </c>
      <c r="JY36" s="119">
        <v>0</v>
      </c>
      <c r="JZ36" s="119">
        <v>263277</v>
      </c>
      <c r="KA36" s="120">
        <v>433393</v>
      </c>
      <c r="KB36" s="320">
        <v>433393</v>
      </c>
      <c r="KC36" s="234">
        <v>0</v>
      </c>
      <c r="KD36" s="230">
        <v>179104</v>
      </c>
      <c r="KE36" s="120">
        <v>179104</v>
      </c>
      <c r="KF36" s="118">
        <v>0</v>
      </c>
      <c r="KG36" s="119">
        <v>1233660</v>
      </c>
      <c r="KH36" s="119">
        <v>751402</v>
      </c>
      <c r="KI36" s="119">
        <v>1367144</v>
      </c>
      <c r="KJ36" s="119">
        <v>682189</v>
      </c>
      <c r="KK36" s="119">
        <v>318615</v>
      </c>
      <c r="KL36" s="120">
        <v>4353010</v>
      </c>
      <c r="KM36" s="143">
        <v>4532114</v>
      </c>
      <c r="KN36" s="232">
        <v>0</v>
      </c>
      <c r="KO36" s="236">
        <v>0</v>
      </c>
      <c r="KP36" s="237">
        <v>0</v>
      </c>
      <c r="KQ36" s="140"/>
      <c r="KR36" s="119">
        <v>1660578</v>
      </c>
      <c r="KS36" s="119">
        <v>2435529</v>
      </c>
      <c r="KT36" s="119">
        <v>3237237</v>
      </c>
      <c r="KU36" s="119">
        <v>3329971</v>
      </c>
      <c r="KV36" s="119">
        <v>807102</v>
      </c>
      <c r="KW36" s="120">
        <v>11470417</v>
      </c>
      <c r="KX36" s="320">
        <v>11470417</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476660</v>
      </c>
      <c r="MK36" s="119">
        <v>3596244</v>
      </c>
      <c r="ML36" s="119">
        <v>9186878</v>
      </c>
      <c r="MM36" s="119">
        <v>10450469</v>
      </c>
      <c r="MN36" s="119">
        <v>7567388</v>
      </c>
      <c r="MO36" s="120">
        <v>31277639</v>
      </c>
      <c r="MP36" s="143">
        <v>31277639</v>
      </c>
      <c r="MQ36" s="142">
        <v>0</v>
      </c>
      <c r="MR36" s="119">
        <v>0</v>
      </c>
      <c r="MS36" s="120">
        <v>0</v>
      </c>
      <c r="MT36" s="145"/>
      <c r="MU36" s="119">
        <v>0</v>
      </c>
      <c r="MV36" s="119">
        <v>490921</v>
      </c>
      <c r="MW36" s="119">
        <v>7414550</v>
      </c>
      <c r="MX36" s="119">
        <v>7620394</v>
      </c>
      <c r="MY36" s="119">
        <v>6037715</v>
      </c>
      <c r="MZ36" s="120">
        <v>21563580</v>
      </c>
      <c r="NA36" s="143">
        <v>21563580</v>
      </c>
      <c r="NB36" s="142">
        <v>0</v>
      </c>
      <c r="NC36" s="119">
        <v>0</v>
      </c>
      <c r="ND36" s="120">
        <v>0</v>
      </c>
      <c r="NE36" s="145"/>
      <c r="NF36" s="119">
        <v>476660</v>
      </c>
      <c r="NG36" s="119">
        <v>3105323</v>
      </c>
      <c r="NH36" s="119">
        <v>1772328</v>
      </c>
      <c r="NI36" s="119">
        <v>2830075</v>
      </c>
      <c r="NJ36" s="119">
        <v>1529673</v>
      </c>
      <c r="NK36" s="120">
        <v>9714059</v>
      </c>
      <c r="NL36" s="320">
        <v>9714059</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488570</v>
      </c>
      <c r="OJ36" s="119">
        <v>1181815</v>
      </c>
      <c r="OK36" s="141">
        <v>1670385</v>
      </c>
      <c r="OL36" s="118">
        <v>0</v>
      </c>
      <c r="OM36" s="119">
        <v>11087651</v>
      </c>
      <c r="ON36" s="119">
        <v>15680451</v>
      </c>
      <c r="OO36" s="119">
        <v>21737868</v>
      </c>
      <c r="OP36" s="119">
        <v>20720916</v>
      </c>
      <c r="OQ36" s="119">
        <v>13324589</v>
      </c>
      <c r="OR36" s="120">
        <v>82551475</v>
      </c>
      <c r="OS36" s="143">
        <v>84221860</v>
      </c>
    </row>
    <row r="37" spans="2:409" ht="21" customHeight="1" x14ac:dyDescent="0.2">
      <c r="B37" s="62" t="s">
        <v>32</v>
      </c>
      <c r="C37" s="110">
        <v>753480</v>
      </c>
      <c r="D37" s="114">
        <v>1136664</v>
      </c>
      <c r="E37" s="174">
        <v>1890144</v>
      </c>
      <c r="F37" s="175">
        <v>0</v>
      </c>
      <c r="G37" s="176">
        <v>9397141</v>
      </c>
      <c r="H37" s="176">
        <v>9825144</v>
      </c>
      <c r="I37" s="176">
        <v>8187734</v>
      </c>
      <c r="J37" s="176">
        <v>8532368</v>
      </c>
      <c r="K37" s="176">
        <v>8367427</v>
      </c>
      <c r="L37" s="177">
        <v>44309814</v>
      </c>
      <c r="M37" s="116">
        <v>46199958</v>
      </c>
      <c r="N37" s="110">
        <v>158362</v>
      </c>
      <c r="O37" s="114">
        <v>218014</v>
      </c>
      <c r="P37" s="113">
        <v>376376</v>
      </c>
      <c r="Q37" s="110">
        <v>0</v>
      </c>
      <c r="R37" s="114">
        <v>2737717</v>
      </c>
      <c r="S37" s="114">
        <v>1963037</v>
      </c>
      <c r="T37" s="114">
        <v>2210918</v>
      </c>
      <c r="U37" s="114">
        <v>2519837</v>
      </c>
      <c r="V37" s="114">
        <v>3731704</v>
      </c>
      <c r="W37" s="113">
        <v>13163213</v>
      </c>
      <c r="X37" s="116">
        <v>13539589</v>
      </c>
      <c r="Y37" s="110">
        <v>0</v>
      </c>
      <c r="Z37" s="114">
        <v>0</v>
      </c>
      <c r="AA37" s="113">
        <v>0</v>
      </c>
      <c r="AB37" s="110">
        <v>0</v>
      </c>
      <c r="AC37" s="114">
        <v>1325068</v>
      </c>
      <c r="AD37" s="114">
        <v>903512</v>
      </c>
      <c r="AE37" s="114">
        <v>1263625</v>
      </c>
      <c r="AF37" s="114">
        <v>1174690</v>
      </c>
      <c r="AG37" s="114">
        <v>2396633</v>
      </c>
      <c r="AH37" s="113">
        <v>7063528</v>
      </c>
      <c r="AI37" s="116">
        <v>7063528</v>
      </c>
      <c r="AJ37" s="110">
        <v>0</v>
      </c>
      <c r="AK37" s="114">
        <v>0</v>
      </c>
      <c r="AL37" s="113">
        <v>0</v>
      </c>
      <c r="AM37" s="110">
        <v>0</v>
      </c>
      <c r="AN37" s="114">
        <v>0</v>
      </c>
      <c r="AO37" s="114">
        <v>26541</v>
      </c>
      <c r="AP37" s="114">
        <v>88002</v>
      </c>
      <c r="AQ37" s="114">
        <v>135216</v>
      </c>
      <c r="AR37" s="114">
        <v>491351</v>
      </c>
      <c r="AS37" s="113">
        <v>741110</v>
      </c>
      <c r="AT37" s="116">
        <v>741110</v>
      </c>
      <c r="AU37" s="110">
        <v>95220</v>
      </c>
      <c r="AV37" s="114">
        <v>165634</v>
      </c>
      <c r="AW37" s="113">
        <v>260854</v>
      </c>
      <c r="AX37" s="110">
        <v>0</v>
      </c>
      <c r="AY37" s="114">
        <v>1011825</v>
      </c>
      <c r="AZ37" s="114">
        <v>805333</v>
      </c>
      <c r="BA37" s="114">
        <v>622018</v>
      </c>
      <c r="BB37" s="114">
        <v>729192</v>
      </c>
      <c r="BC37" s="114">
        <v>571215</v>
      </c>
      <c r="BD37" s="113">
        <v>3739583</v>
      </c>
      <c r="BE37" s="116">
        <v>4000437</v>
      </c>
      <c r="BF37" s="110">
        <v>35098</v>
      </c>
      <c r="BG37" s="114">
        <v>0</v>
      </c>
      <c r="BH37" s="112">
        <v>35098</v>
      </c>
      <c r="BI37" s="111">
        <v>0</v>
      </c>
      <c r="BJ37" s="114">
        <v>201780</v>
      </c>
      <c r="BK37" s="114">
        <v>22944</v>
      </c>
      <c r="BL37" s="114">
        <v>0</v>
      </c>
      <c r="BM37" s="114">
        <v>120507</v>
      </c>
      <c r="BN37" s="114">
        <v>61299</v>
      </c>
      <c r="BO37" s="113">
        <v>406530</v>
      </c>
      <c r="BP37" s="116">
        <v>441628</v>
      </c>
      <c r="BQ37" s="110">
        <v>28044</v>
      </c>
      <c r="BR37" s="114">
        <v>52380</v>
      </c>
      <c r="BS37" s="113">
        <v>80424</v>
      </c>
      <c r="BT37" s="110">
        <v>0</v>
      </c>
      <c r="BU37" s="114">
        <v>199044</v>
      </c>
      <c r="BV37" s="114">
        <v>204707</v>
      </c>
      <c r="BW37" s="114">
        <v>237273</v>
      </c>
      <c r="BX37" s="114">
        <v>360232</v>
      </c>
      <c r="BY37" s="114">
        <v>211206</v>
      </c>
      <c r="BZ37" s="113">
        <v>1212462</v>
      </c>
      <c r="CA37" s="116">
        <v>1292886</v>
      </c>
      <c r="CB37" s="110">
        <v>40257</v>
      </c>
      <c r="CC37" s="114">
        <v>38376</v>
      </c>
      <c r="CD37" s="113">
        <v>78633</v>
      </c>
      <c r="CE37" s="110">
        <v>0</v>
      </c>
      <c r="CF37" s="114">
        <v>2942277</v>
      </c>
      <c r="CG37" s="114">
        <v>3844044</v>
      </c>
      <c r="CH37" s="114">
        <v>2382858</v>
      </c>
      <c r="CI37" s="114">
        <v>2100796</v>
      </c>
      <c r="CJ37" s="114">
        <v>1006453</v>
      </c>
      <c r="CK37" s="113">
        <v>12276428</v>
      </c>
      <c r="CL37" s="116">
        <v>12355061</v>
      </c>
      <c r="CM37" s="110">
        <v>0</v>
      </c>
      <c r="CN37" s="114">
        <v>0</v>
      </c>
      <c r="CO37" s="113">
        <v>0</v>
      </c>
      <c r="CP37" s="111">
        <v>0</v>
      </c>
      <c r="CQ37" s="114">
        <v>2473525</v>
      </c>
      <c r="CR37" s="114">
        <v>3264888</v>
      </c>
      <c r="CS37" s="114">
        <v>2036651</v>
      </c>
      <c r="CT37" s="114">
        <v>1673451</v>
      </c>
      <c r="CU37" s="114">
        <v>705151</v>
      </c>
      <c r="CV37" s="113">
        <v>10153666</v>
      </c>
      <c r="CW37" s="116">
        <v>10153666</v>
      </c>
      <c r="CX37" s="110">
        <v>40257</v>
      </c>
      <c r="CY37" s="114">
        <v>38376</v>
      </c>
      <c r="CZ37" s="113">
        <v>78633</v>
      </c>
      <c r="DA37" s="110">
        <v>0</v>
      </c>
      <c r="DB37" s="114">
        <v>468752</v>
      </c>
      <c r="DC37" s="114">
        <v>579156</v>
      </c>
      <c r="DD37" s="114">
        <v>346207</v>
      </c>
      <c r="DE37" s="114">
        <v>427345</v>
      </c>
      <c r="DF37" s="114">
        <v>301302</v>
      </c>
      <c r="DG37" s="113">
        <v>2122762</v>
      </c>
      <c r="DH37" s="116">
        <v>2201395</v>
      </c>
      <c r="DI37" s="110">
        <v>0</v>
      </c>
      <c r="DJ37" s="114">
        <v>0</v>
      </c>
      <c r="DK37" s="112">
        <v>0</v>
      </c>
      <c r="DL37" s="111">
        <v>0</v>
      </c>
      <c r="DM37" s="114">
        <v>129917</v>
      </c>
      <c r="DN37" s="114">
        <v>699115</v>
      </c>
      <c r="DO37" s="114">
        <v>890275</v>
      </c>
      <c r="DP37" s="114">
        <v>529427</v>
      </c>
      <c r="DQ37" s="114">
        <v>1412886</v>
      </c>
      <c r="DR37" s="113">
        <v>3661620</v>
      </c>
      <c r="DS37" s="116">
        <v>3661620</v>
      </c>
      <c r="DT37" s="110">
        <v>0</v>
      </c>
      <c r="DU37" s="114">
        <v>0</v>
      </c>
      <c r="DV37" s="113">
        <v>0</v>
      </c>
      <c r="DW37" s="110">
        <v>0</v>
      </c>
      <c r="DX37" s="114">
        <v>129917</v>
      </c>
      <c r="DY37" s="114">
        <v>651973</v>
      </c>
      <c r="DZ37" s="114">
        <v>812603</v>
      </c>
      <c r="EA37" s="114">
        <v>338337</v>
      </c>
      <c r="EB37" s="114">
        <v>938649</v>
      </c>
      <c r="EC37" s="113">
        <v>2871479</v>
      </c>
      <c r="ED37" s="116">
        <v>2871479</v>
      </c>
      <c r="EE37" s="110">
        <v>0</v>
      </c>
      <c r="EF37" s="112">
        <v>0</v>
      </c>
      <c r="EG37" s="113">
        <v>0</v>
      </c>
      <c r="EH37" s="110">
        <v>0</v>
      </c>
      <c r="EI37" s="114">
        <v>0</v>
      </c>
      <c r="EJ37" s="114">
        <v>47142</v>
      </c>
      <c r="EK37" s="114">
        <v>77672</v>
      </c>
      <c r="EL37" s="114">
        <v>191090</v>
      </c>
      <c r="EM37" s="114">
        <v>474237</v>
      </c>
      <c r="EN37" s="112">
        <v>790141</v>
      </c>
      <c r="EO37" s="116">
        <v>79014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312100</v>
      </c>
      <c r="FM37" s="114">
        <v>409925</v>
      </c>
      <c r="FN37" s="113">
        <v>722025</v>
      </c>
      <c r="FO37" s="110">
        <v>0</v>
      </c>
      <c r="FP37" s="114">
        <v>646415</v>
      </c>
      <c r="FQ37" s="114">
        <v>1054787</v>
      </c>
      <c r="FR37" s="114">
        <v>902710</v>
      </c>
      <c r="FS37" s="114">
        <v>696675</v>
      </c>
      <c r="FT37" s="114">
        <v>794385</v>
      </c>
      <c r="FU37" s="113">
        <v>4094972</v>
      </c>
      <c r="FV37" s="116">
        <v>4816997</v>
      </c>
      <c r="FW37" s="115">
        <v>132100</v>
      </c>
      <c r="FX37" s="114">
        <v>302015</v>
      </c>
      <c r="FY37" s="112">
        <v>434115</v>
      </c>
      <c r="FZ37" s="111">
        <v>0</v>
      </c>
      <c r="GA37" s="114">
        <v>609515</v>
      </c>
      <c r="GB37" s="114">
        <v>936863</v>
      </c>
      <c r="GC37" s="114">
        <v>835428</v>
      </c>
      <c r="GD37" s="114">
        <v>672915</v>
      </c>
      <c r="GE37" s="114">
        <v>794385</v>
      </c>
      <c r="GF37" s="113">
        <v>3849106</v>
      </c>
      <c r="GG37" s="318">
        <v>4283221</v>
      </c>
      <c r="GH37" s="115">
        <v>0</v>
      </c>
      <c r="GI37" s="114">
        <v>0</v>
      </c>
      <c r="GJ37" s="112">
        <v>0</v>
      </c>
      <c r="GK37" s="111">
        <v>0</v>
      </c>
      <c r="GL37" s="114">
        <v>0</v>
      </c>
      <c r="GM37" s="114">
        <v>39204</v>
      </c>
      <c r="GN37" s="114">
        <v>67282</v>
      </c>
      <c r="GO37" s="114">
        <v>23760</v>
      </c>
      <c r="GP37" s="114">
        <v>0</v>
      </c>
      <c r="GQ37" s="113">
        <v>130246</v>
      </c>
      <c r="GR37" s="116">
        <v>130246</v>
      </c>
      <c r="GS37" s="110">
        <v>180000</v>
      </c>
      <c r="GT37" s="114">
        <v>107910</v>
      </c>
      <c r="GU37" s="113">
        <v>287910</v>
      </c>
      <c r="GV37" s="110">
        <v>0</v>
      </c>
      <c r="GW37" s="114">
        <v>36900</v>
      </c>
      <c r="GX37" s="114">
        <v>78720</v>
      </c>
      <c r="GY37" s="114">
        <v>0</v>
      </c>
      <c r="GZ37" s="114">
        <v>0</v>
      </c>
      <c r="HA37" s="114">
        <v>0</v>
      </c>
      <c r="HB37" s="112">
        <v>115620</v>
      </c>
      <c r="HC37" s="116">
        <v>403530</v>
      </c>
      <c r="HD37" s="110">
        <v>125881</v>
      </c>
      <c r="HE37" s="114">
        <v>299529</v>
      </c>
      <c r="HF37" s="112">
        <v>425410</v>
      </c>
      <c r="HG37" s="111">
        <v>0</v>
      </c>
      <c r="HH37" s="114">
        <v>1186221</v>
      </c>
      <c r="HI37" s="114">
        <v>714279</v>
      </c>
      <c r="HJ37" s="114">
        <v>797833</v>
      </c>
      <c r="HK37" s="114">
        <v>2119525</v>
      </c>
      <c r="HL37" s="114">
        <v>988583</v>
      </c>
      <c r="HM37" s="113">
        <v>5806441</v>
      </c>
      <c r="HN37" s="109">
        <v>6231851</v>
      </c>
      <c r="HO37" s="115">
        <v>116880</v>
      </c>
      <c r="HP37" s="114">
        <v>170820</v>
      </c>
      <c r="HQ37" s="113">
        <v>287700</v>
      </c>
      <c r="HR37" s="110">
        <v>0</v>
      </c>
      <c r="HS37" s="114">
        <v>1754594</v>
      </c>
      <c r="HT37" s="114">
        <v>1549882</v>
      </c>
      <c r="HU37" s="114">
        <v>1003140</v>
      </c>
      <c r="HV37" s="114">
        <v>566108</v>
      </c>
      <c r="HW37" s="114">
        <v>433416</v>
      </c>
      <c r="HX37" s="112">
        <v>5307140</v>
      </c>
      <c r="HY37" s="116">
        <v>5594840</v>
      </c>
      <c r="HZ37" s="131">
        <v>102996</v>
      </c>
      <c r="IA37" s="132">
        <v>259038</v>
      </c>
      <c r="IB37" s="133">
        <v>362034</v>
      </c>
      <c r="IC37" s="146">
        <v>0</v>
      </c>
      <c r="ID37" s="132">
        <v>2810302</v>
      </c>
      <c r="IE37" s="147">
        <v>3263086</v>
      </c>
      <c r="IF37" s="133">
        <v>7607331</v>
      </c>
      <c r="IG37" s="132">
        <v>5347890</v>
      </c>
      <c r="IH37" s="133">
        <v>2507729</v>
      </c>
      <c r="II37" s="148">
        <v>21536338</v>
      </c>
      <c r="IJ37" s="139">
        <v>21898372</v>
      </c>
      <c r="IK37" s="232">
        <v>0</v>
      </c>
      <c r="IL37" s="236">
        <v>0</v>
      </c>
      <c r="IM37" s="237">
        <v>0</v>
      </c>
      <c r="IN37" s="140"/>
      <c r="IO37" s="119">
        <v>139554</v>
      </c>
      <c r="IP37" s="119">
        <v>85568</v>
      </c>
      <c r="IQ37" s="119">
        <v>0</v>
      </c>
      <c r="IR37" s="119">
        <v>686277</v>
      </c>
      <c r="IS37" s="119">
        <v>0</v>
      </c>
      <c r="IT37" s="141">
        <v>911399</v>
      </c>
      <c r="IU37" s="320">
        <v>911399</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1725362</v>
      </c>
      <c r="JL37" s="119">
        <v>2002780</v>
      </c>
      <c r="JM37" s="119">
        <v>777241</v>
      </c>
      <c r="JN37" s="119">
        <v>0</v>
      </c>
      <c r="JO37" s="119">
        <v>160291</v>
      </c>
      <c r="JP37" s="120">
        <v>4665674</v>
      </c>
      <c r="JQ37" s="320">
        <v>4665674</v>
      </c>
      <c r="JR37" s="142">
        <v>0</v>
      </c>
      <c r="JS37" s="119">
        <v>0</v>
      </c>
      <c r="JT37" s="141">
        <v>0</v>
      </c>
      <c r="JU37" s="118">
        <v>0</v>
      </c>
      <c r="JV37" s="119">
        <v>260299</v>
      </c>
      <c r="JW37" s="119">
        <v>72657</v>
      </c>
      <c r="JX37" s="119">
        <v>262449</v>
      </c>
      <c r="JY37" s="119">
        <v>0</v>
      </c>
      <c r="JZ37" s="119">
        <v>164453</v>
      </c>
      <c r="KA37" s="120">
        <v>759858</v>
      </c>
      <c r="KB37" s="320">
        <v>759858</v>
      </c>
      <c r="KC37" s="234">
        <v>102996</v>
      </c>
      <c r="KD37" s="230">
        <v>259038</v>
      </c>
      <c r="KE37" s="120">
        <v>362034</v>
      </c>
      <c r="KF37" s="118">
        <v>0</v>
      </c>
      <c r="KG37" s="119">
        <v>241686</v>
      </c>
      <c r="KH37" s="119">
        <v>131782</v>
      </c>
      <c r="KI37" s="119">
        <v>723663</v>
      </c>
      <c r="KJ37" s="119">
        <v>285498</v>
      </c>
      <c r="KK37" s="119">
        <v>0</v>
      </c>
      <c r="KL37" s="120">
        <v>1382629</v>
      </c>
      <c r="KM37" s="143">
        <v>1744663</v>
      </c>
      <c r="KN37" s="232">
        <v>0</v>
      </c>
      <c r="KO37" s="236">
        <v>0</v>
      </c>
      <c r="KP37" s="237">
        <v>0</v>
      </c>
      <c r="KQ37" s="140"/>
      <c r="KR37" s="119">
        <v>259333</v>
      </c>
      <c r="KS37" s="119">
        <v>810342</v>
      </c>
      <c r="KT37" s="119">
        <v>2710218</v>
      </c>
      <c r="KU37" s="119">
        <v>2463624</v>
      </c>
      <c r="KV37" s="119">
        <v>1911896</v>
      </c>
      <c r="KW37" s="120">
        <v>8155413</v>
      </c>
      <c r="KX37" s="320">
        <v>8155413</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4068</v>
      </c>
      <c r="LO37" s="119">
        <v>159957</v>
      </c>
      <c r="LP37" s="119">
        <v>3133760</v>
      </c>
      <c r="LQ37" s="119">
        <v>1912491</v>
      </c>
      <c r="LR37" s="119">
        <v>271089</v>
      </c>
      <c r="LS37" s="120">
        <v>5661365</v>
      </c>
      <c r="LT37" s="320">
        <v>5661365</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759528</v>
      </c>
      <c r="MK37" s="119">
        <v>1966345</v>
      </c>
      <c r="ML37" s="119">
        <v>6493748</v>
      </c>
      <c r="MM37" s="119">
        <v>11188018</v>
      </c>
      <c r="MN37" s="119">
        <v>5594915</v>
      </c>
      <c r="MO37" s="120">
        <v>26002554</v>
      </c>
      <c r="MP37" s="143">
        <v>26002554</v>
      </c>
      <c r="MQ37" s="142">
        <v>0</v>
      </c>
      <c r="MR37" s="119">
        <v>0</v>
      </c>
      <c r="MS37" s="120">
        <v>0</v>
      </c>
      <c r="MT37" s="145"/>
      <c r="MU37" s="119">
        <v>433719</v>
      </c>
      <c r="MV37" s="119">
        <v>0</v>
      </c>
      <c r="MW37" s="119">
        <v>2768001</v>
      </c>
      <c r="MX37" s="119">
        <v>5938661</v>
      </c>
      <c r="MY37" s="119">
        <v>3113779</v>
      </c>
      <c r="MZ37" s="120">
        <v>12254160</v>
      </c>
      <c r="NA37" s="143">
        <v>12254160</v>
      </c>
      <c r="NB37" s="142">
        <v>0</v>
      </c>
      <c r="NC37" s="119">
        <v>0</v>
      </c>
      <c r="ND37" s="120">
        <v>0</v>
      </c>
      <c r="NE37" s="145"/>
      <c r="NF37" s="119">
        <v>325809</v>
      </c>
      <c r="NG37" s="119">
        <v>1966345</v>
      </c>
      <c r="NH37" s="119">
        <v>3685931</v>
      </c>
      <c r="NI37" s="119">
        <v>5249357</v>
      </c>
      <c r="NJ37" s="119">
        <v>2072137</v>
      </c>
      <c r="NK37" s="120">
        <v>13299579</v>
      </c>
      <c r="NL37" s="320">
        <v>13299579</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39816</v>
      </c>
      <c r="OE37" s="119">
        <v>0</v>
      </c>
      <c r="OF37" s="119">
        <v>408999</v>
      </c>
      <c r="OG37" s="120">
        <v>448815</v>
      </c>
      <c r="OH37" s="121">
        <v>448815</v>
      </c>
      <c r="OI37" s="142">
        <v>856476</v>
      </c>
      <c r="OJ37" s="119">
        <v>1395702</v>
      </c>
      <c r="OK37" s="141">
        <v>2252178</v>
      </c>
      <c r="OL37" s="118">
        <v>0</v>
      </c>
      <c r="OM37" s="119">
        <v>12966971</v>
      </c>
      <c r="ON37" s="119">
        <v>15054575</v>
      </c>
      <c r="OO37" s="119">
        <v>22288813</v>
      </c>
      <c r="OP37" s="119">
        <v>25068276</v>
      </c>
      <c r="OQ37" s="119">
        <v>16470071</v>
      </c>
      <c r="OR37" s="120">
        <v>91848706</v>
      </c>
      <c r="OS37" s="143">
        <v>94100884</v>
      </c>
    </row>
    <row r="38" spans="2:409" ht="21" customHeight="1" x14ac:dyDescent="0.2">
      <c r="B38" s="62" t="s">
        <v>33</v>
      </c>
      <c r="C38" s="110">
        <v>1272617</v>
      </c>
      <c r="D38" s="114">
        <v>2202959</v>
      </c>
      <c r="E38" s="113">
        <v>3475576</v>
      </c>
      <c r="F38" s="109">
        <v>0</v>
      </c>
      <c r="G38" s="114">
        <v>8438459</v>
      </c>
      <c r="H38" s="114">
        <v>8131571</v>
      </c>
      <c r="I38" s="114">
        <v>5747242</v>
      </c>
      <c r="J38" s="114">
        <v>6292947</v>
      </c>
      <c r="K38" s="114">
        <v>4018187</v>
      </c>
      <c r="L38" s="173">
        <v>32628406</v>
      </c>
      <c r="M38" s="116">
        <v>36103982</v>
      </c>
      <c r="N38" s="110">
        <v>535949</v>
      </c>
      <c r="O38" s="114">
        <v>763019</v>
      </c>
      <c r="P38" s="113">
        <v>1298968</v>
      </c>
      <c r="Q38" s="110">
        <v>0</v>
      </c>
      <c r="R38" s="114">
        <v>2450774</v>
      </c>
      <c r="S38" s="114">
        <v>2157216</v>
      </c>
      <c r="T38" s="114">
        <v>1977298</v>
      </c>
      <c r="U38" s="114">
        <v>2371600</v>
      </c>
      <c r="V38" s="114">
        <v>2507885</v>
      </c>
      <c r="W38" s="113">
        <v>11464773</v>
      </c>
      <c r="X38" s="116">
        <v>12763741</v>
      </c>
      <c r="Y38" s="110">
        <v>0</v>
      </c>
      <c r="Z38" s="114">
        <v>0</v>
      </c>
      <c r="AA38" s="113">
        <v>0</v>
      </c>
      <c r="AB38" s="110">
        <v>0</v>
      </c>
      <c r="AC38" s="114">
        <v>642699</v>
      </c>
      <c r="AD38" s="114">
        <v>696371</v>
      </c>
      <c r="AE38" s="114">
        <v>979249</v>
      </c>
      <c r="AF38" s="114">
        <v>1147568</v>
      </c>
      <c r="AG38" s="114">
        <v>1635320</v>
      </c>
      <c r="AH38" s="113">
        <v>5101207</v>
      </c>
      <c r="AI38" s="116">
        <v>5101207</v>
      </c>
      <c r="AJ38" s="110">
        <v>0</v>
      </c>
      <c r="AK38" s="114">
        <v>0</v>
      </c>
      <c r="AL38" s="113">
        <v>0</v>
      </c>
      <c r="AM38" s="110">
        <v>0</v>
      </c>
      <c r="AN38" s="114">
        <v>0</v>
      </c>
      <c r="AO38" s="114">
        <v>0</v>
      </c>
      <c r="AP38" s="114">
        <v>172525</v>
      </c>
      <c r="AQ38" s="114">
        <v>346926</v>
      </c>
      <c r="AR38" s="114">
        <v>245251</v>
      </c>
      <c r="AS38" s="113">
        <v>764702</v>
      </c>
      <c r="AT38" s="116">
        <v>764702</v>
      </c>
      <c r="AU38" s="110">
        <v>60088</v>
      </c>
      <c r="AV38" s="114">
        <v>52575</v>
      </c>
      <c r="AW38" s="113">
        <v>112663</v>
      </c>
      <c r="AX38" s="110">
        <v>0</v>
      </c>
      <c r="AY38" s="114">
        <v>469109</v>
      </c>
      <c r="AZ38" s="114">
        <v>460489</v>
      </c>
      <c r="BA38" s="114">
        <v>260466</v>
      </c>
      <c r="BB38" s="114">
        <v>359963</v>
      </c>
      <c r="BC38" s="114">
        <v>380049</v>
      </c>
      <c r="BD38" s="113">
        <v>1930076</v>
      </c>
      <c r="BE38" s="116">
        <v>2042739</v>
      </c>
      <c r="BF38" s="110">
        <v>374080</v>
      </c>
      <c r="BG38" s="114">
        <v>607925</v>
      </c>
      <c r="BH38" s="112">
        <v>982005</v>
      </c>
      <c r="BI38" s="111">
        <v>0</v>
      </c>
      <c r="BJ38" s="114">
        <v>1020111</v>
      </c>
      <c r="BK38" s="114">
        <v>551052</v>
      </c>
      <c r="BL38" s="114">
        <v>187168</v>
      </c>
      <c r="BM38" s="114">
        <v>377445</v>
      </c>
      <c r="BN38" s="114">
        <v>107909</v>
      </c>
      <c r="BO38" s="113">
        <v>2243685</v>
      </c>
      <c r="BP38" s="116">
        <v>3225690</v>
      </c>
      <c r="BQ38" s="110">
        <v>101781</v>
      </c>
      <c r="BR38" s="114">
        <v>102519</v>
      </c>
      <c r="BS38" s="113">
        <v>204300</v>
      </c>
      <c r="BT38" s="110">
        <v>0</v>
      </c>
      <c r="BU38" s="114">
        <v>318855</v>
      </c>
      <c r="BV38" s="114">
        <v>449304</v>
      </c>
      <c r="BW38" s="114">
        <v>377890</v>
      </c>
      <c r="BX38" s="114">
        <v>139698</v>
      </c>
      <c r="BY38" s="114">
        <v>139356</v>
      </c>
      <c r="BZ38" s="113">
        <v>1425103</v>
      </c>
      <c r="CA38" s="116">
        <v>1629403</v>
      </c>
      <c r="CB38" s="110">
        <v>153789</v>
      </c>
      <c r="CC38" s="114">
        <v>430134</v>
      </c>
      <c r="CD38" s="113">
        <v>583923</v>
      </c>
      <c r="CE38" s="110">
        <v>0</v>
      </c>
      <c r="CF38" s="114">
        <v>1428391</v>
      </c>
      <c r="CG38" s="114">
        <v>1120328</v>
      </c>
      <c r="CH38" s="114">
        <v>768085</v>
      </c>
      <c r="CI38" s="114">
        <v>463226</v>
      </c>
      <c r="CJ38" s="114">
        <v>235681</v>
      </c>
      <c r="CK38" s="113">
        <v>4015711</v>
      </c>
      <c r="CL38" s="116">
        <v>4599634</v>
      </c>
      <c r="CM38" s="110">
        <v>0</v>
      </c>
      <c r="CN38" s="114">
        <v>0</v>
      </c>
      <c r="CO38" s="113">
        <v>0</v>
      </c>
      <c r="CP38" s="111">
        <v>0</v>
      </c>
      <c r="CQ38" s="114">
        <v>592918</v>
      </c>
      <c r="CR38" s="114">
        <v>503900</v>
      </c>
      <c r="CS38" s="114">
        <v>250983</v>
      </c>
      <c r="CT38" s="114">
        <v>299933</v>
      </c>
      <c r="CU38" s="114">
        <v>104666</v>
      </c>
      <c r="CV38" s="113">
        <v>1752400</v>
      </c>
      <c r="CW38" s="116">
        <v>1752400</v>
      </c>
      <c r="CX38" s="110">
        <v>153789</v>
      </c>
      <c r="CY38" s="114">
        <v>430134</v>
      </c>
      <c r="CZ38" s="113">
        <v>583923</v>
      </c>
      <c r="DA38" s="110">
        <v>0</v>
      </c>
      <c r="DB38" s="114">
        <v>835473</v>
      </c>
      <c r="DC38" s="114">
        <v>616428</v>
      </c>
      <c r="DD38" s="114">
        <v>517102</v>
      </c>
      <c r="DE38" s="114">
        <v>163293</v>
      </c>
      <c r="DF38" s="114">
        <v>131015</v>
      </c>
      <c r="DG38" s="113">
        <v>2263311</v>
      </c>
      <c r="DH38" s="116">
        <v>2847234</v>
      </c>
      <c r="DI38" s="110">
        <v>0</v>
      </c>
      <c r="DJ38" s="114">
        <v>0</v>
      </c>
      <c r="DK38" s="112">
        <v>0</v>
      </c>
      <c r="DL38" s="111">
        <v>0</v>
      </c>
      <c r="DM38" s="114">
        <v>309340</v>
      </c>
      <c r="DN38" s="114">
        <v>413336</v>
      </c>
      <c r="DO38" s="114">
        <v>176891</v>
      </c>
      <c r="DP38" s="114">
        <v>617188</v>
      </c>
      <c r="DQ38" s="114">
        <v>0</v>
      </c>
      <c r="DR38" s="113">
        <v>1516755</v>
      </c>
      <c r="DS38" s="116">
        <v>1516755</v>
      </c>
      <c r="DT38" s="110">
        <v>0</v>
      </c>
      <c r="DU38" s="114">
        <v>0</v>
      </c>
      <c r="DV38" s="113">
        <v>0</v>
      </c>
      <c r="DW38" s="110">
        <v>0</v>
      </c>
      <c r="DX38" s="114">
        <v>274260</v>
      </c>
      <c r="DY38" s="114">
        <v>413336</v>
      </c>
      <c r="DZ38" s="114">
        <v>81991</v>
      </c>
      <c r="EA38" s="114">
        <v>537373</v>
      </c>
      <c r="EB38" s="114">
        <v>0</v>
      </c>
      <c r="EC38" s="113">
        <v>1306960</v>
      </c>
      <c r="ED38" s="116">
        <v>1306960</v>
      </c>
      <c r="EE38" s="110">
        <v>0</v>
      </c>
      <c r="EF38" s="112">
        <v>0</v>
      </c>
      <c r="EG38" s="113">
        <v>0</v>
      </c>
      <c r="EH38" s="110">
        <v>0</v>
      </c>
      <c r="EI38" s="114">
        <v>35080</v>
      </c>
      <c r="EJ38" s="114">
        <v>0</v>
      </c>
      <c r="EK38" s="114">
        <v>35233</v>
      </c>
      <c r="EL38" s="114">
        <v>79815</v>
      </c>
      <c r="EM38" s="114">
        <v>0</v>
      </c>
      <c r="EN38" s="112">
        <v>150128</v>
      </c>
      <c r="EO38" s="116">
        <v>150128</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59667</v>
      </c>
      <c r="FH38" s="114">
        <v>0</v>
      </c>
      <c r="FI38" s="114">
        <v>0</v>
      </c>
      <c r="FJ38" s="113">
        <v>59667</v>
      </c>
      <c r="FK38" s="116">
        <v>59667</v>
      </c>
      <c r="FL38" s="110">
        <v>153146</v>
      </c>
      <c r="FM38" s="114">
        <v>246289</v>
      </c>
      <c r="FN38" s="113">
        <v>399435</v>
      </c>
      <c r="FO38" s="110">
        <v>0</v>
      </c>
      <c r="FP38" s="114">
        <v>550612</v>
      </c>
      <c r="FQ38" s="114">
        <v>598449</v>
      </c>
      <c r="FR38" s="114">
        <v>366404</v>
      </c>
      <c r="FS38" s="114">
        <v>364288</v>
      </c>
      <c r="FT38" s="114">
        <v>456695</v>
      </c>
      <c r="FU38" s="113">
        <v>2336448</v>
      </c>
      <c r="FV38" s="116">
        <v>2735883</v>
      </c>
      <c r="FW38" s="115">
        <v>144816</v>
      </c>
      <c r="FX38" s="114">
        <v>222529</v>
      </c>
      <c r="FY38" s="112">
        <v>367345</v>
      </c>
      <c r="FZ38" s="111">
        <v>0</v>
      </c>
      <c r="GA38" s="114">
        <v>475768</v>
      </c>
      <c r="GB38" s="114">
        <v>598449</v>
      </c>
      <c r="GC38" s="114">
        <v>366404</v>
      </c>
      <c r="GD38" s="114">
        <v>364288</v>
      </c>
      <c r="GE38" s="114">
        <v>456695</v>
      </c>
      <c r="GF38" s="113">
        <v>2261604</v>
      </c>
      <c r="GG38" s="318">
        <v>2628949</v>
      </c>
      <c r="GH38" s="115">
        <v>8330</v>
      </c>
      <c r="GI38" s="114">
        <v>23760</v>
      </c>
      <c r="GJ38" s="112">
        <v>32090</v>
      </c>
      <c r="GK38" s="111">
        <v>0</v>
      </c>
      <c r="GL38" s="114">
        <v>0</v>
      </c>
      <c r="GM38" s="114">
        <v>0</v>
      </c>
      <c r="GN38" s="114">
        <v>0</v>
      </c>
      <c r="GO38" s="114">
        <v>0</v>
      </c>
      <c r="GP38" s="114">
        <v>0</v>
      </c>
      <c r="GQ38" s="113">
        <v>0</v>
      </c>
      <c r="GR38" s="116">
        <v>32090</v>
      </c>
      <c r="GS38" s="110">
        <v>0</v>
      </c>
      <c r="GT38" s="114">
        <v>0</v>
      </c>
      <c r="GU38" s="113">
        <v>0</v>
      </c>
      <c r="GV38" s="110">
        <v>0</v>
      </c>
      <c r="GW38" s="114">
        <v>74844</v>
      </c>
      <c r="GX38" s="114">
        <v>0</v>
      </c>
      <c r="GY38" s="114">
        <v>0</v>
      </c>
      <c r="GZ38" s="114">
        <v>0</v>
      </c>
      <c r="HA38" s="114">
        <v>0</v>
      </c>
      <c r="HB38" s="112">
        <v>74844</v>
      </c>
      <c r="HC38" s="116">
        <v>74844</v>
      </c>
      <c r="HD38" s="110">
        <v>237018</v>
      </c>
      <c r="HE38" s="114">
        <v>515434</v>
      </c>
      <c r="HF38" s="112">
        <v>752452</v>
      </c>
      <c r="HG38" s="111">
        <v>0</v>
      </c>
      <c r="HH38" s="114">
        <v>2387541</v>
      </c>
      <c r="HI38" s="114">
        <v>3104912</v>
      </c>
      <c r="HJ38" s="114">
        <v>1902535</v>
      </c>
      <c r="HK38" s="114">
        <v>2104403</v>
      </c>
      <c r="HL38" s="114">
        <v>528083</v>
      </c>
      <c r="HM38" s="113">
        <v>10027474</v>
      </c>
      <c r="HN38" s="109">
        <v>10779926</v>
      </c>
      <c r="HO38" s="115">
        <v>192715</v>
      </c>
      <c r="HP38" s="114">
        <v>248083</v>
      </c>
      <c r="HQ38" s="113">
        <v>440798</v>
      </c>
      <c r="HR38" s="110">
        <v>0</v>
      </c>
      <c r="HS38" s="114">
        <v>1311801</v>
      </c>
      <c r="HT38" s="114">
        <v>737330</v>
      </c>
      <c r="HU38" s="114">
        <v>556029</v>
      </c>
      <c r="HV38" s="114">
        <v>372242</v>
      </c>
      <c r="HW38" s="114">
        <v>289843</v>
      </c>
      <c r="HX38" s="112">
        <v>3267245</v>
      </c>
      <c r="HY38" s="116">
        <v>3708043</v>
      </c>
      <c r="HZ38" s="150">
        <v>0</v>
      </c>
      <c r="IA38" s="135">
        <v>490302</v>
      </c>
      <c r="IB38" s="150">
        <v>490302</v>
      </c>
      <c r="IC38" s="146">
        <v>0</v>
      </c>
      <c r="ID38" s="132">
        <v>2711663</v>
      </c>
      <c r="IE38" s="147">
        <v>2604136</v>
      </c>
      <c r="IF38" s="133">
        <v>4198532</v>
      </c>
      <c r="IG38" s="132">
        <v>643901</v>
      </c>
      <c r="IH38" s="133">
        <v>2150116</v>
      </c>
      <c r="II38" s="148">
        <v>12308348</v>
      </c>
      <c r="IJ38" s="150">
        <v>12798650</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425388</v>
      </c>
      <c r="JL38" s="119">
        <v>639204</v>
      </c>
      <c r="JM38" s="119">
        <v>826652</v>
      </c>
      <c r="JN38" s="119">
        <v>0</v>
      </c>
      <c r="JO38" s="119">
        <v>360585</v>
      </c>
      <c r="JP38" s="120">
        <v>3251829</v>
      </c>
      <c r="JQ38" s="320">
        <v>3251829</v>
      </c>
      <c r="JR38" s="142">
        <v>0</v>
      </c>
      <c r="JS38" s="119">
        <v>0</v>
      </c>
      <c r="JT38" s="141">
        <v>0</v>
      </c>
      <c r="JU38" s="118">
        <v>0</v>
      </c>
      <c r="JV38" s="119">
        <v>0</v>
      </c>
      <c r="JW38" s="119">
        <v>0</v>
      </c>
      <c r="JX38" s="119">
        <v>182979</v>
      </c>
      <c r="JY38" s="119">
        <v>0</v>
      </c>
      <c r="JZ38" s="119">
        <v>0</v>
      </c>
      <c r="KA38" s="120">
        <v>182979</v>
      </c>
      <c r="KB38" s="320">
        <v>182979</v>
      </c>
      <c r="KC38" s="234">
        <v>0</v>
      </c>
      <c r="KD38" s="230">
        <v>0</v>
      </c>
      <c r="KE38" s="120">
        <v>0</v>
      </c>
      <c r="KF38" s="118">
        <v>0</v>
      </c>
      <c r="KG38" s="119">
        <v>0</v>
      </c>
      <c r="KH38" s="119">
        <v>0</v>
      </c>
      <c r="KI38" s="119">
        <v>0</v>
      </c>
      <c r="KJ38" s="119">
        <v>0</v>
      </c>
      <c r="KK38" s="119">
        <v>0</v>
      </c>
      <c r="KL38" s="120">
        <v>0</v>
      </c>
      <c r="KM38" s="143">
        <v>0</v>
      </c>
      <c r="KN38" s="232">
        <v>0</v>
      </c>
      <c r="KO38" s="236">
        <v>490302</v>
      </c>
      <c r="KP38" s="237">
        <v>490302</v>
      </c>
      <c r="KQ38" s="140"/>
      <c r="KR38" s="119">
        <v>512706</v>
      </c>
      <c r="KS38" s="119">
        <v>781429</v>
      </c>
      <c r="KT38" s="119">
        <v>1841154</v>
      </c>
      <c r="KU38" s="119">
        <v>15587</v>
      </c>
      <c r="KV38" s="119">
        <v>289339</v>
      </c>
      <c r="KW38" s="120">
        <v>3440215</v>
      </c>
      <c r="KX38" s="320">
        <v>3930517</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773569</v>
      </c>
      <c r="LZ38" s="119">
        <v>1183503</v>
      </c>
      <c r="MA38" s="119">
        <v>1347747</v>
      </c>
      <c r="MB38" s="119">
        <v>628314</v>
      </c>
      <c r="MC38" s="119">
        <v>1500192</v>
      </c>
      <c r="MD38" s="120">
        <v>5433325</v>
      </c>
      <c r="ME38" s="121">
        <v>5433325</v>
      </c>
      <c r="MF38" s="142">
        <v>0</v>
      </c>
      <c r="MG38" s="119">
        <v>0</v>
      </c>
      <c r="MH38" s="120">
        <v>0</v>
      </c>
      <c r="MI38" s="145"/>
      <c r="MJ38" s="119">
        <v>2915800</v>
      </c>
      <c r="MK38" s="119">
        <v>6012995</v>
      </c>
      <c r="ML38" s="119">
        <v>10801891</v>
      </c>
      <c r="MM38" s="119">
        <v>16595590</v>
      </c>
      <c r="MN38" s="119">
        <v>9891159</v>
      </c>
      <c r="MO38" s="120">
        <v>46217435</v>
      </c>
      <c r="MP38" s="143">
        <v>46217435</v>
      </c>
      <c r="MQ38" s="142">
        <v>0</v>
      </c>
      <c r="MR38" s="119">
        <v>0</v>
      </c>
      <c r="MS38" s="120">
        <v>0</v>
      </c>
      <c r="MT38" s="145"/>
      <c r="MU38" s="119">
        <v>0</v>
      </c>
      <c r="MV38" s="119">
        <v>1119791</v>
      </c>
      <c r="MW38" s="119">
        <v>6291021</v>
      </c>
      <c r="MX38" s="119">
        <v>9039811</v>
      </c>
      <c r="MY38" s="119">
        <v>5849487</v>
      </c>
      <c r="MZ38" s="120">
        <v>22300110</v>
      </c>
      <c r="NA38" s="143">
        <v>22300110</v>
      </c>
      <c r="NB38" s="142">
        <v>0</v>
      </c>
      <c r="NC38" s="119">
        <v>0</v>
      </c>
      <c r="ND38" s="120">
        <v>0</v>
      </c>
      <c r="NE38" s="145"/>
      <c r="NF38" s="119">
        <v>2118474</v>
      </c>
      <c r="NG38" s="119">
        <v>2361373</v>
      </c>
      <c r="NH38" s="119">
        <v>2909734</v>
      </c>
      <c r="NI38" s="119">
        <v>5307754</v>
      </c>
      <c r="NJ38" s="119">
        <v>1825457</v>
      </c>
      <c r="NK38" s="120">
        <v>14522792</v>
      </c>
      <c r="NL38" s="320">
        <v>14522792</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797326</v>
      </c>
      <c r="OC38" s="119">
        <v>2531831</v>
      </c>
      <c r="OD38" s="119">
        <v>1601136</v>
      </c>
      <c r="OE38" s="119">
        <v>2248025</v>
      </c>
      <c r="OF38" s="119">
        <v>2216215</v>
      </c>
      <c r="OG38" s="120">
        <v>9394533</v>
      </c>
      <c r="OH38" s="121">
        <v>9394533</v>
      </c>
      <c r="OI38" s="142">
        <v>1272617</v>
      </c>
      <c r="OJ38" s="119">
        <v>2693261</v>
      </c>
      <c r="OK38" s="141">
        <v>3965878</v>
      </c>
      <c r="OL38" s="118">
        <v>0</v>
      </c>
      <c r="OM38" s="119">
        <v>14065922</v>
      </c>
      <c r="ON38" s="119">
        <v>16748702</v>
      </c>
      <c r="OO38" s="119">
        <v>20747665</v>
      </c>
      <c r="OP38" s="119">
        <v>23532438</v>
      </c>
      <c r="OQ38" s="119">
        <v>16059462</v>
      </c>
      <c r="OR38" s="120">
        <v>91154189</v>
      </c>
      <c r="OS38" s="143">
        <v>95120067</v>
      </c>
    </row>
    <row r="39" spans="2:409" ht="21" customHeight="1" x14ac:dyDescent="0.2">
      <c r="B39" s="62" t="s">
        <v>34</v>
      </c>
      <c r="C39" s="110">
        <v>473562</v>
      </c>
      <c r="D39" s="114">
        <v>634526</v>
      </c>
      <c r="E39" s="174">
        <v>1108088</v>
      </c>
      <c r="F39" s="175">
        <v>0</v>
      </c>
      <c r="G39" s="176">
        <v>7274393</v>
      </c>
      <c r="H39" s="176">
        <v>5993121</v>
      </c>
      <c r="I39" s="176">
        <v>4190341</v>
      </c>
      <c r="J39" s="176">
        <v>5478203</v>
      </c>
      <c r="K39" s="176">
        <v>2569993</v>
      </c>
      <c r="L39" s="177">
        <v>25506051</v>
      </c>
      <c r="M39" s="116">
        <v>26614139</v>
      </c>
      <c r="N39" s="110">
        <v>73683</v>
      </c>
      <c r="O39" s="114">
        <v>157095</v>
      </c>
      <c r="P39" s="113">
        <v>230778</v>
      </c>
      <c r="Q39" s="110">
        <v>0</v>
      </c>
      <c r="R39" s="114">
        <v>1214624</v>
      </c>
      <c r="S39" s="114">
        <v>1330022</v>
      </c>
      <c r="T39" s="114">
        <v>1228275</v>
      </c>
      <c r="U39" s="114">
        <v>1461234</v>
      </c>
      <c r="V39" s="114">
        <v>1256867</v>
      </c>
      <c r="W39" s="113">
        <v>6491022</v>
      </c>
      <c r="X39" s="116">
        <v>6721800</v>
      </c>
      <c r="Y39" s="110">
        <v>0</v>
      </c>
      <c r="Z39" s="114">
        <v>0</v>
      </c>
      <c r="AA39" s="113">
        <v>0</v>
      </c>
      <c r="AB39" s="110">
        <v>0</v>
      </c>
      <c r="AC39" s="114">
        <v>298121</v>
      </c>
      <c r="AD39" s="114">
        <v>575143</v>
      </c>
      <c r="AE39" s="114">
        <v>694687</v>
      </c>
      <c r="AF39" s="114">
        <v>832476</v>
      </c>
      <c r="AG39" s="114">
        <v>415356</v>
      </c>
      <c r="AH39" s="113">
        <v>2815783</v>
      </c>
      <c r="AI39" s="116">
        <v>2815783</v>
      </c>
      <c r="AJ39" s="110">
        <v>0</v>
      </c>
      <c r="AK39" s="114">
        <v>0</v>
      </c>
      <c r="AL39" s="113">
        <v>0</v>
      </c>
      <c r="AM39" s="110">
        <v>0</v>
      </c>
      <c r="AN39" s="114">
        <v>0</v>
      </c>
      <c r="AO39" s="114">
        <v>30618</v>
      </c>
      <c r="AP39" s="114">
        <v>0</v>
      </c>
      <c r="AQ39" s="114">
        <v>86643</v>
      </c>
      <c r="AR39" s="114">
        <v>370989</v>
      </c>
      <c r="AS39" s="113">
        <v>488250</v>
      </c>
      <c r="AT39" s="116">
        <v>488250</v>
      </c>
      <c r="AU39" s="110">
        <v>16200</v>
      </c>
      <c r="AV39" s="114">
        <v>130716</v>
      </c>
      <c r="AW39" s="113">
        <v>146916</v>
      </c>
      <c r="AX39" s="110">
        <v>0</v>
      </c>
      <c r="AY39" s="114">
        <v>325050</v>
      </c>
      <c r="AZ39" s="114">
        <v>328784</v>
      </c>
      <c r="BA39" s="114">
        <v>292115</v>
      </c>
      <c r="BB39" s="114">
        <v>225360</v>
      </c>
      <c r="BC39" s="114">
        <v>134019</v>
      </c>
      <c r="BD39" s="113">
        <v>1305328</v>
      </c>
      <c r="BE39" s="116">
        <v>1452244</v>
      </c>
      <c r="BF39" s="110">
        <v>0</v>
      </c>
      <c r="BG39" s="114">
        <v>0</v>
      </c>
      <c r="BH39" s="112">
        <v>0</v>
      </c>
      <c r="BI39" s="111">
        <v>0</v>
      </c>
      <c r="BJ39" s="114">
        <v>140787</v>
      </c>
      <c r="BK39" s="114">
        <v>83000</v>
      </c>
      <c r="BL39" s="114">
        <v>76252</v>
      </c>
      <c r="BM39" s="114">
        <v>33480</v>
      </c>
      <c r="BN39" s="114">
        <v>89739</v>
      </c>
      <c r="BO39" s="113">
        <v>423258</v>
      </c>
      <c r="BP39" s="116">
        <v>423258</v>
      </c>
      <c r="BQ39" s="110">
        <v>57483</v>
      </c>
      <c r="BR39" s="114">
        <v>26379</v>
      </c>
      <c r="BS39" s="113">
        <v>83862</v>
      </c>
      <c r="BT39" s="110">
        <v>0</v>
      </c>
      <c r="BU39" s="114">
        <v>450666</v>
      </c>
      <c r="BV39" s="114">
        <v>312477</v>
      </c>
      <c r="BW39" s="114">
        <v>165221</v>
      </c>
      <c r="BX39" s="114">
        <v>283275</v>
      </c>
      <c r="BY39" s="114">
        <v>246764</v>
      </c>
      <c r="BZ39" s="113">
        <v>1458403</v>
      </c>
      <c r="CA39" s="116">
        <v>1542265</v>
      </c>
      <c r="CB39" s="110">
        <v>73269</v>
      </c>
      <c r="CC39" s="114">
        <v>131805</v>
      </c>
      <c r="CD39" s="113">
        <v>205074</v>
      </c>
      <c r="CE39" s="110">
        <v>0</v>
      </c>
      <c r="CF39" s="114">
        <v>2253825</v>
      </c>
      <c r="CG39" s="114">
        <v>1746243</v>
      </c>
      <c r="CH39" s="114">
        <v>1261794</v>
      </c>
      <c r="CI39" s="114">
        <v>1760759</v>
      </c>
      <c r="CJ39" s="114">
        <v>0</v>
      </c>
      <c r="CK39" s="113">
        <v>7022621</v>
      </c>
      <c r="CL39" s="116">
        <v>7227695</v>
      </c>
      <c r="CM39" s="110">
        <v>0</v>
      </c>
      <c r="CN39" s="114">
        <v>0</v>
      </c>
      <c r="CO39" s="113">
        <v>0</v>
      </c>
      <c r="CP39" s="111">
        <v>0</v>
      </c>
      <c r="CQ39" s="114">
        <v>1785474</v>
      </c>
      <c r="CR39" s="114">
        <v>1551690</v>
      </c>
      <c r="CS39" s="114">
        <v>1128984</v>
      </c>
      <c r="CT39" s="114">
        <v>1311686</v>
      </c>
      <c r="CU39" s="114">
        <v>0</v>
      </c>
      <c r="CV39" s="113">
        <v>5777834</v>
      </c>
      <c r="CW39" s="116">
        <v>5777834</v>
      </c>
      <c r="CX39" s="110">
        <v>73269</v>
      </c>
      <c r="CY39" s="114">
        <v>131805</v>
      </c>
      <c r="CZ39" s="113">
        <v>205074</v>
      </c>
      <c r="DA39" s="110">
        <v>0</v>
      </c>
      <c r="DB39" s="114">
        <v>468351</v>
      </c>
      <c r="DC39" s="114">
        <v>194553</v>
      </c>
      <c r="DD39" s="114">
        <v>132810</v>
      </c>
      <c r="DE39" s="114">
        <v>449073</v>
      </c>
      <c r="DF39" s="114">
        <v>0</v>
      </c>
      <c r="DG39" s="113">
        <v>1244787</v>
      </c>
      <c r="DH39" s="116">
        <v>1449861</v>
      </c>
      <c r="DI39" s="110">
        <v>0</v>
      </c>
      <c r="DJ39" s="114">
        <v>0</v>
      </c>
      <c r="DK39" s="112">
        <v>0</v>
      </c>
      <c r="DL39" s="111">
        <v>0</v>
      </c>
      <c r="DM39" s="114">
        <v>156663</v>
      </c>
      <c r="DN39" s="114">
        <v>0</v>
      </c>
      <c r="DO39" s="114">
        <v>154287</v>
      </c>
      <c r="DP39" s="114">
        <v>274122</v>
      </c>
      <c r="DQ39" s="114">
        <v>217791</v>
      </c>
      <c r="DR39" s="113">
        <v>802863</v>
      </c>
      <c r="DS39" s="116">
        <v>802863</v>
      </c>
      <c r="DT39" s="110">
        <v>0</v>
      </c>
      <c r="DU39" s="114">
        <v>0</v>
      </c>
      <c r="DV39" s="113">
        <v>0</v>
      </c>
      <c r="DW39" s="110">
        <v>0</v>
      </c>
      <c r="DX39" s="114">
        <v>110799</v>
      </c>
      <c r="DY39" s="114">
        <v>0</v>
      </c>
      <c r="DZ39" s="114">
        <v>154287</v>
      </c>
      <c r="EA39" s="114">
        <v>174384</v>
      </c>
      <c r="EB39" s="114">
        <v>217791</v>
      </c>
      <c r="EC39" s="113">
        <v>657261</v>
      </c>
      <c r="ED39" s="116">
        <v>657261</v>
      </c>
      <c r="EE39" s="110">
        <v>0</v>
      </c>
      <c r="EF39" s="112">
        <v>0</v>
      </c>
      <c r="EG39" s="113">
        <v>0</v>
      </c>
      <c r="EH39" s="110">
        <v>0</v>
      </c>
      <c r="EI39" s="114">
        <v>45864</v>
      </c>
      <c r="EJ39" s="114">
        <v>0</v>
      </c>
      <c r="EK39" s="114">
        <v>0</v>
      </c>
      <c r="EL39" s="114">
        <v>99738</v>
      </c>
      <c r="EM39" s="114">
        <v>0</v>
      </c>
      <c r="EN39" s="112">
        <v>145602</v>
      </c>
      <c r="EO39" s="116">
        <v>145602</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82260</v>
      </c>
      <c r="FM39" s="114">
        <v>138131</v>
      </c>
      <c r="FN39" s="113">
        <v>220391</v>
      </c>
      <c r="FO39" s="110">
        <v>0</v>
      </c>
      <c r="FP39" s="114">
        <v>638610</v>
      </c>
      <c r="FQ39" s="114">
        <v>737885</v>
      </c>
      <c r="FR39" s="114">
        <v>431411</v>
      </c>
      <c r="FS39" s="114">
        <v>430806</v>
      </c>
      <c r="FT39" s="114">
        <v>197980</v>
      </c>
      <c r="FU39" s="113">
        <v>2436692</v>
      </c>
      <c r="FV39" s="116">
        <v>2657083</v>
      </c>
      <c r="FW39" s="115">
        <v>82260</v>
      </c>
      <c r="FX39" s="114">
        <v>102131</v>
      </c>
      <c r="FY39" s="112">
        <v>184391</v>
      </c>
      <c r="FZ39" s="111">
        <v>0</v>
      </c>
      <c r="GA39" s="114">
        <v>401010</v>
      </c>
      <c r="GB39" s="114">
        <v>557885</v>
      </c>
      <c r="GC39" s="114">
        <v>382406</v>
      </c>
      <c r="GD39" s="114">
        <v>430806</v>
      </c>
      <c r="GE39" s="114">
        <v>197980</v>
      </c>
      <c r="GF39" s="113">
        <v>1970087</v>
      </c>
      <c r="GG39" s="318">
        <v>2154478</v>
      </c>
      <c r="GH39" s="115">
        <v>0</v>
      </c>
      <c r="GI39" s="114">
        <v>0</v>
      </c>
      <c r="GJ39" s="112">
        <v>0</v>
      </c>
      <c r="GK39" s="111">
        <v>0</v>
      </c>
      <c r="GL39" s="114">
        <v>57600</v>
      </c>
      <c r="GM39" s="114">
        <v>0</v>
      </c>
      <c r="GN39" s="114">
        <v>49005</v>
      </c>
      <c r="GO39" s="114">
        <v>0</v>
      </c>
      <c r="GP39" s="114">
        <v>0</v>
      </c>
      <c r="GQ39" s="113">
        <v>106605</v>
      </c>
      <c r="GR39" s="116">
        <v>106605</v>
      </c>
      <c r="GS39" s="110">
        <v>0</v>
      </c>
      <c r="GT39" s="114">
        <v>36000</v>
      </c>
      <c r="GU39" s="113">
        <v>36000</v>
      </c>
      <c r="GV39" s="110">
        <v>0</v>
      </c>
      <c r="GW39" s="114">
        <v>180000</v>
      </c>
      <c r="GX39" s="114">
        <v>180000</v>
      </c>
      <c r="GY39" s="114">
        <v>0</v>
      </c>
      <c r="GZ39" s="114">
        <v>0</v>
      </c>
      <c r="HA39" s="114">
        <v>0</v>
      </c>
      <c r="HB39" s="112">
        <v>360000</v>
      </c>
      <c r="HC39" s="116">
        <v>396000</v>
      </c>
      <c r="HD39" s="110">
        <v>178650</v>
      </c>
      <c r="HE39" s="114">
        <v>108135</v>
      </c>
      <c r="HF39" s="112">
        <v>286785</v>
      </c>
      <c r="HG39" s="111">
        <v>0</v>
      </c>
      <c r="HH39" s="114">
        <v>1931247</v>
      </c>
      <c r="HI39" s="114">
        <v>1525562</v>
      </c>
      <c r="HJ39" s="114">
        <v>626038</v>
      </c>
      <c r="HK39" s="114">
        <v>1174008</v>
      </c>
      <c r="HL39" s="114">
        <v>770688</v>
      </c>
      <c r="HM39" s="113">
        <v>6027543</v>
      </c>
      <c r="HN39" s="109">
        <v>6314328</v>
      </c>
      <c r="HO39" s="115">
        <v>65700</v>
      </c>
      <c r="HP39" s="114">
        <v>99360</v>
      </c>
      <c r="HQ39" s="113">
        <v>165060</v>
      </c>
      <c r="HR39" s="110">
        <v>0</v>
      </c>
      <c r="HS39" s="114">
        <v>1079424</v>
      </c>
      <c r="HT39" s="114">
        <v>653409</v>
      </c>
      <c r="HU39" s="114">
        <v>488536</v>
      </c>
      <c r="HV39" s="114">
        <v>377274</v>
      </c>
      <c r="HW39" s="114">
        <v>126667</v>
      </c>
      <c r="HX39" s="112">
        <v>2725310</v>
      </c>
      <c r="HY39" s="116">
        <v>2890370</v>
      </c>
      <c r="HZ39" s="131">
        <v>45171</v>
      </c>
      <c r="IA39" s="132">
        <v>322389</v>
      </c>
      <c r="IB39" s="133">
        <v>367560</v>
      </c>
      <c r="IC39" s="146">
        <v>0</v>
      </c>
      <c r="ID39" s="132">
        <v>3502997</v>
      </c>
      <c r="IE39" s="147">
        <v>3667886</v>
      </c>
      <c r="IF39" s="133">
        <v>2338371</v>
      </c>
      <c r="IG39" s="132">
        <v>2519721</v>
      </c>
      <c r="IH39" s="133">
        <v>2124841</v>
      </c>
      <c r="II39" s="148">
        <v>14153816</v>
      </c>
      <c r="IJ39" s="139">
        <v>14521376</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96636</v>
      </c>
      <c r="JL39" s="119">
        <v>326430</v>
      </c>
      <c r="JM39" s="119">
        <v>281340</v>
      </c>
      <c r="JN39" s="119">
        <v>127962</v>
      </c>
      <c r="JO39" s="119">
        <v>24822</v>
      </c>
      <c r="JP39" s="120">
        <v>1657190</v>
      </c>
      <c r="JQ39" s="320">
        <v>1657190</v>
      </c>
      <c r="JR39" s="142">
        <v>0</v>
      </c>
      <c r="JS39" s="119">
        <v>0</v>
      </c>
      <c r="JT39" s="141">
        <v>0</v>
      </c>
      <c r="JU39" s="118">
        <v>0</v>
      </c>
      <c r="JV39" s="119">
        <v>0</v>
      </c>
      <c r="JW39" s="119">
        <v>0</v>
      </c>
      <c r="JX39" s="119">
        <v>0</v>
      </c>
      <c r="JY39" s="119">
        <v>0</v>
      </c>
      <c r="JZ39" s="119">
        <v>77402</v>
      </c>
      <c r="KA39" s="120">
        <v>77402</v>
      </c>
      <c r="KB39" s="320">
        <v>77402</v>
      </c>
      <c r="KC39" s="234">
        <v>45171</v>
      </c>
      <c r="KD39" s="230">
        <v>322389</v>
      </c>
      <c r="KE39" s="120">
        <v>367560</v>
      </c>
      <c r="KF39" s="118">
        <v>0</v>
      </c>
      <c r="KG39" s="119">
        <v>849129</v>
      </c>
      <c r="KH39" s="119">
        <v>856611</v>
      </c>
      <c r="KI39" s="119">
        <v>1504827</v>
      </c>
      <c r="KJ39" s="119">
        <v>853569</v>
      </c>
      <c r="KK39" s="119">
        <v>304533</v>
      </c>
      <c r="KL39" s="120">
        <v>4368669</v>
      </c>
      <c r="KM39" s="143">
        <v>4736229</v>
      </c>
      <c r="KN39" s="232">
        <v>0</v>
      </c>
      <c r="KO39" s="236">
        <v>0</v>
      </c>
      <c r="KP39" s="237">
        <v>0</v>
      </c>
      <c r="KQ39" s="140"/>
      <c r="KR39" s="119">
        <v>747054</v>
      </c>
      <c r="KS39" s="119">
        <v>537138</v>
      </c>
      <c r="KT39" s="119">
        <v>276309</v>
      </c>
      <c r="KU39" s="119">
        <v>517572</v>
      </c>
      <c r="KV39" s="119">
        <v>860922</v>
      </c>
      <c r="KW39" s="120">
        <v>2938995</v>
      </c>
      <c r="KX39" s="320">
        <v>2938995</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1010178</v>
      </c>
      <c r="LZ39" s="119">
        <v>1947707</v>
      </c>
      <c r="MA39" s="119">
        <v>275895</v>
      </c>
      <c r="MB39" s="119">
        <v>1020618</v>
      </c>
      <c r="MC39" s="119">
        <v>857162</v>
      </c>
      <c r="MD39" s="120">
        <v>5111560</v>
      </c>
      <c r="ME39" s="121">
        <v>5111560</v>
      </c>
      <c r="MF39" s="142">
        <v>0</v>
      </c>
      <c r="MG39" s="119">
        <v>0</v>
      </c>
      <c r="MH39" s="120">
        <v>0</v>
      </c>
      <c r="MI39" s="145"/>
      <c r="MJ39" s="119">
        <v>747948</v>
      </c>
      <c r="MK39" s="119">
        <v>3038972</v>
      </c>
      <c r="ML39" s="119">
        <v>4921592</v>
      </c>
      <c r="MM39" s="119">
        <v>11524116</v>
      </c>
      <c r="MN39" s="119">
        <v>5591335</v>
      </c>
      <c r="MO39" s="120">
        <v>25823963</v>
      </c>
      <c r="MP39" s="143">
        <v>25823963</v>
      </c>
      <c r="MQ39" s="142">
        <v>0</v>
      </c>
      <c r="MR39" s="119">
        <v>0</v>
      </c>
      <c r="MS39" s="120">
        <v>0</v>
      </c>
      <c r="MT39" s="145"/>
      <c r="MU39" s="119">
        <v>0</v>
      </c>
      <c r="MV39" s="119">
        <v>0</v>
      </c>
      <c r="MW39" s="119">
        <v>1852749</v>
      </c>
      <c r="MX39" s="119">
        <v>6469818</v>
      </c>
      <c r="MY39" s="119">
        <v>3664607</v>
      </c>
      <c r="MZ39" s="120">
        <v>11987174</v>
      </c>
      <c r="NA39" s="143">
        <v>11987174</v>
      </c>
      <c r="NB39" s="142">
        <v>0</v>
      </c>
      <c r="NC39" s="119">
        <v>0</v>
      </c>
      <c r="ND39" s="120">
        <v>0</v>
      </c>
      <c r="NE39" s="145"/>
      <c r="NF39" s="119">
        <v>747948</v>
      </c>
      <c r="NG39" s="119">
        <v>2777918</v>
      </c>
      <c r="NH39" s="119">
        <v>3068843</v>
      </c>
      <c r="NI39" s="119">
        <v>4243239</v>
      </c>
      <c r="NJ39" s="119">
        <v>1781900</v>
      </c>
      <c r="NK39" s="120">
        <v>12619848</v>
      </c>
      <c r="NL39" s="320">
        <v>12619848</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61054</v>
      </c>
      <c r="OD39" s="119">
        <v>0</v>
      </c>
      <c r="OE39" s="119">
        <v>811059</v>
      </c>
      <c r="OF39" s="119">
        <v>144828</v>
      </c>
      <c r="OG39" s="120">
        <v>1216941</v>
      </c>
      <c r="OH39" s="121">
        <v>1216941</v>
      </c>
      <c r="OI39" s="142">
        <v>518733</v>
      </c>
      <c r="OJ39" s="119">
        <v>956915</v>
      </c>
      <c r="OK39" s="141">
        <v>1475648</v>
      </c>
      <c r="OL39" s="118">
        <v>0</v>
      </c>
      <c r="OM39" s="119">
        <v>11525338</v>
      </c>
      <c r="ON39" s="119">
        <v>12699979</v>
      </c>
      <c r="OO39" s="119">
        <v>11450304</v>
      </c>
      <c r="OP39" s="119">
        <v>19522040</v>
      </c>
      <c r="OQ39" s="119">
        <v>10286169</v>
      </c>
      <c r="OR39" s="120">
        <v>65483830</v>
      </c>
      <c r="OS39" s="143">
        <v>66959478</v>
      </c>
    </row>
    <row r="40" spans="2:409" ht="21" customHeight="1" x14ac:dyDescent="0.2">
      <c r="B40" s="62" t="s">
        <v>35</v>
      </c>
      <c r="C40" s="110">
        <v>1883838</v>
      </c>
      <c r="D40" s="114">
        <v>4242851</v>
      </c>
      <c r="E40" s="113">
        <v>6126689</v>
      </c>
      <c r="F40" s="109">
        <v>0</v>
      </c>
      <c r="G40" s="114">
        <v>31199084</v>
      </c>
      <c r="H40" s="114">
        <v>25348975</v>
      </c>
      <c r="I40" s="114">
        <v>19542488</v>
      </c>
      <c r="J40" s="114">
        <v>25063624</v>
      </c>
      <c r="K40" s="114">
        <v>11479926</v>
      </c>
      <c r="L40" s="173">
        <v>112634097</v>
      </c>
      <c r="M40" s="116">
        <v>118760786</v>
      </c>
      <c r="N40" s="110">
        <v>236693</v>
      </c>
      <c r="O40" s="114">
        <v>772088</v>
      </c>
      <c r="P40" s="113">
        <v>1008781</v>
      </c>
      <c r="Q40" s="110">
        <v>0</v>
      </c>
      <c r="R40" s="114">
        <v>7066768</v>
      </c>
      <c r="S40" s="114">
        <v>5581436</v>
      </c>
      <c r="T40" s="114">
        <v>5556293</v>
      </c>
      <c r="U40" s="114">
        <v>6882538</v>
      </c>
      <c r="V40" s="114">
        <v>5574533</v>
      </c>
      <c r="W40" s="113">
        <v>30661568</v>
      </c>
      <c r="X40" s="116">
        <v>31670349</v>
      </c>
      <c r="Y40" s="110">
        <v>0</v>
      </c>
      <c r="Z40" s="114">
        <v>0</v>
      </c>
      <c r="AA40" s="113">
        <v>0</v>
      </c>
      <c r="AB40" s="110">
        <v>0</v>
      </c>
      <c r="AC40" s="114">
        <v>3882243</v>
      </c>
      <c r="AD40" s="114">
        <v>2736642</v>
      </c>
      <c r="AE40" s="114">
        <v>3320093</v>
      </c>
      <c r="AF40" s="114">
        <v>3566491</v>
      </c>
      <c r="AG40" s="114">
        <v>3036930</v>
      </c>
      <c r="AH40" s="113">
        <v>16542399</v>
      </c>
      <c r="AI40" s="116">
        <v>16542399</v>
      </c>
      <c r="AJ40" s="110">
        <v>0</v>
      </c>
      <c r="AK40" s="114">
        <v>0</v>
      </c>
      <c r="AL40" s="113">
        <v>0</v>
      </c>
      <c r="AM40" s="110">
        <v>0</v>
      </c>
      <c r="AN40" s="114">
        <v>0</v>
      </c>
      <c r="AO40" s="114">
        <v>342495</v>
      </c>
      <c r="AP40" s="114">
        <v>219438</v>
      </c>
      <c r="AQ40" s="114">
        <v>433285</v>
      </c>
      <c r="AR40" s="114">
        <v>837199</v>
      </c>
      <c r="AS40" s="113">
        <v>1832417</v>
      </c>
      <c r="AT40" s="116">
        <v>1832417</v>
      </c>
      <c r="AU40" s="110">
        <v>0</v>
      </c>
      <c r="AV40" s="114">
        <v>351778</v>
      </c>
      <c r="AW40" s="113">
        <v>351778</v>
      </c>
      <c r="AX40" s="110">
        <v>0</v>
      </c>
      <c r="AY40" s="114">
        <v>1495126</v>
      </c>
      <c r="AZ40" s="114">
        <v>1227209</v>
      </c>
      <c r="BA40" s="114">
        <v>770546</v>
      </c>
      <c r="BB40" s="114">
        <v>1276477</v>
      </c>
      <c r="BC40" s="114">
        <v>1006197</v>
      </c>
      <c r="BD40" s="113">
        <v>5775555</v>
      </c>
      <c r="BE40" s="116">
        <v>6127333</v>
      </c>
      <c r="BF40" s="110">
        <v>32336</v>
      </c>
      <c r="BG40" s="114">
        <v>119484</v>
      </c>
      <c r="BH40" s="112">
        <v>151820</v>
      </c>
      <c r="BI40" s="111">
        <v>0</v>
      </c>
      <c r="BJ40" s="114">
        <v>500333</v>
      </c>
      <c r="BK40" s="114">
        <v>171244</v>
      </c>
      <c r="BL40" s="114">
        <v>254305</v>
      </c>
      <c r="BM40" s="114">
        <v>502482</v>
      </c>
      <c r="BN40" s="114">
        <v>107550</v>
      </c>
      <c r="BO40" s="113">
        <v>1535914</v>
      </c>
      <c r="BP40" s="116">
        <v>1687734</v>
      </c>
      <c r="BQ40" s="110">
        <v>204357</v>
      </c>
      <c r="BR40" s="114">
        <v>300826</v>
      </c>
      <c r="BS40" s="113">
        <v>505183</v>
      </c>
      <c r="BT40" s="110">
        <v>0</v>
      </c>
      <c r="BU40" s="114">
        <v>1189066</v>
      </c>
      <c r="BV40" s="114">
        <v>1103846</v>
      </c>
      <c r="BW40" s="114">
        <v>991911</v>
      </c>
      <c r="BX40" s="114">
        <v>1103803</v>
      </c>
      <c r="BY40" s="114">
        <v>586657</v>
      </c>
      <c r="BZ40" s="113">
        <v>4975283</v>
      </c>
      <c r="CA40" s="116">
        <v>5480466</v>
      </c>
      <c r="CB40" s="110">
        <v>203481</v>
      </c>
      <c r="CC40" s="114">
        <v>914649</v>
      </c>
      <c r="CD40" s="113">
        <v>1118130</v>
      </c>
      <c r="CE40" s="110">
        <v>0</v>
      </c>
      <c r="CF40" s="114">
        <v>11521655</v>
      </c>
      <c r="CG40" s="114">
        <v>9516371</v>
      </c>
      <c r="CH40" s="114">
        <v>5540778</v>
      </c>
      <c r="CI40" s="114">
        <v>6381304</v>
      </c>
      <c r="CJ40" s="114">
        <v>2022387</v>
      </c>
      <c r="CK40" s="113">
        <v>34982495</v>
      </c>
      <c r="CL40" s="116">
        <v>36100625</v>
      </c>
      <c r="CM40" s="110">
        <v>0</v>
      </c>
      <c r="CN40" s="114">
        <v>0</v>
      </c>
      <c r="CO40" s="113">
        <v>0</v>
      </c>
      <c r="CP40" s="111">
        <v>0</v>
      </c>
      <c r="CQ40" s="114">
        <v>8240834</v>
      </c>
      <c r="CR40" s="114">
        <v>7983680</v>
      </c>
      <c r="CS40" s="114">
        <v>4649988</v>
      </c>
      <c r="CT40" s="114">
        <v>5451731</v>
      </c>
      <c r="CU40" s="114">
        <v>1996269</v>
      </c>
      <c r="CV40" s="113">
        <v>28322502</v>
      </c>
      <c r="CW40" s="116">
        <v>28322502</v>
      </c>
      <c r="CX40" s="110">
        <v>203481</v>
      </c>
      <c r="CY40" s="114">
        <v>914649</v>
      </c>
      <c r="CZ40" s="113">
        <v>1118130</v>
      </c>
      <c r="DA40" s="110">
        <v>0</v>
      </c>
      <c r="DB40" s="114">
        <v>3280821</v>
      </c>
      <c r="DC40" s="114">
        <v>1532691</v>
      </c>
      <c r="DD40" s="114">
        <v>890790</v>
      </c>
      <c r="DE40" s="114">
        <v>929573</v>
      </c>
      <c r="DF40" s="114">
        <v>26118</v>
      </c>
      <c r="DG40" s="113">
        <v>6659993</v>
      </c>
      <c r="DH40" s="116">
        <v>7778123</v>
      </c>
      <c r="DI40" s="110">
        <v>0</v>
      </c>
      <c r="DJ40" s="114">
        <v>39015</v>
      </c>
      <c r="DK40" s="112">
        <v>39015</v>
      </c>
      <c r="DL40" s="111">
        <v>0</v>
      </c>
      <c r="DM40" s="114">
        <v>782500</v>
      </c>
      <c r="DN40" s="114">
        <v>447163</v>
      </c>
      <c r="DO40" s="114">
        <v>689589</v>
      </c>
      <c r="DP40" s="114">
        <v>1682320</v>
      </c>
      <c r="DQ40" s="114">
        <v>454374</v>
      </c>
      <c r="DR40" s="113">
        <v>4055946</v>
      </c>
      <c r="DS40" s="116">
        <v>4094961</v>
      </c>
      <c r="DT40" s="110">
        <v>0</v>
      </c>
      <c r="DU40" s="114">
        <v>0</v>
      </c>
      <c r="DV40" s="113">
        <v>0</v>
      </c>
      <c r="DW40" s="110">
        <v>0</v>
      </c>
      <c r="DX40" s="114">
        <v>666313</v>
      </c>
      <c r="DY40" s="114">
        <v>423160</v>
      </c>
      <c r="DZ40" s="114">
        <v>689589</v>
      </c>
      <c r="EA40" s="114">
        <v>1531291</v>
      </c>
      <c r="EB40" s="114">
        <v>454374</v>
      </c>
      <c r="EC40" s="113">
        <v>3764727</v>
      </c>
      <c r="ED40" s="116">
        <v>3764727</v>
      </c>
      <c r="EE40" s="110">
        <v>0</v>
      </c>
      <c r="EF40" s="112">
        <v>39015</v>
      </c>
      <c r="EG40" s="113">
        <v>39015</v>
      </c>
      <c r="EH40" s="110">
        <v>0</v>
      </c>
      <c r="EI40" s="114">
        <v>116187</v>
      </c>
      <c r="EJ40" s="114">
        <v>24003</v>
      </c>
      <c r="EK40" s="114">
        <v>0</v>
      </c>
      <c r="EL40" s="114">
        <v>151029</v>
      </c>
      <c r="EM40" s="114">
        <v>0</v>
      </c>
      <c r="EN40" s="112">
        <v>291219</v>
      </c>
      <c r="EO40" s="116">
        <v>330234</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248988</v>
      </c>
      <c r="FM40" s="114">
        <v>587301</v>
      </c>
      <c r="FN40" s="113">
        <v>836289</v>
      </c>
      <c r="FO40" s="110">
        <v>0</v>
      </c>
      <c r="FP40" s="114">
        <v>1365494</v>
      </c>
      <c r="FQ40" s="114">
        <v>2382519</v>
      </c>
      <c r="FR40" s="114">
        <v>1323494</v>
      </c>
      <c r="FS40" s="114">
        <v>1392814</v>
      </c>
      <c r="FT40" s="114">
        <v>920243</v>
      </c>
      <c r="FU40" s="113">
        <v>7384564</v>
      </c>
      <c r="FV40" s="116">
        <v>8220853</v>
      </c>
      <c r="FW40" s="115">
        <v>220278</v>
      </c>
      <c r="FX40" s="114">
        <v>459591</v>
      </c>
      <c r="FY40" s="112">
        <v>679869</v>
      </c>
      <c r="FZ40" s="111">
        <v>0</v>
      </c>
      <c r="GA40" s="114">
        <v>1161356</v>
      </c>
      <c r="GB40" s="114">
        <v>2078184</v>
      </c>
      <c r="GC40" s="114">
        <v>1243304</v>
      </c>
      <c r="GD40" s="114">
        <v>1353858</v>
      </c>
      <c r="GE40" s="114">
        <v>848083</v>
      </c>
      <c r="GF40" s="113">
        <v>6684785</v>
      </c>
      <c r="GG40" s="318">
        <v>7364654</v>
      </c>
      <c r="GH40" s="115">
        <v>0</v>
      </c>
      <c r="GI40" s="114">
        <v>22770</v>
      </c>
      <c r="GJ40" s="112">
        <v>22770</v>
      </c>
      <c r="GK40" s="111">
        <v>0</v>
      </c>
      <c r="GL40" s="114">
        <v>23760</v>
      </c>
      <c r="GM40" s="114">
        <v>155835</v>
      </c>
      <c r="GN40" s="114">
        <v>0</v>
      </c>
      <c r="GO40" s="114">
        <v>25096</v>
      </c>
      <c r="GP40" s="114">
        <v>72160</v>
      </c>
      <c r="GQ40" s="113">
        <v>276851</v>
      </c>
      <c r="GR40" s="116">
        <v>299621</v>
      </c>
      <c r="GS40" s="110">
        <v>28710</v>
      </c>
      <c r="GT40" s="114">
        <v>104940</v>
      </c>
      <c r="GU40" s="113">
        <v>133650</v>
      </c>
      <c r="GV40" s="110">
        <v>0</v>
      </c>
      <c r="GW40" s="114">
        <v>180378</v>
      </c>
      <c r="GX40" s="114">
        <v>148500</v>
      </c>
      <c r="GY40" s="114">
        <v>80190</v>
      </c>
      <c r="GZ40" s="114">
        <v>13860</v>
      </c>
      <c r="HA40" s="114">
        <v>0</v>
      </c>
      <c r="HB40" s="112">
        <v>422928</v>
      </c>
      <c r="HC40" s="116">
        <v>556578</v>
      </c>
      <c r="HD40" s="110">
        <v>970566</v>
      </c>
      <c r="HE40" s="114">
        <v>1533672</v>
      </c>
      <c r="HF40" s="112">
        <v>2504238</v>
      </c>
      <c r="HG40" s="111">
        <v>0</v>
      </c>
      <c r="HH40" s="114">
        <v>6055274</v>
      </c>
      <c r="HI40" s="114">
        <v>4762748</v>
      </c>
      <c r="HJ40" s="114">
        <v>4959259</v>
      </c>
      <c r="HK40" s="114">
        <v>7298238</v>
      </c>
      <c r="HL40" s="114">
        <v>1820445</v>
      </c>
      <c r="HM40" s="113">
        <v>24895964</v>
      </c>
      <c r="HN40" s="109">
        <v>27400202</v>
      </c>
      <c r="HO40" s="115">
        <v>224110</v>
      </c>
      <c r="HP40" s="114">
        <v>396126</v>
      </c>
      <c r="HQ40" s="113">
        <v>620236</v>
      </c>
      <c r="HR40" s="110">
        <v>0</v>
      </c>
      <c r="HS40" s="114">
        <v>4407393</v>
      </c>
      <c r="HT40" s="114">
        <v>2658738</v>
      </c>
      <c r="HU40" s="114">
        <v>1473075</v>
      </c>
      <c r="HV40" s="114">
        <v>1426410</v>
      </c>
      <c r="HW40" s="114">
        <v>687944</v>
      </c>
      <c r="HX40" s="112">
        <v>10653560</v>
      </c>
      <c r="HY40" s="116">
        <v>11273796</v>
      </c>
      <c r="HZ40" s="150">
        <v>116397</v>
      </c>
      <c r="IA40" s="135">
        <v>162630</v>
      </c>
      <c r="IB40" s="150">
        <v>279027</v>
      </c>
      <c r="IC40" s="146">
        <v>0</v>
      </c>
      <c r="ID40" s="132">
        <v>5585763</v>
      </c>
      <c r="IE40" s="147">
        <v>5909907</v>
      </c>
      <c r="IF40" s="133">
        <v>7735112</v>
      </c>
      <c r="IG40" s="132">
        <v>6428836</v>
      </c>
      <c r="IH40" s="133">
        <v>3274992</v>
      </c>
      <c r="II40" s="148">
        <v>28934610</v>
      </c>
      <c r="IJ40" s="150">
        <v>29213637</v>
      </c>
      <c r="IK40" s="232">
        <v>0</v>
      </c>
      <c r="IL40" s="236">
        <v>0</v>
      </c>
      <c r="IM40" s="237">
        <v>0</v>
      </c>
      <c r="IN40" s="140"/>
      <c r="IO40" s="119">
        <v>0</v>
      </c>
      <c r="IP40" s="119">
        <v>89360</v>
      </c>
      <c r="IQ40" s="119">
        <v>191880</v>
      </c>
      <c r="IR40" s="119">
        <v>235368</v>
      </c>
      <c r="IS40" s="119">
        <v>0</v>
      </c>
      <c r="IT40" s="141">
        <v>516608</v>
      </c>
      <c r="IU40" s="320">
        <v>516608</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074297</v>
      </c>
      <c r="JL40" s="119">
        <v>1763750</v>
      </c>
      <c r="JM40" s="119">
        <v>1210211</v>
      </c>
      <c r="JN40" s="119">
        <v>1427944</v>
      </c>
      <c r="JO40" s="119">
        <v>946899</v>
      </c>
      <c r="JP40" s="120">
        <v>6423101</v>
      </c>
      <c r="JQ40" s="320">
        <v>6423101</v>
      </c>
      <c r="JR40" s="142">
        <v>0</v>
      </c>
      <c r="JS40" s="119">
        <v>0</v>
      </c>
      <c r="JT40" s="141">
        <v>0</v>
      </c>
      <c r="JU40" s="118">
        <v>0</v>
      </c>
      <c r="JV40" s="119">
        <v>0</v>
      </c>
      <c r="JW40" s="119">
        <v>0</v>
      </c>
      <c r="JX40" s="119">
        <v>0</v>
      </c>
      <c r="JY40" s="119">
        <v>0</v>
      </c>
      <c r="JZ40" s="119">
        <v>0</v>
      </c>
      <c r="KA40" s="120">
        <v>0</v>
      </c>
      <c r="KB40" s="320">
        <v>0</v>
      </c>
      <c r="KC40" s="234">
        <v>116397</v>
      </c>
      <c r="KD40" s="230">
        <v>162630</v>
      </c>
      <c r="KE40" s="120">
        <v>279027</v>
      </c>
      <c r="KF40" s="118">
        <v>0</v>
      </c>
      <c r="KG40" s="119">
        <v>1172871</v>
      </c>
      <c r="KH40" s="119">
        <v>875700</v>
      </c>
      <c r="KI40" s="119">
        <v>1100205</v>
      </c>
      <c r="KJ40" s="119">
        <v>720694</v>
      </c>
      <c r="KK40" s="119">
        <v>718776</v>
      </c>
      <c r="KL40" s="120">
        <v>4588246</v>
      </c>
      <c r="KM40" s="143">
        <v>4867273</v>
      </c>
      <c r="KN40" s="232">
        <v>0</v>
      </c>
      <c r="KO40" s="236">
        <v>0</v>
      </c>
      <c r="KP40" s="237">
        <v>0</v>
      </c>
      <c r="KQ40" s="140"/>
      <c r="KR40" s="119">
        <v>3338595</v>
      </c>
      <c r="KS40" s="119">
        <v>3181097</v>
      </c>
      <c r="KT40" s="119">
        <v>5232816</v>
      </c>
      <c r="KU40" s="119">
        <v>4044830</v>
      </c>
      <c r="KV40" s="119">
        <v>1609317</v>
      </c>
      <c r="KW40" s="120">
        <v>17406655</v>
      </c>
      <c r="KX40" s="320">
        <v>17406655</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5495772</v>
      </c>
      <c r="MK40" s="119">
        <v>9318201</v>
      </c>
      <c r="ML40" s="119">
        <v>13016838</v>
      </c>
      <c r="MM40" s="119">
        <v>19150575</v>
      </c>
      <c r="MN40" s="119">
        <v>13900962</v>
      </c>
      <c r="MO40" s="120">
        <v>60882348</v>
      </c>
      <c r="MP40" s="143">
        <v>60882348</v>
      </c>
      <c r="MQ40" s="142">
        <v>0</v>
      </c>
      <c r="MR40" s="119">
        <v>0</v>
      </c>
      <c r="MS40" s="120">
        <v>0</v>
      </c>
      <c r="MT40" s="145"/>
      <c r="MU40" s="119">
        <v>201996</v>
      </c>
      <c r="MV40" s="119">
        <v>476667</v>
      </c>
      <c r="MW40" s="119">
        <v>6502284</v>
      </c>
      <c r="MX40" s="119">
        <v>12558765</v>
      </c>
      <c r="MY40" s="119">
        <v>7800104</v>
      </c>
      <c r="MZ40" s="120">
        <v>27539816</v>
      </c>
      <c r="NA40" s="143">
        <v>27539816</v>
      </c>
      <c r="NB40" s="142">
        <v>0</v>
      </c>
      <c r="NC40" s="119">
        <v>0</v>
      </c>
      <c r="ND40" s="120">
        <v>0</v>
      </c>
      <c r="NE40" s="145"/>
      <c r="NF40" s="119">
        <v>4810575</v>
      </c>
      <c r="NG40" s="119">
        <v>8076777</v>
      </c>
      <c r="NH40" s="119">
        <v>4984410</v>
      </c>
      <c r="NI40" s="119">
        <v>5105019</v>
      </c>
      <c r="NJ40" s="119">
        <v>2149804</v>
      </c>
      <c r="NK40" s="120">
        <v>25126585</v>
      </c>
      <c r="NL40" s="320">
        <v>25126585</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483201</v>
      </c>
      <c r="OC40" s="119">
        <v>764757</v>
      </c>
      <c r="OD40" s="119">
        <v>1530144</v>
      </c>
      <c r="OE40" s="119">
        <v>1486791</v>
      </c>
      <c r="OF40" s="119">
        <v>3951054</v>
      </c>
      <c r="OG40" s="120">
        <v>8215947</v>
      </c>
      <c r="OH40" s="121">
        <v>8215947</v>
      </c>
      <c r="OI40" s="142">
        <v>2000235</v>
      </c>
      <c r="OJ40" s="119">
        <v>4405481</v>
      </c>
      <c r="OK40" s="141">
        <v>6405716</v>
      </c>
      <c r="OL40" s="118">
        <v>0</v>
      </c>
      <c r="OM40" s="119">
        <v>42280619</v>
      </c>
      <c r="ON40" s="119">
        <v>40577083</v>
      </c>
      <c r="OO40" s="119">
        <v>40294438</v>
      </c>
      <c r="OP40" s="119">
        <v>50643035</v>
      </c>
      <c r="OQ40" s="119">
        <v>28655880</v>
      </c>
      <c r="OR40" s="120">
        <v>202451055</v>
      </c>
      <c r="OS40" s="143">
        <v>208856771</v>
      </c>
    </row>
    <row r="41" spans="2:409" ht="21" customHeight="1" x14ac:dyDescent="0.2">
      <c r="B41" s="62" t="s">
        <v>36</v>
      </c>
      <c r="C41" s="110">
        <v>1282658</v>
      </c>
      <c r="D41" s="114">
        <v>2529163</v>
      </c>
      <c r="E41" s="113">
        <v>3811821</v>
      </c>
      <c r="F41" s="109">
        <v>0</v>
      </c>
      <c r="G41" s="114">
        <v>20656070</v>
      </c>
      <c r="H41" s="114">
        <v>27308695</v>
      </c>
      <c r="I41" s="114">
        <v>20683988</v>
      </c>
      <c r="J41" s="114">
        <v>19813333</v>
      </c>
      <c r="K41" s="114">
        <v>13224385</v>
      </c>
      <c r="L41" s="173">
        <v>101686471</v>
      </c>
      <c r="M41" s="116">
        <v>105498292</v>
      </c>
      <c r="N41" s="110">
        <v>440773</v>
      </c>
      <c r="O41" s="114">
        <v>893153</v>
      </c>
      <c r="P41" s="113">
        <v>1333926</v>
      </c>
      <c r="Q41" s="110">
        <v>0</v>
      </c>
      <c r="R41" s="114">
        <v>6104920</v>
      </c>
      <c r="S41" s="114">
        <v>7821160</v>
      </c>
      <c r="T41" s="114">
        <v>6759670</v>
      </c>
      <c r="U41" s="114">
        <v>9726635</v>
      </c>
      <c r="V41" s="114">
        <v>7335395</v>
      </c>
      <c r="W41" s="113">
        <v>37747780</v>
      </c>
      <c r="X41" s="116">
        <v>39081706</v>
      </c>
      <c r="Y41" s="110">
        <v>0</v>
      </c>
      <c r="Z41" s="114">
        <v>0</v>
      </c>
      <c r="AA41" s="113">
        <v>0</v>
      </c>
      <c r="AB41" s="110">
        <v>0</v>
      </c>
      <c r="AC41" s="114">
        <v>2270839</v>
      </c>
      <c r="AD41" s="114">
        <v>3860437</v>
      </c>
      <c r="AE41" s="114">
        <v>3914505</v>
      </c>
      <c r="AF41" s="114">
        <v>6502676</v>
      </c>
      <c r="AG41" s="114">
        <v>3757378</v>
      </c>
      <c r="AH41" s="113">
        <v>20305835</v>
      </c>
      <c r="AI41" s="116">
        <v>20305835</v>
      </c>
      <c r="AJ41" s="110">
        <v>0</v>
      </c>
      <c r="AK41" s="114">
        <v>0</v>
      </c>
      <c r="AL41" s="113">
        <v>0</v>
      </c>
      <c r="AM41" s="110">
        <v>0</v>
      </c>
      <c r="AN41" s="114">
        <v>472048</v>
      </c>
      <c r="AO41" s="114">
        <v>485249</v>
      </c>
      <c r="AP41" s="114">
        <v>157684</v>
      </c>
      <c r="AQ41" s="114">
        <v>696297</v>
      </c>
      <c r="AR41" s="114">
        <v>630570</v>
      </c>
      <c r="AS41" s="113">
        <v>2441848</v>
      </c>
      <c r="AT41" s="116">
        <v>2441848</v>
      </c>
      <c r="AU41" s="110">
        <v>291890</v>
      </c>
      <c r="AV41" s="114">
        <v>551024</v>
      </c>
      <c r="AW41" s="113">
        <v>842914</v>
      </c>
      <c r="AX41" s="110">
        <v>0</v>
      </c>
      <c r="AY41" s="114">
        <v>2386220</v>
      </c>
      <c r="AZ41" s="114">
        <v>2285337</v>
      </c>
      <c r="BA41" s="114">
        <v>1372995</v>
      </c>
      <c r="BB41" s="114">
        <v>1590388</v>
      </c>
      <c r="BC41" s="114">
        <v>2162187</v>
      </c>
      <c r="BD41" s="113">
        <v>9797127</v>
      </c>
      <c r="BE41" s="116">
        <v>10640041</v>
      </c>
      <c r="BF41" s="110">
        <v>111848</v>
      </c>
      <c r="BG41" s="114">
        <v>296859</v>
      </c>
      <c r="BH41" s="112">
        <v>408707</v>
      </c>
      <c r="BI41" s="111">
        <v>0</v>
      </c>
      <c r="BJ41" s="114">
        <v>553516</v>
      </c>
      <c r="BK41" s="114">
        <v>345539</v>
      </c>
      <c r="BL41" s="114">
        <v>267928</v>
      </c>
      <c r="BM41" s="114">
        <v>143686</v>
      </c>
      <c r="BN41" s="114">
        <v>109139</v>
      </c>
      <c r="BO41" s="113">
        <v>1419808</v>
      </c>
      <c r="BP41" s="116">
        <v>1828515</v>
      </c>
      <c r="BQ41" s="110">
        <v>37035</v>
      </c>
      <c r="BR41" s="114">
        <v>45270</v>
      </c>
      <c r="BS41" s="113">
        <v>82305</v>
      </c>
      <c r="BT41" s="110">
        <v>0</v>
      </c>
      <c r="BU41" s="114">
        <v>422297</v>
      </c>
      <c r="BV41" s="114">
        <v>844598</v>
      </c>
      <c r="BW41" s="114">
        <v>1046558</v>
      </c>
      <c r="BX41" s="114">
        <v>793588</v>
      </c>
      <c r="BY41" s="114">
        <v>676121</v>
      </c>
      <c r="BZ41" s="113">
        <v>3783162</v>
      </c>
      <c r="CA41" s="116">
        <v>3865467</v>
      </c>
      <c r="CB41" s="110">
        <v>98775</v>
      </c>
      <c r="CC41" s="114">
        <v>277934</v>
      </c>
      <c r="CD41" s="113">
        <v>376709</v>
      </c>
      <c r="CE41" s="110">
        <v>0</v>
      </c>
      <c r="CF41" s="114">
        <v>6628502</v>
      </c>
      <c r="CG41" s="114">
        <v>8708838</v>
      </c>
      <c r="CH41" s="114">
        <v>4901076</v>
      </c>
      <c r="CI41" s="114">
        <v>3316490</v>
      </c>
      <c r="CJ41" s="114">
        <v>2188368</v>
      </c>
      <c r="CK41" s="113">
        <v>25743274</v>
      </c>
      <c r="CL41" s="116">
        <v>26119983</v>
      </c>
      <c r="CM41" s="110">
        <v>0</v>
      </c>
      <c r="CN41" s="114">
        <v>0</v>
      </c>
      <c r="CO41" s="113">
        <v>0</v>
      </c>
      <c r="CP41" s="111">
        <v>0</v>
      </c>
      <c r="CQ41" s="114">
        <v>5100857</v>
      </c>
      <c r="CR41" s="114">
        <v>7222910</v>
      </c>
      <c r="CS41" s="114">
        <v>3792567</v>
      </c>
      <c r="CT41" s="114">
        <v>3038229</v>
      </c>
      <c r="CU41" s="114">
        <v>1981809</v>
      </c>
      <c r="CV41" s="113">
        <v>21136372</v>
      </c>
      <c r="CW41" s="116">
        <v>21136372</v>
      </c>
      <c r="CX41" s="110">
        <v>98775</v>
      </c>
      <c r="CY41" s="114">
        <v>277934</v>
      </c>
      <c r="CZ41" s="113">
        <v>376709</v>
      </c>
      <c r="DA41" s="110">
        <v>0</v>
      </c>
      <c r="DB41" s="114">
        <v>1527645</v>
      </c>
      <c r="DC41" s="114">
        <v>1485928</v>
      </c>
      <c r="DD41" s="114">
        <v>1108509</v>
      </c>
      <c r="DE41" s="114">
        <v>278261</v>
      </c>
      <c r="DF41" s="114">
        <v>206559</v>
      </c>
      <c r="DG41" s="113">
        <v>4606902</v>
      </c>
      <c r="DH41" s="116">
        <v>4983611</v>
      </c>
      <c r="DI41" s="110">
        <v>0</v>
      </c>
      <c r="DJ41" s="114">
        <v>21000</v>
      </c>
      <c r="DK41" s="112">
        <v>21000</v>
      </c>
      <c r="DL41" s="111">
        <v>0</v>
      </c>
      <c r="DM41" s="114">
        <v>1346931</v>
      </c>
      <c r="DN41" s="114">
        <v>1626284</v>
      </c>
      <c r="DO41" s="114">
        <v>2799178</v>
      </c>
      <c r="DP41" s="114">
        <v>1019379</v>
      </c>
      <c r="DQ41" s="114">
        <v>969391</v>
      </c>
      <c r="DR41" s="113">
        <v>7761163</v>
      </c>
      <c r="DS41" s="116">
        <v>7782163</v>
      </c>
      <c r="DT41" s="110">
        <v>0</v>
      </c>
      <c r="DU41" s="114">
        <v>21000</v>
      </c>
      <c r="DV41" s="113">
        <v>21000</v>
      </c>
      <c r="DW41" s="110">
        <v>0</v>
      </c>
      <c r="DX41" s="114">
        <v>1346931</v>
      </c>
      <c r="DY41" s="114">
        <v>1527890</v>
      </c>
      <c r="DZ41" s="114">
        <v>2799178</v>
      </c>
      <c r="EA41" s="114">
        <v>947998</v>
      </c>
      <c r="EB41" s="114">
        <v>939957</v>
      </c>
      <c r="EC41" s="113">
        <v>7561954</v>
      </c>
      <c r="ED41" s="116">
        <v>7582954</v>
      </c>
      <c r="EE41" s="110">
        <v>0</v>
      </c>
      <c r="EF41" s="112">
        <v>0</v>
      </c>
      <c r="EG41" s="113">
        <v>0</v>
      </c>
      <c r="EH41" s="110">
        <v>0</v>
      </c>
      <c r="EI41" s="114">
        <v>0</v>
      </c>
      <c r="EJ41" s="114">
        <v>98394</v>
      </c>
      <c r="EK41" s="114">
        <v>0</v>
      </c>
      <c r="EL41" s="114">
        <v>71381</v>
      </c>
      <c r="EM41" s="114">
        <v>29434</v>
      </c>
      <c r="EN41" s="112">
        <v>199209</v>
      </c>
      <c r="EO41" s="116">
        <v>199209</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371196</v>
      </c>
      <c r="FM41" s="114">
        <v>782394</v>
      </c>
      <c r="FN41" s="113">
        <v>1153590</v>
      </c>
      <c r="FO41" s="110">
        <v>0</v>
      </c>
      <c r="FP41" s="114">
        <v>1741162</v>
      </c>
      <c r="FQ41" s="114">
        <v>2527559</v>
      </c>
      <c r="FR41" s="114">
        <v>1651896</v>
      </c>
      <c r="FS41" s="114">
        <v>1935448</v>
      </c>
      <c r="FT41" s="114">
        <v>1156682</v>
      </c>
      <c r="FU41" s="113">
        <v>9012747</v>
      </c>
      <c r="FV41" s="116">
        <v>10166337</v>
      </c>
      <c r="FW41" s="115">
        <v>255996</v>
      </c>
      <c r="FX41" s="114">
        <v>660801</v>
      </c>
      <c r="FY41" s="112">
        <v>916797</v>
      </c>
      <c r="FZ41" s="111">
        <v>0</v>
      </c>
      <c r="GA41" s="114">
        <v>1529212</v>
      </c>
      <c r="GB41" s="114">
        <v>2326409</v>
      </c>
      <c r="GC41" s="114">
        <v>1517040</v>
      </c>
      <c r="GD41" s="114">
        <v>1691548</v>
      </c>
      <c r="GE41" s="114">
        <v>994682</v>
      </c>
      <c r="GF41" s="113">
        <v>8058891</v>
      </c>
      <c r="GG41" s="318">
        <v>8975688</v>
      </c>
      <c r="GH41" s="115">
        <v>0</v>
      </c>
      <c r="GI41" s="114">
        <v>24393</v>
      </c>
      <c r="GJ41" s="112">
        <v>24393</v>
      </c>
      <c r="GK41" s="111">
        <v>0</v>
      </c>
      <c r="GL41" s="114">
        <v>31950</v>
      </c>
      <c r="GM41" s="114">
        <v>97650</v>
      </c>
      <c r="GN41" s="114">
        <v>0</v>
      </c>
      <c r="GO41" s="114">
        <v>71100</v>
      </c>
      <c r="GP41" s="114">
        <v>0</v>
      </c>
      <c r="GQ41" s="113">
        <v>200700</v>
      </c>
      <c r="GR41" s="116">
        <v>225093</v>
      </c>
      <c r="GS41" s="110">
        <v>115200</v>
      </c>
      <c r="GT41" s="114">
        <v>97200</v>
      </c>
      <c r="GU41" s="113">
        <v>212400</v>
      </c>
      <c r="GV41" s="110">
        <v>0</v>
      </c>
      <c r="GW41" s="114">
        <v>180000</v>
      </c>
      <c r="GX41" s="114">
        <v>103500</v>
      </c>
      <c r="GY41" s="114">
        <v>134856</v>
      </c>
      <c r="GZ41" s="114">
        <v>172800</v>
      </c>
      <c r="HA41" s="114">
        <v>162000</v>
      </c>
      <c r="HB41" s="112">
        <v>753156</v>
      </c>
      <c r="HC41" s="116">
        <v>965556</v>
      </c>
      <c r="HD41" s="110">
        <v>115341</v>
      </c>
      <c r="HE41" s="114">
        <v>0</v>
      </c>
      <c r="HF41" s="112">
        <v>115341</v>
      </c>
      <c r="HG41" s="111">
        <v>0</v>
      </c>
      <c r="HH41" s="114">
        <v>1143744</v>
      </c>
      <c r="HI41" s="114">
        <v>3529604</v>
      </c>
      <c r="HJ41" s="114">
        <v>2593079</v>
      </c>
      <c r="HK41" s="114">
        <v>2105159</v>
      </c>
      <c r="HL41" s="114">
        <v>623284</v>
      </c>
      <c r="HM41" s="113">
        <v>9994870</v>
      </c>
      <c r="HN41" s="109">
        <v>10110211</v>
      </c>
      <c r="HO41" s="115">
        <v>256573</v>
      </c>
      <c r="HP41" s="114">
        <v>554682</v>
      </c>
      <c r="HQ41" s="113">
        <v>811255</v>
      </c>
      <c r="HR41" s="110">
        <v>0</v>
      </c>
      <c r="HS41" s="114">
        <v>3690811</v>
      </c>
      <c r="HT41" s="114">
        <v>3095250</v>
      </c>
      <c r="HU41" s="114">
        <v>1979089</v>
      </c>
      <c r="HV41" s="114">
        <v>1710222</v>
      </c>
      <c r="HW41" s="114">
        <v>951265</v>
      </c>
      <c r="HX41" s="112">
        <v>11426637</v>
      </c>
      <c r="HY41" s="116">
        <v>12237892</v>
      </c>
      <c r="HZ41" s="131">
        <v>142965</v>
      </c>
      <c r="IA41" s="132">
        <v>85349</v>
      </c>
      <c r="IB41" s="133">
        <v>228314</v>
      </c>
      <c r="IC41" s="146">
        <v>0</v>
      </c>
      <c r="ID41" s="132">
        <v>5595161</v>
      </c>
      <c r="IE41" s="147">
        <v>6040687</v>
      </c>
      <c r="IF41" s="133">
        <v>9918773</v>
      </c>
      <c r="IG41" s="132">
        <v>5134525</v>
      </c>
      <c r="IH41" s="133">
        <v>3563429</v>
      </c>
      <c r="II41" s="148">
        <v>30252575</v>
      </c>
      <c r="IJ41" s="139">
        <v>30480889</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193975</v>
      </c>
      <c r="JL41" s="119">
        <v>2875931</v>
      </c>
      <c r="JM41" s="119">
        <v>3386998</v>
      </c>
      <c r="JN41" s="119">
        <v>2095017</v>
      </c>
      <c r="JO41" s="119">
        <v>1842437</v>
      </c>
      <c r="JP41" s="120">
        <v>12394358</v>
      </c>
      <c r="JQ41" s="320">
        <v>12394358</v>
      </c>
      <c r="JR41" s="142">
        <v>0</v>
      </c>
      <c r="JS41" s="119">
        <v>0</v>
      </c>
      <c r="JT41" s="141">
        <v>0</v>
      </c>
      <c r="JU41" s="118">
        <v>0</v>
      </c>
      <c r="JV41" s="119">
        <v>0</v>
      </c>
      <c r="JW41" s="119">
        <v>0</v>
      </c>
      <c r="JX41" s="119">
        <v>0</v>
      </c>
      <c r="JY41" s="119">
        <v>0</v>
      </c>
      <c r="JZ41" s="119">
        <v>0</v>
      </c>
      <c r="KA41" s="120">
        <v>0</v>
      </c>
      <c r="KB41" s="320">
        <v>0</v>
      </c>
      <c r="KC41" s="234">
        <v>142965</v>
      </c>
      <c r="KD41" s="230">
        <v>85349</v>
      </c>
      <c r="KE41" s="120">
        <v>228314</v>
      </c>
      <c r="KF41" s="118">
        <v>0</v>
      </c>
      <c r="KG41" s="119">
        <v>1800183</v>
      </c>
      <c r="KH41" s="119">
        <v>1116798</v>
      </c>
      <c r="KI41" s="119">
        <v>2408539</v>
      </c>
      <c r="KJ41" s="119">
        <v>1053675</v>
      </c>
      <c r="KK41" s="119">
        <v>0</v>
      </c>
      <c r="KL41" s="120">
        <v>6379195</v>
      </c>
      <c r="KM41" s="143">
        <v>6607509</v>
      </c>
      <c r="KN41" s="232">
        <v>0</v>
      </c>
      <c r="KO41" s="236">
        <v>0</v>
      </c>
      <c r="KP41" s="237">
        <v>0</v>
      </c>
      <c r="KQ41" s="140"/>
      <c r="KR41" s="119">
        <v>1601003</v>
      </c>
      <c r="KS41" s="119">
        <v>2047958</v>
      </c>
      <c r="KT41" s="119">
        <v>4123236</v>
      </c>
      <c r="KU41" s="119">
        <v>1985833</v>
      </c>
      <c r="KV41" s="119">
        <v>1720992</v>
      </c>
      <c r="KW41" s="120">
        <v>11479022</v>
      </c>
      <c r="KX41" s="320">
        <v>11479022</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4523516</v>
      </c>
      <c r="MK41" s="119">
        <v>7182358</v>
      </c>
      <c r="ML41" s="119">
        <v>26040188</v>
      </c>
      <c r="MM41" s="119">
        <v>37313112</v>
      </c>
      <c r="MN41" s="119">
        <v>28951853</v>
      </c>
      <c r="MO41" s="120">
        <v>104011027</v>
      </c>
      <c r="MP41" s="143">
        <v>104011027</v>
      </c>
      <c r="MQ41" s="142">
        <v>0</v>
      </c>
      <c r="MR41" s="119">
        <v>0</v>
      </c>
      <c r="MS41" s="120">
        <v>0</v>
      </c>
      <c r="MT41" s="145"/>
      <c r="MU41" s="119">
        <v>0</v>
      </c>
      <c r="MV41" s="119">
        <v>724231</v>
      </c>
      <c r="MW41" s="119">
        <v>13287598</v>
      </c>
      <c r="MX41" s="119">
        <v>22004171</v>
      </c>
      <c r="MY41" s="119">
        <v>21083035</v>
      </c>
      <c r="MZ41" s="120">
        <v>57099035</v>
      </c>
      <c r="NA41" s="143">
        <v>57099035</v>
      </c>
      <c r="NB41" s="142">
        <v>0</v>
      </c>
      <c r="NC41" s="119">
        <v>0</v>
      </c>
      <c r="ND41" s="120">
        <v>0</v>
      </c>
      <c r="NE41" s="145"/>
      <c r="NF41" s="119">
        <v>4523516</v>
      </c>
      <c r="NG41" s="119">
        <v>6458127</v>
      </c>
      <c r="NH41" s="119">
        <v>12752590</v>
      </c>
      <c r="NI41" s="119">
        <v>12479063</v>
      </c>
      <c r="NJ41" s="119">
        <v>7518767</v>
      </c>
      <c r="NK41" s="120">
        <v>43732063</v>
      </c>
      <c r="NL41" s="320">
        <v>43732063</v>
      </c>
      <c r="NM41" s="142">
        <v>0</v>
      </c>
      <c r="NN41" s="119">
        <v>0</v>
      </c>
      <c r="NO41" s="120">
        <v>0</v>
      </c>
      <c r="NP41" s="145"/>
      <c r="NQ41" s="119">
        <v>0</v>
      </c>
      <c r="NR41" s="119">
        <v>0</v>
      </c>
      <c r="NS41" s="119">
        <v>0</v>
      </c>
      <c r="NT41" s="119">
        <v>652464</v>
      </c>
      <c r="NU41" s="119">
        <v>350051</v>
      </c>
      <c r="NV41" s="120">
        <v>1002515</v>
      </c>
      <c r="NW41" s="121">
        <v>1002515</v>
      </c>
      <c r="NX41" s="142">
        <v>0</v>
      </c>
      <c r="NY41" s="119">
        <v>0</v>
      </c>
      <c r="NZ41" s="120">
        <v>0</v>
      </c>
      <c r="OA41" s="145"/>
      <c r="OB41" s="119">
        <v>0</v>
      </c>
      <c r="OC41" s="119">
        <v>0</v>
      </c>
      <c r="OD41" s="119">
        <v>0</v>
      </c>
      <c r="OE41" s="119">
        <v>2177414</v>
      </c>
      <c r="OF41" s="119">
        <v>0</v>
      </c>
      <c r="OG41" s="120">
        <v>2177414</v>
      </c>
      <c r="OH41" s="121">
        <v>2177414</v>
      </c>
      <c r="OI41" s="142">
        <v>1425623</v>
      </c>
      <c r="OJ41" s="119">
        <v>2614512</v>
      </c>
      <c r="OK41" s="141">
        <v>4040135</v>
      </c>
      <c r="OL41" s="118">
        <v>0</v>
      </c>
      <c r="OM41" s="119">
        <v>30774747</v>
      </c>
      <c r="ON41" s="119">
        <v>40531740</v>
      </c>
      <c r="OO41" s="119">
        <v>56642949</v>
      </c>
      <c r="OP41" s="119">
        <v>62260970</v>
      </c>
      <c r="OQ41" s="119">
        <v>45739667</v>
      </c>
      <c r="OR41" s="120">
        <v>235950073</v>
      </c>
      <c r="OS41" s="143">
        <v>239990208</v>
      </c>
    </row>
    <row r="42" spans="2:409" ht="21" customHeight="1" thickBot="1" x14ac:dyDescent="0.25">
      <c r="B42" s="63" t="s">
        <v>37</v>
      </c>
      <c r="C42" s="117">
        <v>36792</v>
      </c>
      <c r="D42" s="178">
        <v>0</v>
      </c>
      <c r="E42" s="179">
        <v>36792</v>
      </c>
      <c r="F42" s="180">
        <v>0</v>
      </c>
      <c r="G42" s="178">
        <v>1378850</v>
      </c>
      <c r="H42" s="178">
        <v>1495145</v>
      </c>
      <c r="I42" s="178">
        <v>2920041</v>
      </c>
      <c r="J42" s="178">
        <v>1149046</v>
      </c>
      <c r="K42" s="178">
        <v>796669</v>
      </c>
      <c r="L42" s="180">
        <v>7739751</v>
      </c>
      <c r="M42" s="181">
        <v>7776543</v>
      </c>
      <c r="N42" s="117">
        <v>9792</v>
      </c>
      <c r="O42" s="178">
        <v>0</v>
      </c>
      <c r="P42" s="179">
        <v>9792</v>
      </c>
      <c r="Q42" s="117">
        <v>0</v>
      </c>
      <c r="R42" s="178">
        <v>110240</v>
      </c>
      <c r="S42" s="178">
        <v>357985</v>
      </c>
      <c r="T42" s="178">
        <v>499715</v>
      </c>
      <c r="U42" s="178">
        <v>244793</v>
      </c>
      <c r="V42" s="178">
        <v>525634</v>
      </c>
      <c r="W42" s="179">
        <v>1738367</v>
      </c>
      <c r="X42" s="181">
        <v>1748159</v>
      </c>
      <c r="Y42" s="117">
        <v>0</v>
      </c>
      <c r="Z42" s="178">
        <v>0</v>
      </c>
      <c r="AA42" s="179">
        <v>0</v>
      </c>
      <c r="AB42" s="117">
        <v>0</v>
      </c>
      <c r="AC42" s="178">
        <v>33319</v>
      </c>
      <c r="AD42" s="178">
        <v>213503</v>
      </c>
      <c r="AE42" s="178">
        <v>207402</v>
      </c>
      <c r="AF42" s="178">
        <v>43813</v>
      </c>
      <c r="AG42" s="178">
        <v>474242</v>
      </c>
      <c r="AH42" s="179">
        <v>972279</v>
      </c>
      <c r="AI42" s="181">
        <v>972279</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54646</v>
      </c>
      <c r="AZ42" s="178">
        <v>116582</v>
      </c>
      <c r="BA42" s="178">
        <v>176672</v>
      </c>
      <c r="BB42" s="178">
        <v>125975</v>
      </c>
      <c r="BC42" s="178">
        <v>23044</v>
      </c>
      <c r="BD42" s="179">
        <v>496919</v>
      </c>
      <c r="BE42" s="181">
        <v>496919</v>
      </c>
      <c r="BF42" s="117">
        <v>0</v>
      </c>
      <c r="BG42" s="178">
        <v>0</v>
      </c>
      <c r="BH42" s="183">
        <v>0</v>
      </c>
      <c r="BI42" s="182">
        <v>0</v>
      </c>
      <c r="BJ42" s="178">
        <v>0</v>
      </c>
      <c r="BK42" s="178">
        <v>22536</v>
      </c>
      <c r="BL42" s="178">
        <v>0</v>
      </c>
      <c r="BM42" s="178">
        <v>41426</v>
      </c>
      <c r="BN42" s="178">
        <v>0</v>
      </c>
      <c r="BO42" s="179">
        <v>63962</v>
      </c>
      <c r="BP42" s="181">
        <v>63962</v>
      </c>
      <c r="BQ42" s="117">
        <v>9792</v>
      </c>
      <c r="BR42" s="178">
        <v>0</v>
      </c>
      <c r="BS42" s="179">
        <v>9792</v>
      </c>
      <c r="BT42" s="117">
        <v>0</v>
      </c>
      <c r="BU42" s="178">
        <v>22275</v>
      </c>
      <c r="BV42" s="178">
        <v>5364</v>
      </c>
      <c r="BW42" s="178">
        <v>115641</v>
      </c>
      <c r="BX42" s="178">
        <v>33579</v>
      </c>
      <c r="BY42" s="178">
        <v>28348</v>
      </c>
      <c r="BZ42" s="179">
        <v>205207</v>
      </c>
      <c r="CA42" s="181">
        <v>214999</v>
      </c>
      <c r="CB42" s="117">
        <v>0</v>
      </c>
      <c r="CC42" s="178">
        <v>0</v>
      </c>
      <c r="CD42" s="179">
        <v>0</v>
      </c>
      <c r="CE42" s="117">
        <v>0</v>
      </c>
      <c r="CF42" s="178">
        <v>594125</v>
      </c>
      <c r="CG42" s="178">
        <v>576917</v>
      </c>
      <c r="CH42" s="178">
        <v>968573</v>
      </c>
      <c r="CI42" s="178">
        <v>242016</v>
      </c>
      <c r="CJ42" s="178">
        <v>84159</v>
      </c>
      <c r="CK42" s="179">
        <v>2465790</v>
      </c>
      <c r="CL42" s="181">
        <v>2465790</v>
      </c>
      <c r="CM42" s="117">
        <v>0</v>
      </c>
      <c r="CN42" s="178">
        <v>0</v>
      </c>
      <c r="CO42" s="179">
        <v>0</v>
      </c>
      <c r="CP42" s="182">
        <v>0</v>
      </c>
      <c r="CQ42" s="178">
        <v>272577</v>
      </c>
      <c r="CR42" s="178">
        <v>504560</v>
      </c>
      <c r="CS42" s="178">
        <v>606460</v>
      </c>
      <c r="CT42" s="178">
        <v>32840</v>
      </c>
      <c r="CU42" s="178">
        <v>84159</v>
      </c>
      <c r="CV42" s="179">
        <v>1500596</v>
      </c>
      <c r="CW42" s="181">
        <v>1500596</v>
      </c>
      <c r="CX42" s="117">
        <v>0</v>
      </c>
      <c r="CY42" s="178">
        <v>0</v>
      </c>
      <c r="CZ42" s="179">
        <v>0</v>
      </c>
      <c r="DA42" s="117">
        <v>0</v>
      </c>
      <c r="DB42" s="178">
        <v>321548</v>
      </c>
      <c r="DC42" s="178">
        <v>72357</v>
      </c>
      <c r="DD42" s="178">
        <v>362113</v>
      </c>
      <c r="DE42" s="178">
        <v>209176</v>
      </c>
      <c r="DF42" s="178">
        <v>0</v>
      </c>
      <c r="DG42" s="179">
        <v>965194</v>
      </c>
      <c r="DH42" s="181">
        <v>965194</v>
      </c>
      <c r="DI42" s="117">
        <v>0</v>
      </c>
      <c r="DJ42" s="178">
        <v>0</v>
      </c>
      <c r="DK42" s="183">
        <v>0</v>
      </c>
      <c r="DL42" s="182">
        <v>0</v>
      </c>
      <c r="DM42" s="178">
        <v>138930</v>
      </c>
      <c r="DN42" s="178">
        <v>0</v>
      </c>
      <c r="DO42" s="178">
        <v>556728</v>
      </c>
      <c r="DP42" s="178">
        <v>0</v>
      </c>
      <c r="DQ42" s="178">
        <v>53816</v>
      </c>
      <c r="DR42" s="179">
        <v>749474</v>
      </c>
      <c r="DS42" s="181">
        <v>749474</v>
      </c>
      <c r="DT42" s="117">
        <v>0</v>
      </c>
      <c r="DU42" s="178">
        <v>0</v>
      </c>
      <c r="DV42" s="179">
        <v>0</v>
      </c>
      <c r="DW42" s="117">
        <v>0</v>
      </c>
      <c r="DX42" s="178">
        <v>77566</v>
      </c>
      <c r="DY42" s="178">
        <v>0</v>
      </c>
      <c r="DZ42" s="178">
        <v>470036</v>
      </c>
      <c r="EA42" s="178">
        <v>0</v>
      </c>
      <c r="EB42" s="178">
        <v>32686</v>
      </c>
      <c r="EC42" s="179">
        <v>580288</v>
      </c>
      <c r="ED42" s="181">
        <v>580288</v>
      </c>
      <c r="EE42" s="117">
        <v>0</v>
      </c>
      <c r="EF42" s="183">
        <v>0</v>
      </c>
      <c r="EG42" s="179">
        <v>0</v>
      </c>
      <c r="EH42" s="117">
        <v>0</v>
      </c>
      <c r="EI42" s="178">
        <v>61364</v>
      </c>
      <c r="EJ42" s="178">
        <v>0</v>
      </c>
      <c r="EK42" s="178">
        <v>86692</v>
      </c>
      <c r="EL42" s="178">
        <v>0</v>
      </c>
      <c r="EM42" s="178">
        <v>21130</v>
      </c>
      <c r="EN42" s="183">
        <v>169186</v>
      </c>
      <c r="EO42" s="181">
        <v>169186</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27000</v>
      </c>
      <c r="FM42" s="178">
        <v>0</v>
      </c>
      <c r="FN42" s="179">
        <v>27000</v>
      </c>
      <c r="FO42" s="117">
        <v>0</v>
      </c>
      <c r="FP42" s="178">
        <v>189612</v>
      </c>
      <c r="FQ42" s="178">
        <v>252972</v>
      </c>
      <c r="FR42" s="178">
        <v>471807</v>
      </c>
      <c r="FS42" s="178">
        <v>121500</v>
      </c>
      <c r="FT42" s="178">
        <v>70200</v>
      </c>
      <c r="FU42" s="179">
        <v>1106091</v>
      </c>
      <c r="FV42" s="181">
        <v>1133091</v>
      </c>
      <c r="FW42" s="184">
        <v>0</v>
      </c>
      <c r="FX42" s="178">
        <v>0</v>
      </c>
      <c r="FY42" s="183">
        <v>0</v>
      </c>
      <c r="FZ42" s="182">
        <v>0</v>
      </c>
      <c r="GA42" s="178">
        <v>189612</v>
      </c>
      <c r="GB42" s="178">
        <v>252972</v>
      </c>
      <c r="GC42" s="178">
        <v>409437</v>
      </c>
      <c r="GD42" s="178">
        <v>121500</v>
      </c>
      <c r="GE42" s="178">
        <v>70200</v>
      </c>
      <c r="GF42" s="179">
        <v>1043721</v>
      </c>
      <c r="GG42" s="319">
        <v>1043721</v>
      </c>
      <c r="GH42" s="184">
        <v>0</v>
      </c>
      <c r="GI42" s="178">
        <v>0</v>
      </c>
      <c r="GJ42" s="183">
        <v>0</v>
      </c>
      <c r="GK42" s="182">
        <v>0</v>
      </c>
      <c r="GL42" s="178">
        <v>0</v>
      </c>
      <c r="GM42" s="178">
        <v>0</v>
      </c>
      <c r="GN42" s="178">
        <v>62370</v>
      </c>
      <c r="GO42" s="178">
        <v>0</v>
      </c>
      <c r="GP42" s="178">
        <v>0</v>
      </c>
      <c r="GQ42" s="179">
        <v>62370</v>
      </c>
      <c r="GR42" s="181">
        <v>62370</v>
      </c>
      <c r="GS42" s="117">
        <v>27000</v>
      </c>
      <c r="GT42" s="178">
        <v>0</v>
      </c>
      <c r="GU42" s="179">
        <v>27000</v>
      </c>
      <c r="GV42" s="117">
        <v>0</v>
      </c>
      <c r="GW42" s="178">
        <v>0</v>
      </c>
      <c r="GX42" s="178">
        <v>0</v>
      </c>
      <c r="GY42" s="178">
        <v>0</v>
      </c>
      <c r="GZ42" s="178">
        <v>0</v>
      </c>
      <c r="HA42" s="178">
        <v>0</v>
      </c>
      <c r="HB42" s="183">
        <v>0</v>
      </c>
      <c r="HC42" s="181">
        <v>27000</v>
      </c>
      <c r="HD42" s="117">
        <v>0</v>
      </c>
      <c r="HE42" s="178">
        <v>0</v>
      </c>
      <c r="HF42" s="183">
        <v>0</v>
      </c>
      <c r="HG42" s="182">
        <v>0</v>
      </c>
      <c r="HH42" s="178">
        <v>0</v>
      </c>
      <c r="HI42" s="178">
        <v>0</v>
      </c>
      <c r="HJ42" s="178">
        <v>0</v>
      </c>
      <c r="HK42" s="178">
        <v>408113</v>
      </c>
      <c r="HL42" s="178">
        <v>0</v>
      </c>
      <c r="HM42" s="179">
        <v>408113</v>
      </c>
      <c r="HN42" s="180">
        <v>408113</v>
      </c>
      <c r="HO42" s="184">
        <v>0</v>
      </c>
      <c r="HP42" s="178">
        <v>0</v>
      </c>
      <c r="HQ42" s="179">
        <v>0</v>
      </c>
      <c r="HR42" s="117">
        <v>0</v>
      </c>
      <c r="HS42" s="178">
        <v>345943</v>
      </c>
      <c r="HT42" s="178">
        <v>307271</v>
      </c>
      <c r="HU42" s="178">
        <v>423218</v>
      </c>
      <c r="HV42" s="178">
        <v>132624</v>
      </c>
      <c r="HW42" s="178">
        <v>62860</v>
      </c>
      <c r="HX42" s="183">
        <v>1271916</v>
      </c>
      <c r="HY42" s="181">
        <v>1271916</v>
      </c>
      <c r="HZ42" s="151">
        <v>0</v>
      </c>
      <c r="IA42" s="152">
        <v>0</v>
      </c>
      <c r="IB42" s="153">
        <v>0</v>
      </c>
      <c r="IC42" s="154">
        <v>0</v>
      </c>
      <c r="ID42" s="155">
        <v>958899</v>
      </c>
      <c r="IE42" s="156">
        <v>506519</v>
      </c>
      <c r="IF42" s="157">
        <v>1956725</v>
      </c>
      <c r="IG42" s="155">
        <v>312165</v>
      </c>
      <c r="IH42" s="157">
        <v>528766</v>
      </c>
      <c r="II42" s="158">
        <v>4263074</v>
      </c>
      <c r="IJ42" s="159">
        <v>4263074</v>
      </c>
      <c r="IK42" s="233">
        <v>0</v>
      </c>
      <c r="IL42" s="238">
        <v>0</v>
      </c>
      <c r="IM42" s="239">
        <v>0</v>
      </c>
      <c r="IN42" s="160"/>
      <c r="IO42" s="161">
        <v>0</v>
      </c>
      <c r="IP42" s="161">
        <v>0</v>
      </c>
      <c r="IQ42" s="161">
        <v>189190</v>
      </c>
      <c r="IR42" s="161">
        <v>0</v>
      </c>
      <c r="IS42" s="161">
        <v>0</v>
      </c>
      <c r="IT42" s="162">
        <v>189190</v>
      </c>
      <c r="IU42" s="321">
        <v>18919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658332</v>
      </c>
      <c r="JL42" s="161">
        <v>506519</v>
      </c>
      <c r="JM42" s="161">
        <v>919891</v>
      </c>
      <c r="JN42" s="161">
        <v>0</v>
      </c>
      <c r="JO42" s="161">
        <v>258073</v>
      </c>
      <c r="JP42" s="165">
        <v>2342815</v>
      </c>
      <c r="JQ42" s="321">
        <v>2342815</v>
      </c>
      <c r="JR42" s="163">
        <v>0</v>
      </c>
      <c r="JS42" s="161">
        <v>0</v>
      </c>
      <c r="JT42" s="162">
        <v>0</v>
      </c>
      <c r="JU42" s="164">
        <v>0</v>
      </c>
      <c r="JV42" s="161">
        <v>37577</v>
      </c>
      <c r="JW42" s="161">
        <v>0</v>
      </c>
      <c r="JX42" s="161">
        <v>0</v>
      </c>
      <c r="JY42" s="161">
        <v>312165</v>
      </c>
      <c r="JZ42" s="161">
        <v>270693</v>
      </c>
      <c r="KA42" s="165">
        <v>620435</v>
      </c>
      <c r="KB42" s="321">
        <v>620435</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62990</v>
      </c>
      <c r="KS42" s="161">
        <v>0</v>
      </c>
      <c r="KT42" s="161">
        <v>847644</v>
      </c>
      <c r="KU42" s="161">
        <v>0</v>
      </c>
      <c r="KV42" s="161">
        <v>0</v>
      </c>
      <c r="KW42" s="165">
        <v>1110634</v>
      </c>
      <c r="KX42" s="321">
        <v>1110634</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7720</v>
      </c>
      <c r="MK42" s="161">
        <v>0</v>
      </c>
      <c r="ML42" s="161">
        <v>5336428</v>
      </c>
      <c r="MM42" s="161">
        <v>2102384</v>
      </c>
      <c r="MN42" s="161">
        <v>2533155</v>
      </c>
      <c r="MO42" s="165">
        <v>10489687</v>
      </c>
      <c r="MP42" s="167">
        <v>10489687</v>
      </c>
      <c r="MQ42" s="163">
        <v>0</v>
      </c>
      <c r="MR42" s="161">
        <v>0</v>
      </c>
      <c r="MS42" s="165">
        <v>0</v>
      </c>
      <c r="MT42" s="169"/>
      <c r="MU42" s="161">
        <v>0</v>
      </c>
      <c r="MV42" s="161">
        <v>0</v>
      </c>
      <c r="MW42" s="161">
        <v>2747758</v>
      </c>
      <c r="MX42" s="161">
        <v>1147829</v>
      </c>
      <c r="MY42" s="161">
        <v>1918922</v>
      </c>
      <c r="MZ42" s="165">
        <v>5814509</v>
      </c>
      <c r="NA42" s="167">
        <v>5814509</v>
      </c>
      <c r="NB42" s="163">
        <v>0</v>
      </c>
      <c r="NC42" s="161">
        <v>0</v>
      </c>
      <c r="ND42" s="165">
        <v>0</v>
      </c>
      <c r="NE42" s="169"/>
      <c r="NF42" s="161">
        <v>517720</v>
      </c>
      <c r="NG42" s="161">
        <v>0</v>
      </c>
      <c r="NH42" s="161">
        <v>2588670</v>
      </c>
      <c r="NI42" s="161">
        <v>954555</v>
      </c>
      <c r="NJ42" s="161">
        <v>343857</v>
      </c>
      <c r="NK42" s="165">
        <v>4404802</v>
      </c>
      <c r="NL42" s="321">
        <v>4404802</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270376</v>
      </c>
      <c r="OG42" s="165">
        <v>270376</v>
      </c>
      <c r="OH42" s="166">
        <v>270376</v>
      </c>
      <c r="OI42" s="163">
        <v>36792</v>
      </c>
      <c r="OJ42" s="161">
        <v>0</v>
      </c>
      <c r="OK42" s="162">
        <v>36792</v>
      </c>
      <c r="OL42" s="164">
        <v>0</v>
      </c>
      <c r="OM42" s="161">
        <v>2855469</v>
      </c>
      <c r="ON42" s="161">
        <v>2001664</v>
      </c>
      <c r="OO42" s="161">
        <v>10213194</v>
      </c>
      <c r="OP42" s="161">
        <v>3563595</v>
      </c>
      <c r="OQ42" s="161">
        <v>3858590</v>
      </c>
      <c r="OR42" s="165">
        <v>22492512</v>
      </c>
      <c r="OS42" s="167">
        <v>22529304</v>
      </c>
    </row>
    <row r="43" spans="2:409" x14ac:dyDescent="0.2">
      <c r="B43" s="1" t="s">
        <v>84</v>
      </c>
    </row>
  </sheetData>
  <mergeCells count="159">
    <mergeCell ref="G1:H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AI7:AI8"/>
    <mergeCell ref="AJ7:AL7"/>
    <mergeCell ref="AM7:AS7"/>
    <mergeCell ref="AT7:AT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5</v>
      </c>
      <c r="F1" s="246">
        <f>第１表!G2</f>
        <v>3</v>
      </c>
      <c r="G1" s="727">
        <f>IF(F1&lt;3,F1-2+12,F1-2)</f>
        <v>1</v>
      </c>
      <c r="H1" s="727"/>
      <c r="IB1" s="367"/>
      <c r="IC1" s="252"/>
      <c r="ID1" s="643"/>
      <c r="IE1" s="643"/>
    </row>
    <row r="2" spans="1:409" ht="24" customHeight="1" x14ac:dyDescent="0.2">
      <c r="B2" s="20" t="s">
        <v>147</v>
      </c>
      <c r="E2" s="249"/>
      <c r="F2" s="250"/>
      <c r="G2" s="341"/>
      <c r="H2" s="341"/>
      <c r="IB2" s="251"/>
      <c r="IC2" s="252"/>
      <c r="ID2" s="370"/>
      <c r="IE2" s="370"/>
    </row>
    <row r="3" spans="1:409" ht="24" customHeight="1" thickBot="1" x14ac:dyDescent="0.25">
      <c r="B3" s="20" t="s">
        <v>137</v>
      </c>
    </row>
    <row r="4" spans="1:409" ht="21" customHeight="1" thickBot="1" x14ac:dyDescent="0.25">
      <c r="B4" s="680" t="s">
        <v>42</v>
      </c>
      <c r="C4" s="683" t="s">
        <v>63</v>
      </c>
      <c r="D4" s="683"/>
      <c r="E4" s="683"/>
      <c r="F4" s="683"/>
      <c r="G4" s="683"/>
      <c r="H4" s="683"/>
      <c r="I4" s="683"/>
      <c r="J4" s="683"/>
      <c r="K4" s="683"/>
      <c r="L4" s="683"/>
      <c r="M4" s="683"/>
      <c r="N4" s="686"/>
      <c r="O4" s="686"/>
      <c r="P4" s="686"/>
      <c r="Q4" s="686"/>
      <c r="R4" s="686"/>
      <c r="S4" s="686"/>
      <c r="T4" s="686"/>
      <c r="U4" s="686"/>
      <c r="V4" s="686"/>
      <c r="W4" s="686"/>
      <c r="X4" s="686"/>
      <c r="Y4" s="686"/>
      <c r="Z4" s="686"/>
      <c r="AA4" s="686"/>
      <c r="AB4" s="686"/>
      <c r="AC4" s="686"/>
      <c r="AD4" s="686"/>
      <c r="AE4" s="686"/>
      <c r="AF4" s="686"/>
      <c r="AG4" s="686"/>
      <c r="AH4" s="686"/>
      <c r="AI4" s="686"/>
      <c r="AJ4" s="686"/>
      <c r="AK4" s="686"/>
      <c r="AL4" s="686"/>
      <c r="AM4" s="686"/>
      <c r="AN4" s="686"/>
      <c r="AO4" s="686"/>
      <c r="AP4" s="686"/>
      <c r="AQ4" s="686"/>
      <c r="AR4" s="686"/>
      <c r="AS4" s="686"/>
      <c r="AT4" s="686"/>
      <c r="AU4" s="686"/>
      <c r="AV4" s="686"/>
      <c r="AW4" s="686"/>
      <c r="AX4" s="686"/>
      <c r="AY4" s="686"/>
      <c r="AZ4" s="686"/>
      <c r="BA4" s="686"/>
      <c r="BB4" s="686"/>
      <c r="BC4" s="686"/>
      <c r="BD4" s="686"/>
      <c r="BE4" s="686"/>
      <c r="BF4" s="686"/>
      <c r="BG4" s="686"/>
      <c r="BH4" s="686"/>
      <c r="BI4" s="686"/>
      <c r="BJ4" s="686"/>
      <c r="BK4" s="686"/>
      <c r="BL4" s="686"/>
      <c r="BM4" s="686"/>
      <c r="BN4" s="686"/>
      <c r="BO4" s="686"/>
      <c r="BP4" s="686"/>
      <c r="BQ4" s="686"/>
      <c r="BR4" s="686"/>
      <c r="BS4" s="686"/>
      <c r="BT4" s="686"/>
      <c r="BU4" s="686"/>
      <c r="BV4" s="686"/>
      <c r="BW4" s="686"/>
      <c r="BX4" s="686"/>
      <c r="BY4" s="686"/>
      <c r="BZ4" s="686"/>
      <c r="CA4" s="686"/>
      <c r="CB4" s="686"/>
      <c r="CC4" s="686"/>
      <c r="CD4" s="686"/>
      <c r="CE4" s="686"/>
      <c r="CF4" s="686"/>
      <c r="CG4" s="686"/>
      <c r="CH4" s="686"/>
      <c r="CI4" s="686"/>
      <c r="CJ4" s="686"/>
      <c r="CK4" s="686"/>
      <c r="CL4" s="686"/>
      <c r="CM4" s="686"/>
      <c r="CN4" s="686"/>
      <c r="CO4" s="686"/>
      <c r="CP4" s="686"/>
      <c r="CQ4" s="686"/>
      <c r="CR4" s="686"/>
      <c r="CS4" s="686"/>
      <c r="CT4" s="686"/>
      <c r="CU4" s="686"/>
      <c r="CV4" s="686"/>
      <c r="CW4" s="686"/>
      <c r="CX4" s="686"/>
      <c r="CY4" s="686"/>
      <c r="CZ4" s="686"/>
      <c r="DA4" s="686"/>
      <c r="DB4" s="686"/>
      <c r="DC4" s="686"/>
      <c r="DD4" s="686"/>
      <c r="DE4" s="686"/>
      <c r="DF4" s="686"/>
      <c r="DG4" s="686"/>
      <c r="DH4" s="686"/>
      <c r="DI4" s="686"/>
      <c r="DJ4" s="686"/>
      <c r="DK4" s="686"/>
      <c r="DL4" s="686"/>
      <c r="DM4" s="686"/>
      <c r="DN4" s="686"/>
      <c r="DO4" s="686"/>
      <c r="DP4" s="686"/>
      <c r="DQ4" s="686"/>
      <c r="DR4" s="686"/>
      <c r="DS4" s="686"/>
      <c r="DT4" s="686"/>
      <c r="DU4" s="686"/>
      <c r="DV4" s="686"/>
      <c r="DW4" s="686"/>
      <c r="DX4" s="686"/>
      <c r="DY4" s="686"/>
      <c r="DZ4" s="686"/>
      <c r="EA4" s="686"/>
      <c r="EB4" s="686"/>
      <c r="EC4" s="686"/>
      <c r="ED4" s="686"/>
      <c r="EE4" s="686"/>
      <c r="EF4" s="686"/>
      <c r="EG4" s="686"/>
      <c r="EH4" s="686"/>
      <c r="EI4" s="686"/>
      <c r="EJ4" s="686"/>
      <c r="EK4" s="686"/>
      <c r="EL4" s="686"/>
      <c r="EM4" s="686"/>
      <c r="EN4" s="686"/>
      <c r="EO4" s="686"/>
      <c r="EP4" s="686"/>
      <c r="EQ4" s="686"/>
      <c r="ER4" s="686"/>
      <c r="ES4" s="686"/>
      <c r="ET4" s="686"/>
      <c r="EU4" s="686"/>
      <c r="EV4" s="686"/>
      <c r="EW4" s="686"/>
      <c r="EX4" s="686"/>
      <c r="EY4" s="686"/>
      <c r="EZ4" s="686"/>
      <c r="FA4" s="686"/>
      <c r="FB4" s="686"/>
      <c r="FC4" s="686"/>
      <c r="FD4" s="686"/>
      <c r="FE4" s="686"/>
      <c r="FF4" s="686"/>
      <c r="FG4" s="686"/>
      <c r="FH4" s="686"/>
      <c r="FI4" s="686"/>
      <c r="FJ4" s="686"/>
      <c r="FK4" s="686"/>
      <c r="FL4" s="686"/>
      <c r="FM4" s="686"/>
      <c r="FN4" s="686"/>
      <c r="FO4" s="686"/>
      <c r="FP4" s="686"/>
      <c r="FQ4" s="686"/>
      <c r="FR4" s="686"/>
      <c r="FS4" s="686"/>
      <c r="FT4" s="686"/>
      <c r="FU4" s="686"/>
      <c r="FV4" s="686"/>
      <c r="FW4" s="686"/>
      <c r="FX4" s="686"/>
      <c r="FY4" s="686"/>
      <c r="FZ4" s="686"/>
      <c r="GA4" s="686"/>
      <c r="GB4" s="686"/>
      <c r="GC4" s="686"/>
      <c r="GD4" s="686"/>
      <c r="GE4" s="686"/>
      <c r="GF4" s="686"/>
      <c r="GG4" s="686"/>
      <c r="GH4" s="686"/>
      <c r="GI4" s="686"/>
      <c r="GJ4" s="686"/>
      <c r="GK4" s="686"/>
      <c r="GL4" s="686"/>
      <c r="GM4" s="686"/>
      <c r="GN4" s="686"/>
      <c r="GO4" s="686"/>
      <c r="GP4" s="686"/>
      <c r="GQ4" s="686"/>
      <c r="GR4" s="686"/>
      <c r="GS4" s="686"/>
      <c r="GT4" s="686"/>
      <c r="GU4" s="686"/>
      <c r="GV4" s="686"/>
      <c r="GW4" s="686"/>
      <c r="GX4" s="686"/>
      <c r="GY4" s="686"/>
      <c r="GZ4" s="686"/>
      <c r="HA4" s="686"/>
      <c r="HB4" s="686"/>
      <c r="HC4" s="686"/>
      <c r="HD4" s="686"/>
      <c r="HE4" s="686"/>
      <c r="HF4" s="686"/>
      <c r="HG4" s="686"/>
      <c r="HH4" s="686"/>
      <c r="HI4" s="686"/>
      <c r="HJ4" s="686"/>
      <c r="HK4" s="686"/>
      <c r="HL4" s="686"/>
      <c r="HM4" s="686"/>
      <c r="HN4" s="686"/>
      <c r="HO4" s="686"/>
      <c r="HP4" s="686"/>
      <c r="HQ4" s="686"/>
      <c r="HR4" s="686"/>
      <c r="HS4" s="686"/>
      <c r="HT4" s="686"/>
      <c r="HU4" s="686"/>
      <c r="HV4" s="686"/>
      <c r="HW4" s="686"/>
      <c r="HX4" s="686"/>
      <c r="HY4" s="687"/>
      <c r="HZ4" s="640" t="s">
        <v>85</v>
      </c>
      <c r="IA4" s="641"/>
      <c r="IB4" s="641"/>
      <c r="IC4" s="641"/>
      <c r="ID4" s="641"/>
      <c r="IE4" s="641"/>
      <c r="IF4" s="641"/>
      <c r="IG4" s="641"/>
      <c r="IH4" s="641"/>
      <c r="II4" s="641"/>
      <c r="IJ4" s="641"/>
      <c r="IK4" s="641"/>
      <c r="IL4" s="641"/>
      <c r="IM4" s="641"/>
      <c r="IN4" s="641"/>
      <c r="IO4" s="641"/>
      <c r="IP4" s="641"/>
      <c r="IQ4" s="641"/>
      <c r="IR4" s="641"/>
      <c r="IS4" s="641"/>
      <c r="IT4" s="641"/>
      <c r="IU4" s="641"/>
      <c r="IV4" s="641"/>
      <c r="IW4" s="641"/>
      <c r="IX4" s="641"/>
      <c r="IY4" s="641"/>
      <c r="IZ4" s="641"/>
      <c r="JA4" s="641"/>
      <c r="JB4" s="641"/>
      <c r="JC4" s="641"/>
      <c r="JD4" s="641"/>
      <c r="JE4" s="641"/>
      <c r="JF4" s="641"/>
      <c r="JG4" s="641"/>
      <c r="JH4" s="641"/>
      <c r="JI4" s="641"/>
      <c r="JJ4" s="641"/>
      <c r="JK4" s="641"/>
      <c r="JL4" s="641"/>
      <c r="JM4" s="641"/>
      <c r="JN4" s="641"/>
      <c r="JO4" s="641"/>
      <c r="JP4" s="641"/>
      <c r="JQ4" s="641"/>
      <c r="JR4" s="641"/>
      <c r="JS4" s="641"/>
      <c r="JT4" s="641"/>
      <c r="JU4" s="641"/>
      <c r="JV4" s="641"/>
      <c r="JW4" s="641"/>
      <c r="JX4" s="641"/>
      <c r="JY4" s="641"/>
      <c r="JZ4" s="641"/>
      <c r="KA4" s="641"/>
      <c r="KB4" s="641"/>
      <c r="KC4" s="641"/>
      <c r="KD4" s="641"/>
      <c r="KE4" s="641"/>
      <c r="KF4" s="641"/>
      <c r="KG4" s="641"/>
      <c r="KH4" s="641"/>
      <c r="KI4" s="641"/>
      <c r="KJ4" s="641"/>
      <c r="KK4" s="641"/>
      <c r="KL4" s="641"/>
      <c r="KM4" s="641"/>
      <c r="KN4" s="641"/>
      <c r="KO4" s="641"/>
      <c r="KP4" s="641"/>
      <c r="KQ4" s="641"/>
      <c r="KR4" s="641"/>
      <c r="KS4" s="641"/>
      <c r="KT4" s="641"/>
      <c r="KU4" s="641"/>
      <c r="KV4" s="641"/>
      <c r="KW4" s="641"/>
      <c r="KX4" s="641"/>
      <c r="KY4" s="641"/>
      <c r="KZ4" s="641"/>
      <c r="LA4" s="641"/>
      <c r="LB4" s="641"/>
      <c r="LC4" s="641"/>
      <c r="LD4" s="641"/>
      <c r="LE4" s="641"/>
      <c r="LF4" s="641"/>
      <c r="LG4" s="641"/>
      <c r="LH4" s="641"/>
      <c r="LI4" s="641"/>
      <c r="LJ4" s="641"/>
      <c r="LK4" s="641"/>
      <c r="LL4" s="641"/>
      <c r="LM4" s="641"/>
      <c r="LN4" s="641"/>
      <c r="LO4" s="641"/>
      <c r="LP4" s="641"/>
      <c r="LQ4" s="641"/>
      <c r="LR4" s="641"/>
      <c r="LS4" s="641"/>
      <c r="LT4" s="641"/>
      <c r="LU4" s="641"/>
      <c r="LV4" s="641"/>
      <c r="LW4" s="641"/>
      <c r="LX4" s="641"/>
      <c r="LY4" s="641"/>
      <c r="LZ4" s="641"/>
      <c r="MA4" s="641"/>
      <c r="MB4" s="641"/>
      <c r="MC4" s="641"/>
      <c r="MD4" s="641"/>
      <c r="ME4" s="642"/>
      <c r="MF4" s="640" t="s">
        <v>86</v>
      </c>
      <c r="MG4" s="641"/>
      <c r="MH4" s="641"/>
      <c r="MI4" s="641"/>
      <c r="MJ4" s="641"/>
      <c r="MK4" s="641"/>
      <c r="ML4" s="641"/>
      <c r="MM4" s="641"/>
      <c r="MN4" s="641"/>
      <c r="MO4" s="641"/>
      <c r="MP4" s="641"/>
      <c r="MQ4" s="641"/>
      <c r="MR4" s="641"/>
      <c r="MS4" s="641"/>
      <c r="MT4" s="641"/>
      <c r="MU4" s="641"/>
      <c r="MV4" s="641"/>
      <c r="MW4" s="641"/>
      <c r="MX4" s="641"/>
      <c r="MY4" s="641"/>
      <c r="MZ4" s="641"/>
      <c r="NA4" s="641"/>
      <c r="NB4" s="641"/>
      <c r="NC4" s="641"/>
      <c r="ND4" s="641"/>
      <c r="NE4" s="641"/>
      <c r="NF4" s="641"/>
      <c r="NG4" s="641"/>
      <c r="NH4" s="641"/>
      <c r="NI4" s="641"/>
      <c r="NJ4" s="641"/>
      <c r="NK4" s="641"/>
      <c r="NL4" s="641"/>
      <c r="NM4" s="641"/>
      <c r="NN4" s="641"/>
      <c r="NO4" s="641"/>
      <c r="NP4" s="641"/>
      <c r="NQ4" s="641"/>
      <c r="NR4" s="641"/>
      <c r="NS4" s="641"/>
      <c r="NT4" s="641"/>
      <c r="NU4" s="641"/>
      <c r="NV4" s="641"/>
      <c r="NW4" s="641"/>
      <c r="NX4" s="641"/>
      <c r="NY4" s="641"/>
      <c r="NZ4" s="641"/>
      <c r="OA4" s="641"/>
      <c r="OB4" s="641"/>
      <c r="OC4" s="641"/>
      <c r="OD4" s="641"/>
      <c r="OE4" s="641"/>
      <c r="OF4" s="641"/>
      <c r="OG4" s="641"/>
      <c r="OH4" s="642"/>
      <c r="OI4" s="595" t="s">
        <v>60</v>
      </c>
      <c r="OJ4" s="505"/>
      <c r="OK4" s="505"/>
      <c r="OL4" s="505"/>
      <c r="OM4" s="505"/>
      <c r="ON4" s="505"/>
      <c r="OO4" s="505"/>
      <c r="OP4" s="505"/>
      <c r="OQ4" s="505"/>
      <c r="OR4" s="505"/>
      <c r="OS4" s="506"/>
    </row>
    <row r="5" spans="1:409" ht="21" customHeight="1" thickBot="1" x14ac:dyDescent="0.25">
      <c r="B5" s="681"/>
      <c r="C5" s="684"/>
      <c r="D5" s="684"/>
      <c r="E5" s="684"/>
      <c r="F5" s="684"/>
      <c r="G5" s="684"/>
      <c r="H5" s="684"/>
      <c r="I5" s="684"/>
      <c r="J5" s="684"/>
      <c r="K5" s="684"/>
      <c r="L5" s="684"/>
      <c r="M5" s="684"/>
      <c r="N5" s="688" t="s">
        <v>64</v>
      </c>
      <c r="O5" s="689"/>
      <c r="P5" s="689"/>
      <c r="Q5" s="689"/>
      <c r="R5" s="689"/>
      <c r="S5" s="689"/>
      <c r="T5" s="689"/>
      <c r="U5" s="689"/>
      <c r="V5" s="689"/>
      <c r="W5" s="689"/>
      <c r="X5" s="689"/>
      <c r="Y5" s="689"/>
      <c r="Z5" s="689"/>
      <c r="AA5" s="689"/>
      <c r="AB5" s="689"/>
      <c r="AC5" s="689"/>
      <c r="AD5" s="689"/>
      <c r="AE5" s="689"/>
      <c r="AF5" s="689"/>
      <c r="AG5" s="689"/>
      <c r="AH5" s="689"/>
      <c r="AI5" s="689"/>
      <c r="AJ5" s="689"/>
      <c r="AK5" s="689"/>
      <c r="AL5" s="689"/>
      <c r="AM5" s="689"/>
      <c r="AN5" s="689"/>
      <c r="AO5" s="689"/>
      <c r="AP5" s="689"/>
      <c r="AQ5" s="689"/>
      <c r="AR5" s="689"/>
      <c r="AS5" s="689"/>
      <c r="AT5" s="689"/>
      <c r="AU5" s="689"/>
      <c r="AV5" s="689"/>
      <c r="AW5" s="689"/>
      <c r="AX5" s="689"/>
      <c r="AY5" s="689"/>
      <c r="AZ5" s="689"/>
      <c r="BA5" s="689"/>
      <c r="BB5" s="689"/>
      <c r="BC5" s="689"/>
      <c r="BD5" s="689"/>
      <c r="BE5" s="689"/>
      <c r="BF5" s="689"/>
      <c r="BG5" s="689"/>
      <c r="BH5" s="689"/>
      <c r="BI5" s="689"/>
      <c r="BJ5" s="689"/>
      <c r="BK5" s="689"/>
      <c r="BL5" s="689"/>
      <c r="BM5" s="689"/>
      <c r="BN5" s="689"/>
      <c r="BO5" s="689"/>
      <c r="BP5" s="689"/>
      <c r="BQ5" s="689"/>
      <c r="BR5" s="689"/>
      <c r="BS5" s="689"/>
      <c r="BT5" s="689"/>
      <c r="BU5" s="689"/>
      <c r="BV5" s="689"/>
      <c r="BW5" s="689"/>
      <c r="BX5" s="689"/>
      <c r="BY5" s="689"/>
      <c r="BZ5" s="689"/>
      <c r="CA5" s="690"/>
      <c r="CB5" s="688" t="s">
        <v>65</v>
      </c>
      <c r="CC5" s="689"/>
      <c r="CD5" s="689"/>
      <c r="CE5" s="689"/>
      <c r="CF5" s="689"/>
      <c r="CG5" s="689"/>
      <c r="CH5" s="689"/>
      <c r="CI5" s="689"/>
      <c r="CJ5" s="689"/>
      <c r="CK5" s="689"/>
      <c r="CL5" s="689"/>
      <c r="CM5" s="689"/>
      <c r="CN5" s="689"/>
      <c r="CO5" s="689"/>
      <c r="CP5" s="689"/>
      <c r="CQ5" s="689"/>
      <c r="CR5" s="689"/>
      <c r="CS5" s="689"/>
      <c r="CT5" s="689"/>
      <c r="CU5" s="689"/>
      <c r="CV5" s="689"/>
      <c r="CW5" s="689"/>
      <c r="CX5" s="689"/>
      <c r="CY5" s="689"/>
      <c r="CZ5" s="689"/>
      <c r="DA5" s="689"/>
      <c r="DB5" s="689"/>
      <c r="DC5" s="689"/>
      <c r="DD5" s="689"/>
      <c r="DE5" s="689"/>
      <c r="DF5" s="689"/>
      <c r="DG5" s="689"/>
      <c r="DH5" s="690"/>
      <c r="DI5" s="509" t="s">
        <v>66</v>
      </c>
      <c r="DJ5" s="510"/>
      <c r="DK5" s="510"/>
      <c r="DL5" s="510"/>
      <c r="DM5" s="510"/>
      <c r="DN5" s="510"/>
      <c r="DO5" s="510"/>
      <c r="DP5" s="510"/>
      <c r="DQ5" s="510"/>
      <c r="DR5" s="510"/>
      <c r="DS5" s="510"/>
      <c r="DT5" s="510"/>
      <c r="DU5" s="510"/>
      <c r="DV5" s="510"/>
      <c r="DW5" s="510"/>
      <c r="DX5" s="510"/>
      <c r="DY5" s="510"/>
      <c r="DZ5" s="510"/>
      <c r="EA5" s="510"/>
      <c r="EB5" s="510"/>
      <c r="EC5" s="510"/>
      <c r="ED5" s="510"/>
      <c r="EE5" s="510"/>
      <c r="EF5" s="510"/>
      <c r="EG5" s="510"/>
      <c r="EH5" s="510"/>
      <c r="EI5" s="510"/>
      <c r="EJ5" s="510"/>
      <c r="EK5" s="510"/>
      <c r="EL5" s="510"/>
      <c r="EM5" s="510"/>
      <c r="EN5" s="510"/>
      <c r="EO5" s="510"/>
      <c r="EP5" s="510"/>
      <c r="EQ5" s="510"/>
      <c r="ER5" s="510"/>
      <c r="ES5" s="510"/>
      <c r="ET5" s="510"/>
      <c r="EU5" s="510"/>
      <c r="EV5" s="510"/>
      <c r="EW5" s="510"/>
      <c r="EX5" s="510"/>
      <c r="EY5" s="510"/>
      <c r="EZ5" s="510"/>
      <c r="FA5" s="510"/>
      <c r="FB5" s="510"/>
      <c r="FC5" s="510"/>
      <c r="FD5" s="510"/>
      <c r="FE5" s="510"/>
      <c r="FF5" s="510"/>
      <c r="FG5" s="510"/>
      <c r="FH5" s="510"/>
      <c r="FI5" s="510"/>
      <c r="FJ5" s="510"/>
      <c r="FK5" s="511"/>
      <c r="FL5" s="688" t="s">
        <v>67</v>
      </c>
      <c r="FM5" s="689"/>
      <c r="FN5" s="689"/>
      <c r="FO5" s="689"/>
      <c r="FP5" s="689"/>
      <c r="FQ5" s="689"/>
      <c r="FR5" s="689"/>
      <c r="FS5" s="689"/>
      <c r="FT5" s="689"/>
      <c r="FU5" s="689"/>
      <c r="FV5" s="689"/>
      <c r="FW5" s="689"/>
      <c r="FX5" s="689"/>
      <c r="FY5" s="689"/>
      <c r="FZ5" s="689"/>
      <c r="GA5" s="689"/>
      <c r="GB5" s="689"/>
      <c r="GC5" s="689"/>
      <c r="GD5" s="689"/>
      <c r="GE5" s="689"/>
      <c r="GF5" s="689"/>
      <c r="GG5" s="689"/>
      <c r="GH5" s="689"/>
      <c r="GI5" s="689"/>
      <c r="GJ5" s="689"/>
      <c r="GK5" s="689"/>
      <c r="GL5" s="689"/>
      <c r="GM5" s="689"/>
      <c r="GN5" s="689"/>
      <c r="GO5" s="689"/>
      <c r="GP5" s="689"/>
      <c r="GQ5" s="689"/>
      <c r="GR5" s="689"/>
      <c r="GS5" s="689"/>
      <c r="GT5" s="689"/>
      <c r="GU5" s="689"/>
      <c r="GV5" s="689"/>
      <c r="GW5" s="689"/>
      <c r="GX5" s="689"/>
      <c r="GY5" s="689"/>
      <c r="GZ5" s="689"/>
      <c r="HA5" s="689"/>
      <c r="HB5" s="689"/>
      <c r="HC5" s="690"/>
      <c r="HD5" s="691" t="s">
        <v>68</v>
      </c>
      <c r="HE5" s="692"/>
      <c r="HF5" s="692"/>
      <c r="HG5" s="692"/>
      <c r="HH5" s="692"/>
      <c r="HI5" s="692"/>
      <c r="HJ5" s="692"/>
      <c r="HK5" s="692"/>
      <c r="HL5" s="692"/>
      <c r="HM5" s="692"/>
      <c r="HN5" s="693"/>
      <c r="HO5" s="691" t="s">
        <v>69</v>
      </c>
      <c r="HP5" s="692"/>
      <c r="HQ5" s="692"/>
      <c r="HR5" s="692"/>
      <c r="HS5" s="692"/>
      <c r="HT5" s="692"/>
      <c r="HU5" s="692"/>
      <c r="HV5" s="692"/>
      <c r="HW5" s="692"/>
      <c r="HX5" s="692"/>
      <c r="HY5" s="693"/>
      <c r="HZ5" s="619"/>
      <c r="IA5" s="620"/>
      <c r="IB5" s="620"/>
      <c r="IC5" s="620"/>
      <c r="ID5" s="620"/>
      <c r="IE5" s="620"/>
      <c r="IF5" s="620"/>
      <c r="IG5" s="620"/>
      <c r="IH5" s="620"/>
      <c r="II5" s="620"/>
      <c r="IJ5" s="621"/>
      <c r="IK5" s="595" t="s">
        <v>94</v>
      </c>
      <c r="IL5" s="505"/>
      <c r="IM5" s="505"/>
      <c r="IN5" s="505"/>
      <c r="IO5" s="505"/>
      <c r="IP5" s="505"/>
      <c r="IQ5" s="505"/>
      <c r="IR5" s="505"/>
      <c r="IS5" s="505"/>
      <c r="IT5" s="505"/>
      <c r="IU5" s="506"/>
      <c r="IV5" s="595" t="s">
        <v>88</v>
      </c>
      <c r="IW5" s="505"/>
      <c r="IX5" s="505"/>
      <c r="IY5" s="505"/>
      <c r="IZ5" s="505"/>
      <c r="JA5" s="505"/>
      <c r="JB5" s="505"/>
      <c r="JC5" s="505"/>
      <c r="JD5" s="505"/>
      <c r="JE5" s="505"/>
      <c r="JF5" s="506"/>
      <c r="JG5" s="625" t="s">
        <v>144</v>
      </c>
      <c r="JH5" s="626"/>
      <c r="JI5" s="626"/>
      <c r="JJ5" s="626"/>
      <c r="JK5" s="626"/>
      <c r="JL5" s="626"/>
      <c r="JM5" s="626"/>
      <c r="JN5" s="626"/>
      <c r="JO5" s="626"/>
      <c r="JP5" s="626"/>
      <c r="JQ5" s="627"/>
      <c r="JR5" s="595" t="s">
        <v>90</v>
      </c>
      <c r="JS5" s="505"/>
      <c r="JT5" s="505"/>
      <c r="JU5" s="505"/>
      <c r="JV5" s="505"/>
      <c r="JW5" s="505"/>
      <c r="JX5" s="505"/>
      <c r="JY5" s="505"/>
      <c r="JZ5" s="505"/>
      <c r="KA5" s="505"/>
      <c r="KB5" s="506"/>
      <c r="KC5" s="595" t="s">
        <v>89</v>
      </c>
      <c r="KD5" s="505"/>
      <c r="KE5" s="505"/>
      <c r="KF5" s="505"/>
      <c r="KG5" s="505"/>
      <c r="KH5" s="505"/>
      <c r="KI5" s="505"/>
      <c r="KJ5" s="505"/>
      <c r="KK5" s="505"/>
      <c r="KL5" s="505"/>
      <c r="KM5" s="506"/>
      <c r="KN5" s="595" t="s">
        <v>91</v>
      </c>
      <c r="KO5" s="505"/>
      <c r="KP5" s="505"/>
      <c r="KQ5" s="505"/>
      <c r="KR5" s="505"/>
      <c r="KS5" s="505"/>
      <c r="KT5" s="505"/>
      <c r="KU5" s="505"/>
      <c r="KV5" s="505"/>
      <c r="KW5" s="505"/>
      <c r="KX5" s="506"/>
      <c r="KY5" s="595" t="s">
        <v>92</v>
      </c>
      <c r="KZ5" s="505"/>
      <c r="LA5" s="505"/>
      <c r="LB5" s="505"/>
      <c r="LC5" s="505"/>
      <c r="LD5" s="505"/>
      <c r="LE5" s="505"/>
      <c r="LF5" s="505"/>
      <c r="LG5" s="505"/>
      <c r="LH5" s="505"/>
      <c r="LI5" s="506"/>
      <c r="LJ5" s="631" t="s">
        <v>93</v>
      </c>
      <c r="LK5" s="632"/>
      <c r="LL5" s="632"/>
      <c r="LM5" s="632"/>
      <c r="LN5" s="632"/>
      <c r="LO5" s="632"/>
      <c r="LP5" s="632"/>
      <c r="LQ5" s="632"/>
      <c r="LR5" s="632"/>
      <c r="LS5" s="632"/>
      <c r="LT5" s="633"/>
      <c r="LU5" s="634" t="s">
        <v>145</v>
      </c>
      <c r="LV5" s="635"/>
      <c r="LW5" s="635"/>
      <c r="LX5" s="635"/>
      <c r="LY5" s="635"/>
      <c r="LZ5" s="635"/>
      <c r="MA5" s="635"/>
      <c r="MB5" s="635"/>
      <c r="MC5" s="635"/>
      <c r="MD5" s="635"/>
      <c r="ME5" s="636"/>
      <c r="MF5" s="619"/>
      <c r="MG5" s="620"/>
      <c r="MH5" s="620"/>
      <c r="MI5" s="620"/>
      <c r="MJ5" s="620"/>
      <c r="MK5" s="620"/>
      <c r="ML5" s="620"/>
      <c r="MM5" s="620"/>
      <c r="MN5" s="620"/>
      <c r="MO5" s="620"/>
      <c r="MP5" s="621"/>
      <c r="MQ5" s="595" t="s">
        <v>57</v>
      </c>
      <c r="MR5" s="505"/>
      <c r="MS5" s="505"/>
      <c r="MT5" s="505"/>
      <c r="MU5" s="505"/>
      <c r="MV5" s="505"/>
      <c r="MW5" s="505"/>
      <c r="MX5" s="505"/>
      <c r="MY5" s="505"/>
      <c r="MZ5" s="505"/>
      <c r="NA5" s="506"/>
      <c r="NB5" s="595" t="s">
        <v>58</v>
      </c>
      <c r="NC5" s="505"/>
      <c r="ND5" s="505"/>
      <c r="NE5" s="505"/>
      <c r="NF5" s="505"/>
      <c r="NG5" s="505"/>
      <c r="NH5" s="505"/>
      <c r="NI5" s="505"/>
      <c r="NJ5" s="505"/>
      <c r="NK5" s="505"/>
      <c r="NL5" s="506"/>
      <c r="NM5" s="595" t="s">
        <v>59</v>
      </c>
      <c r="NN5" s="505"/>
      <c r="NO5" s="505"/>
      <c r="NP5" s="505"/>
      <c r="NQ5" s="505"/>
      <c r="NR5" s="505"/>
      <c r="NS5" s="505"/>
      <c r="NT5" s="505"/>
      <c r="NU5" s="505"/>
      <c r="NV5" s="505"/>
      <c r="NW5" s="506"/>
      <c r="NX5" s="644" t="s">
        <v>151</v>
      </c>
      <c r="NY5" s="645"/>
      <c r="NZ5" s="645"/>
      <c r="OA5" s="645"/>
      <c r="OB5" s="645"/>
      <c r="OC5" s="645"/>
      <c r="OD5" s="645"/>
      <c r="OE5" s="645"/>
      <c r="OF5" s="645"/>
      <c r="OG5" s="645"/>
      <c r="OH5" s="646"/>
      <c r="OI5" s="616"/>
      <c r="OJ5" s="617"/>
      <c r="OK5" s="617"/>
      <c r="OL5" s="617"/>
      <c r="OM5" s="617"/>
      <c r="ON5" s="617"/>
      <c r="OO5" s="617"/>
      <c r="OP5" s="617"/>
      <c r="OQ5" s="617"/>
      <c r="OR5" s="617"/>
      <c r="OS5" s="618"/>
    </row>
    <row r="6" spans="1:409" ht="21" customHeight="1" thickBot="1" x14ac:dyDescent="0.25">
      <c r="B6" s="681"/>
      <c r="C6" s="685"/>
      <c r="D6" s="685"/>
      <c r="E6" s="685"/>
      <c r="F6" s="685"/>
      <c r="G6" s="685"/>
      <c r="H6" s="685"/>
      <c r="I6" s="685"/>
      <c r="J6" s="685"/>
      <c r="K6" s="685"/>
      <c r="L6" s="685"/>
      <c r="M6" s="685"/>
      <c r="N6" s="518"/>
      <c r="O6" s="519"/>
      <c r="P6" s="519"/>
      <c r="Q6" s="519"/>
      <c r="R6" s="519"/>
      <c r="S6" s="519"/>
      <c r="T6" s="519"/>
      <c r="U6" s="519"/>
      <c r="V6" s="519"/>
      <c r="W6" s="519"/>
      <c r="X6" s="520"/>
      <c r="Y6" s="700" t="s">
        <v>70</v>
      </c>
      <c r="Z6" s="522"/>
      <c r="AA6" s="522"/>
      <c r="AB6" s="522"/>
      <c r="AC6" s="522"/>
      <c r="AD6" s="522"/>
      <c r="AE6" s="522"/>
      <c r="AF6" s="522"/>
      <c r="AG6" s="522"/>
      <c r="AH6" s="522"/>
      <c r="AI6" s="523"/>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1"/>
      <c r="CC6" s="702"/>
      <c r="CD6" s="702"/>
      <c r="CE6" s="702"/>
      <c r="CF6" s="702"/>
      <c r="CG6" s="702"/>
      <c r="CH6" s="702"/>
      <c r="CI6" s="702"/>
      <c r="CJ6" s="702"/>
      <c r="CK6" s="702"/>
      <c r="CL6" s="703"/>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1"/>
      <c r="DJ6" s="702"/>
      <c r="DK6" s="702"/>
      <c r="DL6" s="702"/>
      <c r="DM6" s="702"/>
      <c r="DN6" s="702"/>
      <c r="DO6" s="702"/>
      <c r="DP6" s="702"/>
      <c r="DQ6" s="702"/>
      <c r="DR6" s="702"/>
      <c r="DS6" s="702"/>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78" t="s">
        <v>152</v>
      </c>
      <c r="FB6" s="698"/>
      <c r="FC6" s="698"/>
      <c r="FD6" s="698"/>
      <c r="FE6" s="698"/>
      <c r="FF6" s="698"/>
      <c r="FG6" s="698"/>
      <c r="FH6" s="698"/>
      <c r="FI6" s="698"/>
      <c r="FJ6" s="698"/>
      <c r="FK6" s="699"/>
      <c r="FL6" s="701"/>
      <c r="FM6" s="702"/>
      <c r="FN6" s="702"/>
      <c r="FO6" s="702"/>
      <c r="FP6" s="702"/>
      <c r="FQ6" s="702"/>
      <c r="FR6" s="702"/>
      <c r="FS6" s="702"/>
      <c r="FT6" s="702"/>
      <c r="FU6" s="702"/>
      <c r="FV6" s="702"/>
      <c r="FW6" s="697" t="s">
        <v>80</v>
      </c>
      <c r="FX6" s="698"/>
      <c r="FY6" s="698"/>
      <c r="FZ6" s="698"/>
      <c r="GA6" s="698"/>
      <c r="GB6" s="698"/>
      <c r="GC6" s="698"/>
      <c r="GD6" s="698"/>
      <c r="GE6" s="698"/>
      <c r="GF6" s="698"/>
      <c r="GG6" s="699"/>
      <c r="GH6" s="700" t="s">
        <v>81</v>
      </c>
      <c r="GI6" s="522"/>
      <c r="GJ6" s="522"/>
      <c r="GK6" s="522"/>
      <c r="GL6" s="522"/>
      <c r="GM6" s="522"/>
      <c r="GN6" s="522"/>
      <c r="GO6" s="522"/>
      <c r="GP6" s="522"/>
      <c r="GQ6" s="522"/>
      <c r="GR6" s="523"/>
      <c r="GS6" s="700" t="s">
        <v>82</v>
      </c>
      <c r="GT6" s="522"/>
      <c r="GU6" s="522"/>
      <c r="GV6" s="522"/>
      <c r="GW6" s="522"/>
      <c r="GX6" s="522"/>
      <c r="GY6" s="522"/>
      <c r="GZ6" s="522"/>
      <c r="HA6" s="522"/>
      <c r="HB6" s="522"/>
      <c r="HC6" s="523"/>
      <c r="HD6" s="694"/>
      <c r="HE6" s="695"/>
      <c r="HF6" s="695"/>
      <c r="HG6" s="695"/>
      <c r="HH6" s="695"/>
      <c r="HI6" s="695"/>
      <c r="HJ6" s="695"/>
      <c r="HK6" s="695"/>
      <c r="HL6" s="695"/>
      <c r="HM6" s="695"/>
      <c r="HN6" s="696"/>
      <c r="HO6" s="694"/>
      <c r="HP6" s="695"/>
      <c r="HQ6" s="695"/>
      <c r="HR6" s="695"/>
      <c r="HS6" s="695"/>
      <c r="HT6" s="695"/>
      <c r="HU6" s="695"/>
      <c r="HV6" s="695"/>
      <c r="HW6" s="695"/>
      <c r="HX6" s="695"/>
      <c r="HY6" s="696"/>
      <c r="HZ6" s="622"/>
      <c r="IA6" s="623"/>
      <c r="IB6" s="623"/>
      <c r="IC6" s="623"/>
      <c r="ID6" s="623"/>
      <c r="IE6" s="623"/>
      <c r="IF6" s="623"/>
      <c r="IG6" s="623"/>
      <c r="IH6" s="623"/>
      <c r="II6" s="623"/>
      <c r="IJ6" s="624"/>
      <c r="IK6" s="596"/>
      <c r="IL6" s="587"/>
      <c r="IM6" s="587"/>
      <c r="IN6" s="587"/>
      <c r="IO6" s="587"/>
      <c r="IP6" s="587"/>
      <c r="IQ6" s="587"/>
      <c r="IR6" s="587"/>
      <c r="IS6" s="587"/>
      <c r="IT6" s="587"/>
      <c r="IU6" s="597"/>
      <c r="IV6" s="596"/>
      <c r="IW6" s="587"/>
      <c r="IX6" s="587"/>
      <c r="IY6" s="587"/>
      <c r="IZ6" s="587"/>
      <c r="JA6" s="587"/>
      <c r="JB6" s="587"/>
      <c r="JC6" s="587"/>
      <c r="JD6" s="587"/>
      <c r="JE6" s="587"/>
      <c r="JF6" s="597"/>
      <c r="JG6" s="628"/>
      <c r="JH6" s="629"/>
      <c r="JI6" s="629"/>
      <c r="JJ6" s="629"/>
      <c r="JK6" s="629"/>
      <c r="JL6" s="629"/>
      <c r="JM6" s="629"/>
      <c r="JN6" s="629"/>
      <c r="JO6" s="629"/>
      <c r="JP6" s="629"/>
      <c r="JQ6" s="630"/>
      <c r="JR6" s="596"/>
      <c r="JS6" s="587"/>
      <c r="JT6" s="587"/>
      <c r="JU6" s="587"/>
      <c r="JV6" s="587"/>
      <c r="JW6" s="587"/>
      <c r="JX6" s="587"/>
      <c r="JY6" s="587"/>
      <c r="JZ6" s="587"/>
      <c r="KA6" s="587"/>
      <c r="KB6" s="597"/>
      <c r="KC6" s="596"/>
      <c r="KD6" s="587"/>
      <c r="KE6" s="587"/>
      <c r="KF6" s="587"/>
      <c r="KG6" s="587"/>
      <c r="KH6" s="587"/>
      <c r="KI6" s="587"/>
      <c r="KJ6" s="587"/>
      <c r="KK6" s="587"/>
      <c r="KL6" s="587"/>
      <c r="KM6" s="597"/>
      <c r="KN6" s="596"/>
      <c r="KO6" s="587"/>
      <c r="KP6" s="587"/>
      <c r="KQ6" s="587"/>
      <c r="KR6" s="587"/>
      <c r="KS6" s="587"/>
      <c r="KT6" s="587"/>
      <c r="KU6" s="587"/>
      <c r="KV6" s="587"/>
      <c r="KW6" s="587"/>
      <c r="KX6" s="597"/>
      <c r="KY6" s="596"/>
      <c r="KZ6" s="587"/>
      <c r="LA6" s="587"/>
      <c r="LB6" s="587"/>
      <c r="LC6" s="587"/>
      <c r="LD6" s="587"/>
      <c r="LE6" s="587"/>
      <c r="LF6" s="587"/>
      <c r="LG6" s="587"/>
      <c r="LH6" s="587"/>
      <c r="LI6" s="597"/>
      <c r="LJ6" s="622"/>
      <c r="LK6" s="623"/>
      <c r="LL6" s="623"/>
      <c r="LM6" s="623"/>
      <c r="LN6" s="623"/>
      <c r="LO6" s="623"/>
      <c r="LP6" s="623"/>
      <c r="LQ6" s="623"/>
      <c r="LR6" s="623"/>
      <c r="LS6" s="623"/>
      <c r="LT6" s="624"/>
      <c r="LU6" s="637"/>
      <c r="LV6" s="638"/>
      <c r="LW6" s="638"/>
      <c r="LX6" s="638"/>
      <c r="LY6" s="638"/>
      <c r="LZ6" s="638"/>
      <c r="MA6" s="638"/>
      <c r="MB6" s="638"/>
      <c r="MC6" s="638"/>
      <c r="MD6" s="638"/>
      <c r="ME6" s="639"/>
      <c r="MF6" s="622"/>
      <c r="MG6" s="623"/>
      <c r="MH6" s="623"/>
      <c r="MI6" s="623"/>
      <c r="MJ6" s="623"/>
      <c r="MK6" s="623"/>
      <c r="ML6" s="623"/>
      <c r="MM6" s="623"/>
      <c r="MN6" s="623"/>
      <c r="MO6" s="623"/>
      <c r="MP6" s="624"/>
      <c r="MQ6" s="596"/>
      <c r="MR6" s="587"/>
      <c r="MS6" s="587"/>
      <c r="MT6" s="587"/>
      <c r="MU6" s="587"/>
      <c r="MV6" s="587"/>
      <c r="MW6" s="587"/>
      <c r="MX6" s="587"/>
      <c r="MY6" s="587"/>
      <c r="MZ6" s="587"/>
      <c r="NA6" s="597"/>
      <c r="NB6" s="596"/>
      <c r="NC6" s="587"/>
      <c r="ND6" s="587"/>
      <c r="NE6" s="587"/>
      <c r="NF6" s="587"/>
      <c r="NG6" s="587"/>
      <c r="NH6" s="587"/>
      <c r="NI6" s="587"/>
      <c r="NJ6" s="587"/>
      <c r="NK6" s="587"/>
      <c r="NL6" s="597"/>
      <c r="NM6" s="596"/>
      <c r="NN6" s="587"/>
      <c r="NO6" s="587"/>
      <c r="NP6" s="587"/>
      <c r="NQ6" s="587"/>
      <c r="NR6" s="587"/>
      <c r="NS6" s="587"/>
      <c r="NT6" s="587"/>
      <c r="NU6" s="587"/>
      <c r="NV6" s="587"/>
      <c r="NW6" s="597"/>
      <c r="NX6" s="647"/>
      <c r="NY6" s="648"/>
      <c r="NZ6" s="648"/>
      <c r="OA6" s="648"/>
      <c r="OB6" s="648"/>
      <c r="OC6" s="648"/>
      <c r="OD6" s="648"/>
      <c r="OE6" s="648"/>
      <c r="OF6" s="648"/>
      <c r="OG6" s="648"/>
      <c r="OH6" s="649"/>
      <c r="OI6" s="596"/>
      <c r="OJ6" s="587"/>
      <c r="OK6" s="587"/>
      <c r="OL6" s="587"/>
      <c r="OM6" s="587"/>
      <c r="ON6" s="587"/>
      <c r="OO6" s="587"/>
      <c r="OP6" s="587"/>
      <c r="OQ6" s="587"/>
      <c r="OR6" s="587"/>
      <c r="OS6" s="597"/>
    </row>
    <row r="7" spans="1:409" ht="21" customHeight="1" x14ac:dyDescent="0.2">
      <c r="B7" s="681"/>
      <c r="C7" s="704" t="s">
        <v>61</v>
      </c>
      <c r="D7" s="704"/>
      <c r="E7" s="704"/>
      <c r="F7" s="705" t="s">
        <v>62</v>
      </c>
      <c r="G7" s="704"/>
      <c r="H7" s="704"/>
      <c r="I7" s="704"/>
      <c r="J7" s="704"/>
      <c r="K7" s="704"/>
      <c r="L7" s="704"/>
      <c r="M7" s="705" t="s">
        <v>52</v>
      </c>
      <c r="N7" s="707" t="s">
        <v>61</v>
      </c>
      <c r="O7" s="704"/>
      <c r="P7" s="704"/>
      <c r="Q7" s="705" t="s">
        <v>62</v>
      </c>
      <c r="R7" s="704"/>
      <c r="S7" s="704"/>
      <c r="T7" s="704"/>
      <c r="U7" s="704"/>
      <c r="V7" s="704"/>
      <c r="W7" s="708"/>
      <c r="X7" s="712" t="s">
        <v>52</v>
      </c>
      <c r="Y7" s="518" t="s">
        <v>61</v>
      </c>
      <c r="Z7" s="519"/>
      <c r="AA7" s="714"/>
      <c r="AB7" s="715" t="s">
        <v>62</v>
      </c>
      <c r="AC7" s="519"/>
      <c r="AD7" s="519"/>
      <c r="AE7" s="519"/>
      <c r="AF7" s="519"/>
      <c r="AG7" s="519"/>
      <c r="AH7" s="714"/>
      <c r="AI7" s="520" t="s">
        <v>52</v>
      </c>
      <c r="AJ7" s="717" t="s">
        <v>61</v>
      </c>
      <c r="AK7" s="710"/>
      <c r="AL7" s="718"/>
      <c r="AM7" s="709" t="s">
        <v>62</v>
      </c>
      <c r="AN7" s="710"/>
      <c r="AO7" s="710"/>
      <c r="AP7" s="710"/>
      <c r="AQ7" s="710"/>
      <c r="AR7" s="710"/>
      <c r="AS7" s="711"/>
      <c r="AT7" s="520" t="s">
        <v>52</v>
      </c>
      <c r="AU7" s="717" t="s">
        <v>61</v>
      </c>
      <c r="AV7" s="710"/>
      <c r="AW7" s="718"/>
      <c r="AX7" s="709" t="s">
        <v>62</v>
      </c>
      <c r="AY7" s="710"/>
      <c r="AZ7" s="710"/>
      <c r="BA7" s="710"/>
      <c r="BB7" s="710"/>
      <c r="BC7" s="710"/>
      <c r="BD7" s="711"/>
      <c r="BE7" s="520" t="s">
        <v>52</v>
      </c>
      <c r="BF7" s="717" t="s">
        <v>61</v>
      </c>
      <c r="BG7" s="710"/>
      <c r="BH7" s="718"/>
      <c r="BI7" s="709" t="s">
        <v>62</v>
      </c>
      <c r="BJ7" s="710"/>
      <c r="BK7" s="710"/>
      <c r="BL7" s="710"/>
      <c r="BM7" s="710"/>
      <c r="BN7" s="710"/>
      <c r="BO7" s="711"/>
      <c r="BP7" s="520" t="s">
        <v>52</v>
      </c>
      <c r="BQ7" s="717" t="s">
        <v>61</v>
      </c>
      <c r="BR7" s="710"/>
      <c r="BS7" s="718"/>
      <c r="BT7" s="709" t="s">
        <v>62</v>
      </c>
      <c r="BU7" s="710"/>
      <c r="BV7" s="710"/>
      <c r="BW7" s="710"/>
      <c r="BX7" s="710"/>
      <c r="BY7" s="710"/>
      <c r="BZ7" s="711"/>
      <c r="CA7" s="520" t="s">
        <v>52</v>
      </c>
      <c r="CB7" s="719" t="s">
        <v>61</v>
      </c>
      <c r="CC7" s="720"/>
      <c r="CD7" s="721"/>
      <c r="CE7" s="722" t="s">
        <v>62</v>
      </c>
      <c r="CF7" s="720"/>
      <c r="CG7" s="720"/>
      <c r="CH7" s="720"/>
      <c r="CI7" s="720"/>
      <c r="CJ7" s="720"/>
      <c r="CK7" s="723"/>
      <c r="CL7" s="712" t="s">
        <v>52</v>
      </c>
      <c r="CM7" s="717" t="s">
        <v>61</v>
      </c>
      <c r="CN7" s="710"/>
      <c r="CO7" s="711"/>
      <c r="CP7" s="709" t="s">
        <v>62</v>
      </c>
      <c r="CQ7" s="710"/>
      <c r="CR7" s="710"/>
      <c r="CS7" s="710"/>
      <c r="CT7" s="710"/>
      <c r="CU7" s="710"/>
      <c r="CV7" s="711"/>
      <c r="CW7" s="724" t="s">
        <v>52</v>
      </c>
      <c r="CX7" s="717" t="s">
        <v>61</v>
      </c>
      <c r="CY7" s="710"/>
      <c r="CZ7" s="711"/>
      <c r="DA7" s="709" t="s">
        <v>62</v>
      </c>
      <c r="DB7" s="710"/>
      <c r="DC7" s="710"/>
      <c r="DD7" s="710"/>
      <c r="DE7" s="710"/>
      <c r="DF7" s="710"/>
      <c r="DG7" s="711"/>
      <c r="DH7" s="724" t="s">
        <v>52</v>
      </c>
      <c r="DI7" s="719" t="s">
        <v>61</v>
      </c>
      <c r="DJ7" s="720"/>
      <c r="DK7" s="723"/>
      <c r="DL7" s="722" t="s">
        <v>62</v>
      </c>
      <c r="DM7" s="720"/>
      <c r="DN7" s="720"/>
      <c r="DO7" s="720"/>
      <c r="DP7" s="720"/>
      <c r="DQ7" s="720"/>
      <c r="DR7" s="723"/>
      <c r="DS7" s="712" t="s">
        <v>52</v>
      </c>
      <c r="DT7" s="717" t="s">
        <v>61</v>
      </c>
      <c r="DU7" s="710"/>
      <c r="DV7" s="718"/>
      <c r="DW7" s="709" t="s">
        <v>62</v>
      </c>
      <c r="DX7" s="710"/>
      <c r="DY7" s="710"/>
      <c r="DZ7" s="710"/>
      <c r="EA7" s="710"/>
      <c r="EB7" s="710"/>
      <c r="EC7" s="711"/>
      <c r="ED7" s="520" t="s">
        <v>52</v>
      </c>
      <c r="EE7" s="717" t="s">
        <v>61</v>
      </c>
      <c r="EF7" s="710"/>
      <c r="EG7" s="718"/>
      <c r="EH7" s="709" t="s">
        <v>62</v>
      </c>
      <c r="EI7" s="710"/>
      <c r="EJ7" s="710"/>
      <c r="EK7" s="710"/>
      <c r="EL7" s="710"/>
      <c r="EM7" s="710"/>
      <c r="EN7" s="711"/>
      <c r="EO7" s="520" t="s">
        <v>52</v>
      </c>
      <c r="EP7" s="717" t="s">
        <v>61</v>
      </c>
      <c r="EQ7" s="710"/>
      <c r="ER7" s="718"/>
      <c r="ES7" s="709" t="s">
        <v>62</v>
      </c>
      <c r="ET7" s="710"/>
      <c r="EU7" s="710"/>
      <c r="EV7" s="710"/>
      <c r="EW7" s="710"/>
      <c r="EX7" s="710"/>
      <c r="EY7" s="711"/>
      <c r="EZ7" s="520" t="s">
        <v>52</v>
      </c>
      <c r="FA7" s="717" t="s">
        <v>61</v>
      </c>
      <c r="FB7" s="710"/>
      <c r="FC7" s="718"/>
      <c r="FD7" s="709" t="s">
        <v>62</v>
      </c>
      <c r="FE7" s="710"/>
      <c r="FF7" s="710"/>
      <c r="FG7" s="710"/>
      <c r="FH7" s="710"/>
      <c r="FI7" s="710"/>
      <c r="FJ7" s="711"/>
      <c r="FK7" s="520" t="s">
        <v>52</v>
      </c>
      <c r="FL7" s="719" t="s">
        <v>61</v>
      </c>
      <c r="FM7" s="720"/>
      <c r="FN7" s="721"/>
      <c r="FO7" s="722" t="s">
        <v>62</v>
      </c>
      <c r="FP7" s="720"/>
      <c r="FQ7" s="720"/>
      <c r="FR7" s="720"/>
      <c r="FS7" s="720"/>
      <c r="FT7" s="720"/>
      <c r="FU7" s="723"/>
      <c r="FV7" s="704" t="s">
        <v>52</v>
      </c>
      <c r="FW7" s="717" t="s">
        <v>61</v>
      </c>
      <c r="FX7" s="710"/>
      <c r="FY7" s="718"/>
      <c r="FZ7" s="709" t="s">
        <v>62</v>
      </c>
      <c r="GA7" s="710"/>
      <c r="GB7" s="710"/>
      <c r="GC7" s="710"/>
      <c r="GD7" s="710"/>
      <c r="GE7" s="710"/>
      <c r="GF7" s="711"/>
      <c r="GG7" s="520" t="s">
        <v>52</v>
      </c>
      <c r="GH7" s="518" t="s">
        <v>61</v>
      </c>
      <c r="GI7" s="519"/>
      <c r="GJ7" s="519"/>
      <c r="GK7" s="715" t="s">
        <v>62</v>
      </c>
      <c r="GL7" s="519"/>
      <c r="GM7" s="519"/>
      <c r="GN7" s="519"/>
      <c r="GO7" s="519"/>
      <c r="GP7" s="519"/>
      <c r="GQ7" s="714"/>
      <c r="GR7" s="725" t="s">
        <v>52</v>
      </c>
      <c r="GS7" s="518" t="s">
        <v>61</v>
      </c>
      <c r="GT7" s="519"/>
      <c r="GU7" s="714"/>
      <c r="GV7" s="715" t="s">
        <v>62</v>
      </c>
      <c r="GW7" s="519"/>
      <c r="GX7" s="519"/>
      <c r="GY7" s="519"/>
      <c r="GZ7" s="519"/>
      <c r="HA7" s="519"/>
      <c r="HB7" s="714"/>
      <c r="HC7" s="725" t="s">
        <v>52</v>
      </c>
      <c r="HD7" s="717" t="s">
        <v>61</v>
      </c>
      <c r="HE7" s="710"/>
      <c r="HF7" s="718"/>
      <c r="HG7" s="709" t="s">
        <v>62</v>
      </c>
      <c r="HH7" s="710"/>
      <c r="HI7" s="710"/>
      <c r="HJ7" s="710"/>
      <c r="HK7" s="710"/>
      <c r="HL7" s="710"/>
      <c r="HM7" s="711"/>
      <c r="HN7" s="520" t="s">
        <v>52</v>
      </c>
      <c r="HO7" s="717" t="s">
        <v>61</v>
      </c>
      <c r="HP7" s="710"/>
      <c r="HQ7" s="718"/>
      <c r="HR7" s="709" t="s">
        <v>62</v>
      </c>
      <c r="HS7" s="710"/>
      <c r="HT7" s="710"/>
      <c r="HU7" s="710"/>
      <c r="HV7" s="710"/>
      <c r="HW7" s="710"/>
      <c r="HX7" s="711"/>
      <c r="HY7" s="520" t="s">
        <v>52</v>
      </c>
      <c r="HZ7" s="574" t="s">
        <v>61</v>
      </c>
      <c r="IA7" s="575"/>
      <c r="IB7" s="576"/>
      <c r="IC7" s="611" t="s">
        <v>62</v>
      </c>
      <c r="ID7" s="575"/>
      <c r="IE7" s="575"/>
      <c r="IF7" s="575"/>
      <c r="IG7" s="575"/>
      <c r="IH7" s="575"/>
      <c r="II7" s="612"/>
      <c r="IJ7" s="578" t="s">
        <v>52</v>
      </c>
      <c r="IK7" s="591" t="s">
        <v>61</v>
      </c>
      <c r="IL7" s="584"/>
      <c r="IM7" s="585"/>
      <c r="IN7" s="614" t="s">
        <v>62</v>
      </c>
      <c r="IO7" s="584"/>
      <c r="IP7" s="584"/>
      <c r="IQ7" s="584"/>
      <c r="IR7" s="584"/>
      <c r="IS7" s="584"/>
      <c r="IT7" s="615"/>
      <c r="IU7" s="597" t="s">
        <v>52</v>
      </c>
      <c r="IV7" s="591" t="s">
        <v>61</v>
      </c>
      <c r="IW7" s="584"/>
      <c r="IX7" s="615"/>
      <c r="IY7" s="614" t="s">
        <v>62</v>
      </c>
      <c r="IZ7" s="584"/>
      <c r="JA7" s="584"/>
      <c r="JB7" s="584"/>
      <c r="JC7" s="584"/>
      <c r="JD7" s="584"/>
      <c r="JE7" s="615"/>
      <c r="JF7" s="597" t="s">
        <v>52</v>
      </c>
      <c r="JG7" s="591" t="s">
        <v>61</v>
      </c>
      <c r="JH7" s="584"/>
      <c r="JI7" s="585"/>
      <c r="JJ7" s="614" t="s">
        <v>62</v>
      </c>
      <c r="JK7" s="584"/>
      <c r="JL7" s="584"/>
      <c r="JM7" s="584"/>
      <c r="JN7" s="584"/>
      <c r="JO7" s="584"/>
      <c r="JP7" s="615"/>
      <c r="JQ7" s="609" t="s">
        <v>52</v>
      </c>
      <c r="JR7" s="591" t="s">
        <v>61</v>
      </c>
      <c r="JS7" s="584"/>
      <c r="JT7" s="585"/>
      <c r="JU7" s="614" t="s">
        <v>62</v>
      </c>
      <c r="JV7" s="584"/>
      <c r="JW7" s="584"/>
      <c r="JX7" s="584"/>
      <c r="JY7" s="584"/>
      <c r="JZ7" s="584"/>
      <c r="KA7" s="615"/>
      <c r="KB7" s="609" t="s">
        <v>52</v>
      </c>
      <c r="KC7" s="591" t="s">
        <v>61</v>
      </c>
      <c r="KD7" s="584"/>
      <c r="KE7" s="585"/>
      <c r="KF7" s="614" t="s">
        <v>62</v>
      </c>
      <c r="KG7" s="584"/>
      <c r="KH7" s="584"/>
      <c r="KI7" s="584"/>
      <c r="KJ7" s="584"/>
      <c r="KK7" s="584"/>
      <c r="KL7" s="615"/>
      <c r="KM7" s="609" t="s">
        <v>52</v>
      </c>
      <c r="KN7" s="591" t="s">
        <v>61</v>
      </c>
      <c r="KO7" s="584"/>
      <c r="KP7" s="585"/>
      <c r="KQ7" s="614" t="s">
        <v>62</v>
      </c>
      <c r="KR7" s="584"/>
      <c r="KS7" s="584"/>
      <c r="KT7" s="584"/>
      <c r="KU7" s="584"/>
      <c r="KV7" s="584"/>
      <c r="KW7" s="615"/>
      <c r="KX7" s="609" t="s">
        <v>52</v>
      </c>
      <c r="KY7" s="591" t="s">
        <v>61</v>
      </c>
      <c r="KZ7" s="584"/>
      <c r="LA7" s="585"/>
      <c r="LB7" s="614" t="s">
        <v>62</v>
      </c>
      <c r="LC7" s="584"/>
      <c r="LD7" s="584"/>
      <c r="LE7" s="584"/>
      <c r="LF7" s="584"/>
      <c r="LG7" s="584"/>
      <c r="LH7" s="615"/>
      <c r="LI7" s="609" t="s">
        <v>52</v>
      </c>
      <c r="LJ7" s="591" t="s">
        <v>61</v>
      </c>
      <c r="LK7" s="584"/>
      <c r="LL7" s="585"/>
      <c r="LM7" s="614" t="s">
        <v>62</v>
      </c>
      <c r="LN7" s="584"/>
      <c r="LO7" s="584"/>
      <c r="LP7" s="584"/>
      <c r="LQ7" s="584"/>
      <c r="LR7" s="584"/>
      <c r="LS7" s="615"/>
      <c r="LT7" s="609" t="s">
        <v>52</v>
      </c>
      <c r="LU7" s="591" t="s">
        <v>61</v>
      </c>
      <c r="LV7" s="584"/>
      <c r="LW7" s="585"/>
      <c r="LX7" s="614" t="s">
        <v>62</v>
      </c>
      <c r="LY7" s="584"/>
      <c r="LZ7" s="584"/>
      <c r="MA7" s="584"/>
      <c r="MB7" s="584"/>
      <c r="MC7" s="584"/>
      <c r="MD7" s="615"/>
      <c r="ME7" s="609" t="s">
        <v>52</v>
      </c>
      <c r="MF7" s="574" t="s">
        <v>61</v>
      </c>
      <c r="MG7" s="575"/>
      <c r="MH7" s="576"/>
      <c r="MI7" s="611" t="s">
        <v>62</v>
      </c>
      <c r="MJ7" s="575"/>
      <c r="MK7" s="575"/>
      <c r="ML7" s="575"/>
      <c r="MM7" s="575"/>
      <c r="MN7" s="575"/>
      <c r="MO7" s="612"/>
      <c r="MP7" s="613" t="s">
        <v>52</v>
      </c>
      <c r="MQ7" s="591" t="s">
        <v>61</v>
      </c>
      <c r="MR7" s="584"/>
      <c r="MS7" s="585"/>
      <c r="MT7" s="614" t="s">
        <v>62</v>
      </c>
      <c r="MU7" s="584"/>
      <c r="MV7" s="584"/>
      <c r="MW7" s="584"/>
      <c r="MX7" s="584"/>
      <c r="MY7" s="584"/>
      <c r="MZ7" s="615"/>
      <c r="NA7" s="609" t="s">
        <v>52</v>
      </c>
      <c r="NB7" s="591" t="s">
        <v>61</v>
      </c>
      <c r="NC7" s="584"/>
      <c r="ND7" s="585"/>
      <c r="NE7" s="614" t="s">
        <v>62</v>
      </c>
      <c r="NF7" s="584"/>
      <c r="NG7" s="584"/>
      <c r="NH7" s="584"/>
      <c r="NI7" s="584"/>
      <c r="NJ7" s="584"/>
      <c r="NK7" s="615"/>
      <c r="NL7" s="609" t="s">
        <v>52</v>
      </c>
      <c r="NM7" s="591" t="s">
        <v>61</v>
      </c>
      <c r="NN7" s="584"/>
      <c r="NO7" s="585"/>
      <c r="NP7" s="614" t="s">
        <v>62</v>
      </c>
      <c r="NQ7" s="584"/>
      <c r="NR7" s="584"/>
      <c r="NS7" s="584"/>
      <c r="NT7" s="584"/>
      <c r="NU7" s="584"/>
      <c r="NV7" s="615"/>
      <c r="NW7" s="609" t="s">
        <v>52</v>
      </c>
      <c r="NX7" s="591" t="s">
        <v>61</v>
      </c>
      <c r="NY7" s="584"/>
      <c r="NZ7" s="585"/>
      <c r="OA7" s="614" t="s">
        <v>62</v>
      </c>
      <c r="OB7" s="584"/>
      <c r="OC7" s="584"/>
      <c r="OD7" s="584"/>
      <c r="OE7" s="584"/>
      <c r="OF7" s="584"/>
      <c r="OG7" s="615"/>
      <c r="OH7" s="609" t="s">
        <v>52</v>
      </c>
      <c r="OI7" s="574" t="s">
        <v>61</v>
      </c>
      <c r="OJ7" s="575"/>
      <c r="OK7" s="576"/>
      <c r="OL7" s="611" t="s">
        <v>62</v>
      </c>
      <c r="OM7" s="575"/>
      <c r="ON7" s="575"/>
      <c r="OO7" s="575"/>
      <c r="OP7" s="575"/>
      <c r="OQ7" s="575"/>
      <c r="OR7" s="612"/>
      <c r="OS7" s="613" t="s">
        <v>52</v>
      </c>
    </row>
    <row r="8" spans="1:409" ht="30" customHeight="1" thickBot="1" x14ac:dyDescent="0.25">
      <c r="B8" s="682"/>
      <c r="C8" s="325" t="s">
        <v>43</v>
      </c>
      <c r="D8" s="47" t="s">
        <v>44</v>
      </c>
      <c r="E8" s="326" t="s">
        <v>45</v>
      </c>
      <c r="F8" s="52" t="s">
        <v>83</v>
      </c>
      <c r="G8" s="47" t="s">
        <v>47</v>
      </c>
      <c r="H8" s="47" t="s">
        <v>48</v>
      </c>
      <c r="I8" s="47" t="s">
        <v>49</v>
      </c>
      <c r="J8" s="47" t="s">
        <v>50</v>
      </c>
      <c r="K8" s="47" t="s">
        <v>51</v>
      </c>
      <c r="L8" s="48" t="s">
        <v>45</v>
      </c>
      <c r="M8" s="706"/>
      <c r="N8" s="51" t="s">
        <v>43</v>
      </c>
      <c r="O8" s="47" t="s">
        <v>44</v>
      </c>
      <c r="P8" s="48" t="s">
        <v>45</v>
      </c>
      <c r="Q8" s="52" t="s">
        <v>83</v>
      </c>
      <c r="R8" s="47" t="s">
        <v>47</v>
      </c>
      <c r="S8" s="47" t="s">
        <v>48</v>
      </c>
      <c r="T8" s="47" t="s">
        <v>49</v>
      </c>
      <c r="U8" s="47" t="s">
        <v>50</v>
      </c>
      <c r="V8" s="47" t="s">
        <v>51</v>
      </c>
      <c r="W8" s="48" t="s">
        <v>45</v>
      </c>
      <c r="X8" s="713"/>
      <c r="Y8" s="51" t="s">
        <v>43</v>
      </c>
      <c r="Z8" s="47" t="s">
        <v>44</v>
      </c>
      <c r="AA8" s="48" t="s">
        <v>45</v>
      </c>
      <c r="AB8" s="52" t="s">
        <v>83</v>
      </c>
      <c r="AC8" s="47" t="s">
        <v>47</v>
      </c>
      <c r="AD8" s="47" t="s">
        <v>48</v>
      </c>
      <c r="AE8" s="47" t="s">
        <v>49</v>
      </c>
      <c r="AF8" s="47" t="s">
        <v>50</v>
      </c>
      <c r="AG8" s="47" t="s">
        <v>51</v>
      </c>
      <c r="AH8" s="48" t="s">
        <v>45</v>
      </c>
      <c r="AI8" s="716"/>
      <c r="AJ8" s="51" t="s">
        <v>43</v>
      </c>
      <c r="AK8" s="47" t="s">
        <v>44</v>
      </c>
      <c r="AL8" s="326" t="s">
        <v>45</v>
      </c>
      <c r="AM8" s="52" t="s">
        <v>83</v>
      </c>
      <c r="AN8" s="47" t="s">
        <v>47</v>
      </c>
      <c r="AO8" s="47" t="s">
        <v>48</v>
      </c>
      <c r="AP8" s="47" t="s">
        <v>49</v>
      </c>
      <c r="AQ8" s="47" t="s">
        <v>50</v>
      </c>
      <c r="AR8" s="47" t="s">
        <v>51</v>
      </c>
      <c r="AS8" s="48" t="s">
        <v>45</v>
      </c>
      <c r="AT8" s="716"/>
      <c r="AU8" s="51" t="s">
        <v>43</v>
      </c>
      <c r="AV8" s="47" t="s">
        <v>44</v>
      </c>
      <c r="AW8" s="326" t="s">
        <v>45</v>
      </c>
      <c r="AX8" s="52" t="s">
        <v>83</v>
      </c>
      <c r="AY8" s="47" t="s">
        <v>47</v>
      </c>
      <c r="AZ8" s="47" t="s">
        <v>48</v>
      </c>
      <c r="BA8" s="47" t="s">
        <v>49</v>
      </c>
      <c r="BB8" s="47" t="s">
        <v>50</v>
      </c>
      <c r="BC8" s="47" t="s">
        <v>51</v>
      </c>
      <c r="BD8" s="48" t="s">
        <v>45</v>
      </c>
      <c r="BE8" s="716"/>
      <c r="BF8" s="327" t="s">
        <v>43</v>
      </c>
      <c r="BG8" s="47" t="s">
        <v>44</v>
      </c>
      <c r="BH8" s="326" t="s">
        <v>45</v>
      </c>
      <c r="BI8" s="52" t="s">
        <v>83</v>
      </c>
      <c r="BJ8" s="47" t="s">
        <v>47</v>
      </c>
      <c r="BK8" s="47" t="s">
        <v>48</v>
      </c>
      <c r="BL8" s="47" t="s">
        <v>49</v>
      </c>
      <c r="BM8" s="47" t="s">
        <v>50</v>
      </c>
      <c r="BN8" s="47" t="s">
        <v>51</v>
      </c>
      <c r="BO8" s="48" t="s">
        <v>45</v>
      </c>
      <c r="BP8" s="716"/>
      <c r="BQ8" s="51" t="s">
        <v>43</v>
      </c>
      <c r="BR8" s="47" t="s">
        <v>44</v>
      </c>
      <c r="BS8" s="326" t="s">
        <v>45</v>
      </c>
      <c r="BT8" s="52" t="s">
        <v>83</v>
      </c>
      <c r="BU8" s="47" t="s">
        <v>47</v>
      </c>
      <c r="BV8" s="47" t="s">
        <v>48</v>
      </c>
      <c r="BW8" s="47" t="s">
        <v>49</v>
      </c>
      <c r="BX8" s="47" t="s">
        <v>50</v>
      </c>
      <c r="BY8" s="47" t="s">
        <v>51</v>
      </c>
      <c r="BZ8" s="48" t="s">
        <v>45</v>
      </c>
      <c r="CA8" s="716"/>
      <c r="CB8" s="51" t="s">
        <v>43</v>
      </c>
      <c r="CC8" s="47" t="s">
        <v>44</v>
      </c>
      <c r="CD8" s="326" t="s">
        <v>45</v>
      </c>
      <c r="CE8" s="52" t="s">
        <v>83</v>
      </c>
      <c r="CF8" s="47" t="s">
        <v>47</v>
      </c>
      <c r="CG8" s="47" t="s">
        <v>48</v>
      </c>
      <c r="CH8" s="47" t="s">
        <v>49</v>
      </c>
      <c r="CI8" s="47" t="s">
        <v>50</v>
      </c>
      <c r="CJ8" s="47" t="s">
        <v>51</v>
      </c>
      <c r="CK8" s="48" t="s">
        <v>45</v>
      </c>
      <c r="CL8" s="713"/>
      <c r="CM8" s="51" t="s">
        <v>43</v>
      </c>
      <c r="CN8" s="47" t="s">
        <v>44</v>
      </c>
      <c r="CO8" s="48" t="s">
        <v>45</v>
      </c>
      <c r="CP8" s="52" t="s">
        <v>83</v>
      </c>
      <c r="CQ8" s="47" t="s">
        <v>47</v>
      </c>
      <c r="CR8" s="47" t="s">
        <v>48</v>
      </c>
      <c r="CS8" s="47" t="s">
        <v>49</v>
      </c>
      <c r="CT8" s="47" t="s">
        <v>50</v>
      </c>
      <c r="CU8" s="47" t="s">
        <v>51</v>
      </c>
      <c r="CV8" s="48" t="s">
        <v>45</v>
      </c>
      <c r="CW8" s="713"/>
      <c r="CX8" s="51" t="s">
        <v>43</v>
      </c>
      <c r="CY8" s="47" t="s">
        <v>44</v>
      </c>
      <c r="CZ8" s="48" t="s">
        <v>45</v>
      </c>
      <c r="DA8" s="52" t="s">
        <v>83</v>
      </c>
      <c r="DB8" s="47" t="s">
        <v>47</v>
      </c>
      <c r="DC8" s="47" t="s">
        <v>48</v>
      </c>
      <c r="DD8" s="47" t="s">
        <v>49</v>
      </c>
      <c r="DE8" s="47" t="s">
        <v>50</v>
      </c>
      <c r="DF8" s="47" t="s">
        <v>51</v>
      </c>
      <c r="DG8" s="48" t="s">
        <v>45</v>
      </c>
      <c r="DH8" s="713"/>
      <c r="DI8" s="51" t="s">
        <v>43</v>
      </c>
      <c r="DJ8" s="47" t="s">
        <v>44</v>
      </c>
      <c r="DK8" s="48" t="s">
        <v>45</v>
      </c>
      <c r="DL8" s="52" t="s">
        <v>83</v>
      </c>
      <c r="DM8" s="47" t="s">
        <v>47</v>
      </c>
      <c r="DN8" s="47" t="s">
        <v>48</v>
      </c>
      <c r="DO8" s="47" t="s">
        <v>49</v>
      </c>
      <c r="DP8" s="47" t="s">
        <v>50</v>
      </c>
      <c r="DQ8" s="47" t="s">
        <v>51</v>
      </c>
      <c r="DR8" s="48" t="s">
        <v>45</v>
      </c>
      <c r="DS8" s="713"/>
      <c r="DT8" s="51" t="s">
        <v>43</v>
      </c>
      <c r="DU8" s="47" t="s">
        <v>44</v>
      </c>
      <c r="DV8" s="326" t="s">
        <v>45</v>
      </c>
      <c r="DW8" s="52" t="s">
        <v>83</v>
      </c>
      <c r="DX8" s="47" t="s">
        <v>47</v>
      </c>
      <c r="DY8" s="47" t="s">
        <v>48</v>
      </c>
      <c r="DZ8" s="47" t="s">
        <v>49</v>
      </c>
      <c r="EA8" s="47" t="s">
        <v>50</v>
      </c>
      <c r="EB8" s="47" t="s">
        <v>51</v>
      </c>
      <c r="EC8" s="48" t="s">
        <v>45</v>
      </c>
      <c r="ED8" s="716"/>
      <c r="EE8" s="51" t="s">
        <v>43</v>
      </c>
      <c r="EF8" s="47" t="s">
        <v>44</v>
      </c>
      <c r="EG8" s="326" t="s">
        <v>45</v>
      </c>
      <c r="EH8" s="52" t="s">
        <v>83</v>
      </c>
      <c r="EI8" s="47" t="s">
        <v>47</v>
      </c>
      <c r="EJ8" s="47" t="s">
        <v>48</v>
      </c>
      <c r="EK8" s="47" t="s">
        <v>49</v>
      </c>
      <c r="EL8" s="47" t="s">
        <v>50</v>
      </c>
      <c r="EM8" s="47" t="s">
        <v>51</v>
      </c>
      <c r="EN8" s="48" t="s">
        <v>45</v>
      </c>
      <c r="EO8" s="716"/>
      <c r="EP8" s="51" t="s">
        <v>43</v>
      </c>
      <c r="EQ8" s="47" t="s">
        <v>44</v>
      </c>
      <c r="ER8" s="326" t="s">
        <v>45</v>
      </c>
      <c r="ES8" s="52" t="s">
        <v>83</v>
      </c>
      <c r="ET8" s="47" t="s">
        <v>47</v>
      </c>
      <c r="EU8" s="47" t="s">
        <v>48</v>
      </c>
      <c r="EV8" s="47" t="s">
        <v>49</v>
      </c>
      <c r="EW8" s="47" t="s">
        <v>50</v>
      </c>
      <c r="EX8" s="47" t="s">
        <v>51</v>
      </c>
      <c r="EY8" s="48" t="s">
        <v>45</v>
      </c>
      <c r="EZ8" s="716"/>
      <c r="FA8" s="51" t="s">
        <v>43</v>
      </c>
      <c r="FB8" s="47" t="s">
        <v>44</v>
      </c>
      <c r="FC8" s="326" t="s">
        <v>45</v>
      </c>
      <c r="FD8" s="52" t="s">
        <v>83</v>
      </c>
      <c r="FE8" s="47" t="s">
        <v>47</v>
      </c>
      <c r="FF8" s="47" t="s">
        <v>48</v>
      </c>
      <c r="FG8" s="47" t="s">
        <v>49</v>
      </c>
      <c r="FH8" s="47" t="s">
        <v>50</v>
      </c>
      <c r="FI8" s="47" t="s">
        <v>51</v>
      </c>
      <c r="FJ8" s="48" t="s">
        <v>45</v>
      </c>
      <c r="FK8" s="716"/>
      <c r="FL8" s="51" t="s">
        <v>43</v>
      </c>
      <c r="FM8" s="47" t="s">
        <v>44</v>
      </c>
      <c r="FN8" s="326" t="s">
        <v>45</v>
      </c>
      <c r="FO8" s="52" t="s">
        <v>83</v>
      </c>
      <c r="FP8" s="47" t="s">
        <v>47</v>
      </c>
      <c r="FQ8" s="47" t="s">
        <v>48</v>
      </c>
      <c r="FR8" s="47" t="s">
        <v>49</v>
      </c>
      <c r="FS8" s="47" t="s">
        <v>50</v>
      </c>
      <c r="FT8" s="47" t="s">
        <v>51</v>
      </c>
      <c r="FU8" s="48" t="s">
        <v>45</v>
      </c>
      <c r="FV8" s="728"/>
      <c r="FW8" s="51" t="s">
        <v>43</v>
      </c>
      <c r="FX8" s="47" t="s">
        <v>44</v>
      </c>
      <c r="FY8" s="326" t="s">
        <v>45</v>
      </c>
      <c r="FZ8" s="52" t="s">
        <v>83</v>
      </c>
      <c r="GA8" s="47" t="s">
        <v>47</v>
      </c>
      <c r="GB8" s="47" t="s">
        <v>48</v>
      </c>
      <c r="GC8" s="47" t="s">
        <v>49</v>
      </c>
      <c r="GD8" s="47" t="s">
        <v>50</v>
      </c>
      <c r="GE8" s="47" t="s">
        <v>51</v>
      </c>
      <c r="GF8" s="48" t="s">
        <v>45</v>
      </c>
      <c r="GG8" s="716"/>
      <c r="GH8" s="51" t="s">
        <v>43</v>
      </c>
      <c r="GI8" s="47" t="s">
        <v>44</v>
      </c>
      <c r="GJ8" s="326" t="s">
        <v>45</v>
      </c>
      <c r="GK8" s="52" t="s">
        <v>83</v>
      </c>
      <c r="GL8" s="47" t="s">
        <v>47</v>
      </c>
      <c r="GM8" s="47" t="s">
        <v>48</v>
      </c>
      <c r="GN8" s="47" t="s">
        <v>49</v>
      </c>
      <c r="GO8" s="47" t="s">
        <v>50</v>
      </c>
      <c r="GP8" s="47" t="s">
        <v>51</v>
      </c>
      <c r="GQ8" s="48" t="s">
        <v>45</v>
      </c>
      <c r="GR8" s="726"/>
      <c r="GS8" s="51" t="s">
        <v>43</v>
      </c>
      <c r="GT8" s="47" t="s">
        <v>44</v>
      </c>
      <c r="GU8" s="326" t="s">
        <v>45</v>
      </c>
      <c r="GV8" s="52" t="s">
        <v>83</v>
      </c>
      <c r="GW8" s="47" t="s">
        <v>47</v>
      </c>
      <c r="GX8" s="47" t="s">
        <v>48</v>
      </c>
      <c r="GY8" s="47" t="s">
        <v>49</v>
      </c>
      <c r="GZ8" s="47" t="s">
        <v>50</v>
      </c>
      <c r="HA8" s="47" t="s">
        <v>51</v>
      </c>
      <c r="HB8" s="48" t="s">
        <v>45</v>
      </c>
      <c r="HC8" s="726"/>
      <c r="HD8" s="51" t="s">
        <v>43</v>
      </c>
      <c r="HE8" s="47" t="s">
        <v>44</v>
      </c>
      <c r="HF8" s="326" t="s">
        <v>45</v>
      </c>
      <c r="HG8" s="52" t="s">
        <v>83</v>
      </c>
      <c r="HH8" s="47" t="s">
        <v>47</v>
      </c>
      <c r="HI8" s="47" t="s">
        <v>48</v>
      </c>
      <c r="HJ8" s="47" t="s">
        <v>49</v>
      </c>
      <c r="HK8" s="47" t="s">
        <v>50</v>
      </c>
      <c r="HL8" s="47" t="s">
        <v>51</v>
      </c>
      <c r="HM8" s="48" t="s">
        <v>45</v>
      </c>
      <c r="HN8" s="716"/>
      <c r="HO8" s="51" t="s">
        <v>43</v>
      </c>
      <c r="HP8" s="47" t="s">
        <v>44</v>
      </c>
      <c r="HQ8" s="326" t="s">
        <v>45</v>
      </c>
      <c r="HR8" s="52" t="s">
        <v>83</v>
      </c>
      <c r="HS8" s="47" t="s">
        <v>47</v>
      </c>
      <c r="HT8" s="47" t="s">
        <v>48</v>
      </c>
      <c r="HU8" s="47" t="s">
        <v>49</v>
      </c>
      <c r="HV8" s="47" t="s">
        <v>50</v>
      </c>
      <c r="HW8" s="47" t="s">
        <v>51</v>
      </c>
      <c r="HX8" s="48" t="s">
        <v>45</v>
      </c>
      <c r="HY8" s="716"/>
      <c r="HZ8" s="368" t="s">
        <v>43</v>
      </c>
      <c r="IA8" s="369" t="s">
        <v>44</v>
      </c>
      <c r="IB8" s="41" t="s">
        <v>45</v>
      </c>
      <c r="IC8" s="42" t="s">
        <v>83</v>
      </c>
      <c r="ID8" s="369" t="s">
        <v>47</v>
      </c>
      <c r="IE8" s="369" t="s">
        <v>48</v>
      </c>
      <c r="IF8" s="369" t="s">
        <v>49</v>
      </c>
      <c r="IG8" s="369" t="s">
        <v>50</v>
      </c>
      <c r="IH8" s="369" t="s">
        <v>51</v>
      </c>
      <c r="II8" s="17" t="s">
        <v>45</v>
      </c>
      <c r="IJ8" s="651"/>
      <c r="IK8" s="368" t="s">
        <v>43</v>
      </c>
      <c r="IL8" s="369" t="s">
        <v>44</v>
      </c>
      <c r="IM8" s="41" t="s">
        <v>45</v>
      </c>
      <c r="IN8" s="42" t="s">
        <v>83</v>
      </c>
      <c r="IO8" s="59" t="s">
        <v>47</v>
      </c>
      <c r="IP8" s="59" t="s">
        <v>48</v>
      </c>
      <c r="IQ8" s="59" t="s">
        <v>49</v>
      </c>
      <c r="IR8" s="59" t="s">
        <v>50</v>
      </c>
      <c r="IS8" s="59" t="s">
        <v>51</v>
      </c>
      <c r="IT8" s="64" t="s">
        <v>45</v>
      </c>
      <c r="IU8" s="650"/>
      <c r="IV8" s="61" t="s">
        <v>43</v>
      </c>
      <c r="IW8" s="59" t="s">
        <v>44</v>
      </c>
      <c r="IX8" s="64" t="s">
        <v>45</v>
      </c>
      <c r="IY8" s="33" t="s">
        <v>83</v>
      </c>
      <c r="IZ8" s="59" t="s">
        <v>47</v>
      </c>
      <c r="JA8" s="59" t="s">
        <v>48</v>
      </c>
      <c r="JB8" s="59" t="s">
        <v>49</v>
      </c>
      <c r="JC8" s="59" t="s">
        <v>50</v>
      </c>
      <c r="JD8" s="59" t="s">
        <v>51</v>
      </c>
      <c r="JE8" s="64" t="s">
        <v>45</v>
      </c>
      <c r="JF8" s="650"/>
      <c r="JG8" s="61" t="s">
        <v>43</v>
      </c>
      <c r="JH8" s="59" t="s">
        <v>44</v>
      </c>
      <c r="JI8" s="60" t="s">
        <v>45</v>
      </c>
      <c r="JJ8" s="33" t="s">
        <v>83</v>
      </c>
      <c r="JK8" s="59" t="s">
        <v>47</v>
      </c>
      <c r="JL8" s="59" t="s">
        <v>48</v>
      </c>
      <c r="JM8" s="59" t="s">
        <v>49</v>
      </c>
      <c r="JN8" s="59" t="s">
        <v>50</v>
      </c>
      <c r="JO8" s="59" t="s">
        <v>51</v>
      </c>
      <c r="JP8" s="64" t="s">
        <v>45</v>
      </c>
      <c r="JQ8" s="610"/>
      <c r="JR8" s="61" t="s">
        <v>43</v>
      </c>
      <c r="JS8" s="59" t="s">
        <v>44</v>
      </c>
      <c r="JT8" s="60" t="s">
        <v>45</v>
      </c>
      <c r="JU8" s="33" t="s">
        <v>83</v>
      </c>
      <c r="JV8" s="59" t="s">
        <v>47</v>
      </c>
      <c r="JW8" s="59" t="s">
        <v>48</v>
      </c>
      <c r="JX8" s="59" t="s">
        <v>49</v>
      </c>
      <c r="JY8" s="59" t="s">
        <v>50</v>
      </c>
      <c r="JZ8" s="59" t="s">
        <v>51</v>
      </c>
      <c r="KA8" s="64" t="s">
        <v>45</v>
      </c>
      <c r="KB8" s="610"/>
      <c r="KC8" s="61" t="s">
        <v>43</v>
      </c>
      <c r="KD8" s="59" t="s">
        <v>44</v>
      </c>
      <c r="KE8" s="60" t="s">
        <v>45</v>
      </c>
      <c r="KF8" s="33" t="s">
        <v>83</v>
      </c>
      <c r="KG8" s="59" t="s">
        <v>47</v>
      </c>
      <c r="KH8" s="59" t="s">
        <v>48</v>
      </c>
      <c r="KI8" s="59" t="s">
        <v>49</v>
      </c>
      <c r="KJ8" s="59" t="s">
        <v>50</v>
      </c>
      <c r="KK8" s="59" t="s">
        <v>51</v>
      </c>
      <c r="KL8" s="64" t="s">
        <v>45</v>
      </c>
      <c r="KM8" s="610"/>
      <c r="KN8" s="61" t="s">
        <v>43</v>
      </c>
      <c r="KO8" s="59" t="s">
        <v>44</v>
      </c>
      <c r="KP8" s="60" t="s">
        <v>45</v>
      </c>
      <c r="KQ8" s="42" t="s">
        <v>83</v>
      </c>
      <c r="KR8" s="59" t="s">
        <v>47</v>
      </c>
      <c r="KS8" s="59" t="s">
        <v>48</v>
      </c>
      <c r="KT8" s="59" t="s">
        <v>49</v>
      </c>
      <c r="KU8" s="59" t="s">
        <v>50</v>
      </c>
      <c r="KV8" s="59" t="s">
        <v>51</v>
      </c>
      <c r="KW8" s="64" t="s">
        <v>45</v>
      </c>
      <c r="KX8" s="610"/>
      <c r="KY8" s="61" t="s">
        <v>43</v>
      </c>
      <c r="KZ8" s="59" t="s">
        <v>44</v>
      </c>
      <c r="LA8" s="60" t="s">
        <v>45</v>
      </c>
      <c r="LB8" s="42" t="s">
        <v>83</v>
      </c>
      <c r="LC8" s="59" t="s">
        <v>47</v>
      </c>
      <c r="LD8" s="59" t="s">
        <v>48</v>
      </c>
      <c r="LE8" s="59" t="s">
        <v>49</v>
      </c>
      <c r="LF8" s="59" t="s">
        <v>50</v>
      </c>
      <c r="LG8" s="59" t="s">
        <v>51</v>
      </c>
      <c r="LH8" s="64" t="s">
        <v>45</v>
      </c>
      <c r="LI8" s="610"/>
      <c r="LJ8" s="61" t="s">
        <v>43</v>
      </c>
      <c r="LK8" s="59" t="s">
        <v>44</v>
      </c>
      <c r="LL8" s="60" t="s">
        <v>45</v>
      </c>
      <c r="LM8" s="42" t="s">
        <v>83</v>
      </c>
      <c r="LN8" s="59" t="s">
        <v>47</v>
      </c>
      <c r="LO8" s="59" t="s">
        <v>48</v>
      </c>
      <c r="LP8" s="59" t="s">
        <v>49</v>
      </c>
      <c r="LQ8" s="59" t="s">
        <v>50</v>
      </c>
      <c r="LR8" s="59" t="s">
        <v>51</v>
      </c>
      <c r="LS8" s="64" t="s">
        <v>45</v>
      </c>
      <c r="LT8" s="610"/>
      <c r="LU8" s="61" t="s">
        <v>43</v>
      </c>
      <c r="LV8" s="59" t="s">
        <v>44</v>
      </c>
      <c r="LW8" s="60" t="s">
        <v>45</v>
      </c>
      <c r="LX8" s="42" t="s">
        <v>83</v>
      </c>
      <c r="LY8" s="59" t="s">
        <v>47</v>
      </c>
      <c r="LZ8" s="59" t="s">
        <v>48</v>
      </c>
      <c r="MA8" s="59" t="s">
        <v>49</v>
      </c>
      <c r="MB8" s="59" t="s">
        <v>50</v>
      </c>
      <c r="MC8" s="59" t="s">
        <v>51</v>
      </c>
      <c r="MD8" s="64" t="s">
        <v>45</v>
      </c>
      <c r="ME8" s="610"/>
      <c r="MF8" s="61" t="s">
        <v>43</v>
      </c>
      <c r="MG8" s="59" t="s">
        <v>44</v>
      </c>
      <c r="MH8" s="60" t="s">
        <v>45</v>
      </c>
      <c r="MI8" s="42" t="s">
        <v>83</v>
      </c>
      <c r="MJ8" s="59" t="s">
        <v>47</v>
      </c>
      <c r="MK8" s="59" t="s">
        <v>48</v>
      </c>
      <c r="ML8" s="59" t="s">
        <v>49</v>
      </c>
      <c r="MM8" s="59" t="s">
        <v>50</v>
      </c>
      <c r="MN8" s="59" t="s">
        <v>51</v>
      </c>
      <c r="MO8" s="64" t="s">
        <v>45</v>
      </c>
      <c r="MP8" s="610"/>
      <c r="MQ8" s="61" t="s">
        <v>43</v>
      </c>
      <c r="MR8" s="59" t="s">
        <v>44</v>
      </c>
      <c r="MS8" s="60" t="s">
        <v>45</v>
      </c>
      <c r="MT8" s="42" t="s">
        <v>83</v>
      </c>
      <c r="MU8" s="59" t="s">
        <v>47</v>
      </c>
      <c r="MV8" s="59" t="s">
        <v>48</v>
      </c>
      <c r="MW8" s="59" t="s">
        <v>49</v>
      </c>
      <c r="MX8" s="59" t="s">
        <v>50</v>
      </c>
      <c r="MY8" s="59" t="s">
        <v>51</v>
      </c>
      <c r="MZ8" s="64" t="s">
        <v>45</v>
      </c>
      <c r="NA8" s="610"/>
      <c r="NB8" s="61" t="s">
        <v>43</v>
      </c>
      <c r="NC8" s="59" t="s">
        <v>44</v>
      </c>
      <c r="ND8" s="60" t="s">
        <v>45</v>
      </c>
      <c r="NE8" s="42" t="s">
        <v>83</v>
      </c>
      <c r="NF8" s="59" t="s">
        <v>47</v>
      </c>
      <c r="NG8" s="59" t="s">
        <v>48</v>
      </c>
      <c r="NH8" s="59" t="s">
        <v>49</v>
      </c>
      <c r="NI8" s="59" t="s">
        <v>50</v>
      </c>
      <c r="NJ8" s="59" t="s">
        <v>51</v>
      </c>
      <c r="NK8" s="64" t="s">
        <v>45</v>
      </c>
      <c r="NL8" s="610"/>
      <c r="NM8" s="61" t="s">
        <v>43</v>
      </c>
      <c r="NN8" s="59" t="s">
        <v>44</v>
      </c>
      <c r="NO8" s="60" t="s">
        <v>45</v>
      </c>
      <c r="NP8" s="42" t="s">
        <v>83</v>
      </c>
      <c r="NQ8" s="59" t="s">
        <v>47</v>
      </c>
      <c r="NR8" s="59" t="s">
        <v>48</v>
      </c>
      <c r="NS8" s="59" t="s">
        <v>49</v>
      </c>
      <c r="NT8" s="59" t="s">
        <v>50</v>
      </c>
      <c r="NU8" s="59" t="s">
        <v>51</v>
      </c>
      <c r="NV8" s="64" t="s">
        <v>45</v>
      </c>
      <c r="NW8" s="610"/>
      <c r="NX8" s="61" t="s">
        <v>43</v>
      </c>
      <c r="NY8" s="59" t="s">
        <v>44</v>
      </c>
      <c r="NZ8" s="60" t="s">
        <v>45</v>
      </c>
      <c r="OA8" s="42" t="s">
        <v>83</v>
      </c>
      <c r="OB8" s="59" t="s">
        <v>47</v>
      </c>
      <c r="OC8" s="59" t="s">
        <v>48</v>
      </c>
      <c r="OD8" s="59" t="s">
        <v>49</v>
      </c>
      <c r="OE8" s="59" t="s">
        <v>50</v>
      </c>
      <c r="OF8" s="59" t="s">
        <v>51</v>
      </c>
      <c r="OG8" s="64" t="s">
        <v>45</v>
      </c>
      <c r="OH8" s="610"/>
      <c r="OI8" s="61" t="s">
        <v>43</v>
      </c>
      <c r="OJ8" s="59" t="s">
        <v>44</v>
      </c>
      <c r="OK8" s="60" t="s">
        <v>45</v>
      </c>
      <c r="OL8" s="33" t="s">
        <v>83</v>
      </c>
      <c r="OM8" s="59" t="s">
        <v>47</v>
      </c>
      <c r="ON8" s="59" t="s">
        <v>48</v>
      </c>
      <c r="OO8" s="59" t="s">
        <v>49</v>
      </c>
      <c r="OP8" s="59" t="s">
        <v>50</v>
      </c>
      <c r="OQ8" s="59" t="s">
        <v>51</v>
      </c>
      <c r="OR8" s="64" t="s">
        <v>45</v>
      </c>
      <c r="OS8" s="610"/>
    </row>
    <row r="9" spans="1:409" s="473" customFormat="1" ht="21" customHeight="1" x14ac:dyDescent="0.2">
      <c r="A9" s="44"/>
      <c r="B9" s="467" t="s">
        <v>4</v>
      </c>
      <c r="C9" s="387">
        <v>26854684</v>
      </c>
      <c r="D9" s="388">
        <v>43549019</v>
      </c>
      <c r="E9" s="389">
        <v>70403703</v>
      </c>
      <c r="F9" s="390">
        <v>0</v>
      </c>
      <c r="G9" s="388">
        <v>285540562</v>
      </c>
      <c r="H9" s="388">
        <v>366636969</v>
      </c>
      <c r="I9" s="388">
        <v>341594835</v>
      </c>
      <c r="J9" s="388">
        <v>298776441</v>
      </c>
      <c r="K9" s="388">
        <v>200898198</v>
      </c>
      <c r="L9" s="391">
        <v>1493447005</v>
      </c>
      <c r="M9" s="392">
        <v>1563850708</v>
      </c>
      <c r="N9" s="387">
        <v>7643308</v>
      </c>
      <c r="O9" s="388">
        <v>14530012</v>
      </c>
      <c r="P9" s="393">
        <v>22173320</v>
      </c>
      <c r="Q9" s="387">
        <v>0</v>
      </c>
      <c r="R9" s="388">
        <v>88589770</v>
      </c>
      <c r="S9" s="388">
        <v>124603862</v>
      </c>
      <c r="T9" s="388">
        <v>109783499</v>
      </c>
      <c r="U9" s="388">
        <v>114484472</v>
      </c>
      <c r="V9" s="388">
        <v>100502944</v>
      </c>
      <c r="W9" s="393">
        <v>537964547</v>
      </c>
      <c r="X9" s="392">
        <v>560137867</v>
      </c>
      <c r="Y9" s="387">
        <v>0</v>
      </c>
      <c r="Z9" s="388">
        <v>0</v>
      </c>
      <c r="AA9" s="393">
        <v>0</v>
      </c>
      <c r="AB9" s="394">
        <v>0</v>
      </c>
      <c r="AC9" s="395">
        <v>38141289</v>
      </c>
      <c r="AD9" s="395">
        <v>53016453</v>
      </c>
      <c r="AE9" s="395">
        <v>54056784</v>
      </c>
      <c r="AF9" s="395">
        <v>60097220</v>
      </c>
      <c r="AG9" s="395">
        <v>54652422</v>
      </c>
      <c r="AH9" s="393">
        <v>259964168</v>
      </c>
      <c r="AI9" s="392">
        <v>259964168</v>
      </c>
      <c r="AJ9" s="396">
        <v>0</v>
      </c>
      <c r="AK9" s="395">
        <v>0</v>
      </c>
      <c r="AL9" s="393">
        <v>0</v>
      </c>
      <c r="AM9" s="394">
        <v>0</v>
      </c>
      <c r="AN9" s="395">
        <v>335839</v>
      </c>
      <c r="AO9" s="391">
        <v>1392884</v>
      </c>
      <c r="AP9" s="395">
        <v>3144958</v>
      </c>
      <c r="AQ9" s="395">
        <v>6710169</v>
      </c>
      <c r="AR9" s="395">
        <v>11104497</v>
      </c>
      <c r="AS9" s="393">
        <v>22688347</v>
      </c>
      <c r="AT9" s="392">
        <v>22688347</v>
      </c>
      <c r="AU9" s="396">
        <v>3646901</v>
      </c>
      <c r="AV9" s="395">
        <v>9732786</v>
      </c>
      <c r="AW9" s="393">
        <v>13379687</v>
      </c>
      <c r="AX9" s="394">
        <v>0</v>
      </c>
      <c r="AY9" s="395">
        <v>32327855</v>
      </c>
      <c r="AZ9" s="395">
        <v>47468835</v>
      </c>
      <c r="BA9" s="395">
        <v>32349730</v>
      </c>
      <c r="BB9" s="395">
        <v>29200901</v>
      </c>
      <c r="BC9" s="395">
        <v>23317740</v>
      </c>
      <c r="BD9" s="393">
        <v>164665061</v>
      </c>
      <c r="BE9" s="397">
        <v>178044748</v>
      </c>
      <c r="BF9" s="396">
        <v>451951</v>
      </c>
      <c r="BG9" s="391">
        <v>1256642</v>
      </c>
      <c r="BH9" s="398">
        <v>1708593</v>
      </c>
      <c r="BI9" s="394">
        <v>0</v>
      </c>
      <c r="BJ9" s="395">
        <v>1937811</v>
      </c>
      <c r="BK9" s="395">
        <v>4105066</v>
      </c>
      <c r="BL9" s="395">
        <v>2847928</v>
      </c>
      <c r="BM9" s="395">
        <v>2457635</v>
      </c>
      <c r="BN9" s="395">
        <v>593489</v>
      </c>
      <c r="BO9" s="393">
        <v>11941929</v>
      </c>
      <c r="BP9" s="392">
        <v>13650522</v>
      </c>
      <c r="BQ9" s="396">
        <v>3544456</v>
      </c>
      <c r="BR9" s="395">
        <v>3540584</v>
      </c>
      <c r="BS9" s="393">
        <v>7085040</v>
      </c>
      <c r="BT9" s="394">
        <v>0</v>
      </c>
      <c r="BU9" s="395">
        <v>15846976</v>
      </c>
      <c r="BV9" s="395">
        <v>18620624</v>
      </c>
      <c r="BW9" s="395">
        <v>17384099</v>
      </c>
      <c r="BX9" s="395">
        <v>16018547</v>
      </c>
      <c r="BY9" s="395">
        <v>10834796</v>
      </c>
      <c r="BZ9" s="393">
        <v>78705042</v>
      </c>
      <c r="CA9" s="392">
        <v>85790082</v>
      </c>
      <c r="CB9" s="396">
        <v>3002059</v>
      </c>
      <c r="CC9" s="395">
        <v>6154345</v>
      </c>
      <c r="CD9" s="393">
        <v>9156404</v>
      </c>
      <c r="CE9" s="394">
        <v>0</v>
      </c>
      <c r="CF9" s="395">
        <v>84520958</v>
      </c>
      <c r="CG9" s="395">
        <v>103032558</v>
      </c>
      <c r="CH9" s="399">
        <v>78069790</v>
      </c>
      <c r="CI9" s="395">
        <v>41740122</v>
      </c>
      <c r="CJ9" s="395">
        <v>16387397</v>
      </c>
      <c r="CK9" s="393">
        <v>323750825</v>
      </c>
      <c r="CL9" s="392">
        <v>332907229</v>
      </c>
      <c r="CM9" s="387">
        <v>0</v>
      </c>
      <c r="CN9" s="388">
        <v>0</v>
      </c>
      <c r="CO9" s="393">
        <v>0</v>
      </c>
      <c r="CP9" s="394">
        <v>0</v>
      </c>
      <c r="CQ9" s="395">
        <v>67983965</v>
      </c>
      <c r="CR9" s="395">
        <v>75474691</v>
      </c>
      <c r="CS9" s="395">
        <v>56750247</v>
      </c>
      <c r="CT9" s="395">
        <v>29365104</v>
      </c>
      <c r="CU9" s="395">
        <v>12279883</v>
      </c>
      <c r="CV9" s="400">
        <v>241853890</v>
      </c>
      <c r="CW9" s="392">
        <v>241853890</v>
      </c>
      <c r="CX9" s="396">
        <v>3002059</v>
      </c>
      <c r="CY9" s="395">
        <v>6154345</v>
      </c>
      <c r="CZ9" s="393">
        <v>9156404</v>
      </c>
      <c r="DA9" s="394">
        <v>0</v>
      </c>
      <c r="DB9" s="395">
        <v>16536993</v>
      </c>
      <c r="DC9" s="395">
        <v>27557867</v>
      </c>
      <c r="DD9" s="395">
        <v>21319543</v>
      </c>
      <c r="DE9" s="395">
        <v>12375018</v>
      </c>
      <c r="DF9" s="395">
        <v>4107514</v>
      </c>
      <c r="DG9" s="393">
        <v>81896935</v>
      </c>
      <c r="DH9" s="392">
        <v>91053339</v>
      </c>
      <c r="DI9" s="396">
        <v>198981</v>
      </c>
      <c r="DJ9" s="395">
        <v>777512</v>
      </c>
      <c r="DK9" s="398">
        <v>976493</v>
      </c>
      <c r="DL9" s="394">
        <v>0</v>
      </c>
      <c r="DM9" s="395">
        <v>8757944</v>
      </c>
      <c r="DN9" s="395">
        <v>16101395</v>
      </c>
      <c r="DO9" s="395">
        <v>32986565</v>
      </c>
      <c r="DP9" s="395">
        <v>27748549</v>
      </c>
      <c r="DQ9" s="395">
        <v>10496111</v>
      </c>
      <c r="DR9" s="401">
        <v>96090564</v>
      </c>
      <c r="DS9" s="392">
        <v>97067057</v>
      </c>
      <c r="DT9" s="396">
        <v>161393</v>
      </c>
      <c r="DU9" s="395">
        <v>757440</v>
      </c>
      <c r="DV9" s="393">
        <v>918833</v>
      </c>
      <c r="DW9" s="394">
        <v>0</v>
      </c>
      <c r="DX9" s="395">
        <v>8032223</v>
      </c>
      <c r="DY9" s="395">
        <v>14050385</v>
      </c>
      <c r="DZ9" s="395">
        <v>27481908</v>
      </c>
      <c r="EA9" s="395">
        <v>23986521</v>
      </c>
      <c r="EB9" s="395">
        <v>8432098</v>
      </c>
      <c r="EC9" s="393">
        <v>81983135</v>
      </c>
      <c r="ED9" s="392">
        <v>82901968</v>
      </c>
      <c r="EE9" s="396">
        <v>37588</v>
      </c>
      <c r="EF9" s="391">
        <v>20072</v>
      </c>
      <c r="EG9" s="393">
        <v>57660</v>
      </c>
      <c r="EH9" s="397">
        <v>0</v>
      </c>
      <c r="EI9" s="395">
        <v>725721</v>
      </c>
      <c r="EJ9" s="395">
        <v>2051010</v>
      </c>
      <c r="EK9" s="395">
        <v>5504657</v>
      </c>
      <c r="EL9" s="395">
        <v>3762028</v>
      </c>
      <c r="EM9" s="399">
        <v>2064013</v>
      </c>
      <c r="EN9" s="391">
        <v>14107429</v>
      </c>
      <c r="EO9" s="392">
        <v>14165089</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5061157</v>
      </c>
      <c r="FM9" s="395">
        <v>9845619</v>
      </c>
      <c r="FN9" s="393">
        <v>14906776</v>
      </c>
      <c r="FO9" s="394">
        <v>0</v>
      </c>
      <c r="FP9" s="395">
        <v>15614975</v>
      </c>
      <c r="FQ9" s="395">
        <v>37356289</v>
      </c>
      <c r="FR9" s="395">
        <v>28881837</v>
      </c>
      <c r="FS9" s="395">
        <v>23906242</v>
      </c>
      <c r="FT9" s="395">
        <v>15157391</v>
      </c>
      <c r="FU9" s="393">
        <v>120916734</v>
      </c>
      <c r="FV9" s="392">
        <v>135823510</v>
      </c>
      <c r="FW9" s="396">
        <v>2391432</v>
      </c>
      <c r="FX9" s="395">
        <v>6476856</v>
      </c>
      <c r="FY9" s="391">
        <v>8868288</v>
      </c>
      <c r="FZ9" s="397">
        <v>0</v>
      </c>
      <c r="GA9" s="395">
        <v>10645405</v>
      </c>
      <c r="GB9" s="403">
        <v>33781198</v>
      </c>
      <c r="GC9" s="395">
        <v>25854550</v>
      </c>
      <c r="GD9" s="403">
        <v>22287308</v>
      </c>
      <c r="GE9" s="395">
        <v>14660712</v>
      </c>
      <c r="GF9" s="400">
        <v>107229173</v>
      </c>
      <c r="GG9" s="404">
        <v>116097461</v>
      </c>
      <c r="GH9" s="405">
        <v>238072</v>
      </c>
      <c r="GI9" s="395">
        <v>511848</v>
      </c>
      <c r="GJ9" s="403">
        <v>749920</v>
      </c>
      <c r="GK9" s="390">
        <v>0</v>
      </c>
      <c r="GL9" s="395">
        <v>834748</v>
      </c>
      <c r="GM9" s="391">
        <v>1239799</v>
      </c>
      <c r="GN9" s="395">
        <v>1387135</v>
      </c>
      <c r="GO9" s="391">
        <v>565683</v>
      </c>
      <c r="GP9" s="395">
        <v>296576</v>
      </c>
      <c r="GQ9" s="401">
        <v>4323941</v>
      </c>
      <c r="GR9" s="392">
        <v>5073861</v>
      </c>
      <c r="GS9" s="391">
        <v>2431653</v>
      </c>
      <c r="GT9" s="395">
        <v>2856915</v>
      </c>
      <c r="GU9" s="393">
        <v>5288568</v>
      </c>
      <c r="GV9" s="391">
        <v>0</v>
      </c>
      <c r="GW9" s="395">
        <v>4134822</v>
      </c>
      <c r="GX9" s="391">
        <v>2335292</v>
      </c>
      <c r="GY9" s="395">
        <v>1640152</v>
      </c>
      <c r="GZ9" s="391">
        <v>1053251</v>
      </c>
      <c r="HA9" s="395">
        <v>200103</v>
      </c>
      <c r="HB9" s="391">
        <v>9363620</v>
      </c>
      <c r="HC9" s="392">
        <v>14652188</v>
      </c>
      <c r="HD9" s="391">
        <v>10949179</v>
      </c>
      <c r="HE9" s="395">
        <v>12241531</v>
      </c>
      <c r="HF9" s="391">
        <v>23190710</v>
      </c>
      <c r="HG9" s="397">
        <v>0</v>
      </c>
      <c r="HH9" s="395">
        <v>88056915</v>
      </c>
      <c r="HI9" s="403">
        <v>85542865</v>
      </c>
      <c r="HJ9" s="395">
        <v>91873144</v>
      </c>
      <c r="HK9" s="403">
        <v>90897056</v>
      </c>
      <c r="HL9" s="395">
        <v>58354355</v>
      </c>
      <c r="HM9" s="400">
        <v>414724335</v>
      </c>
      <c r="HN9" s="391">
        <v>437915045</v>
      </c>
      <c r="HO9" s="468"/>
      <c r="HP9" s="469"/>
      <c r="HQ9" s="470"/>
      <c r="HR9" s="471"/>
      <c r="HS9" s="469"/>
      <c r="HT9" s="471"/>
      <c r="HU9" s="469"/>
      <c r="HV9" s="471"/>
      <c r="HW9" s="469"/>
      <c r="HX9" s="471"/>
      <c r="HY9" s="472"/>
      <c r="HZ9" s="406">
        <v>601791</v>
      </c>
      <c r="IA9" s="407">
        <v>842921</v>
      </c>
      <c r="IB9" s="408">
        <v>1444712</v>
      </c>
      <c r="IC9" s="409">
        <v>0</v>
      </c>
      <c r="ID9" s="407">
        <v>74818206</v>
      </c>
      <c r="IE9" s="410">
        <v>97246684</v>
      </c>
      <c r="IF9" s="411">
        <v>100953566</v>
      </c>
      <c r="IG9" s="407">
        <v>82391286</v>
      </c>
      <c r="IH9" s="411">
        <v>55590357</v>
      </c>
      <c r="II9" s="412">
        <v>411000099</v>
      </c>
      <c r="IJ9" s="413">
        <v>412444811</v>
      </c>
      <c r="IK9" s="414">
        <v>0</v>
      </c>
      <c r="IL9" s="415">
        <v>0</v>
      </c>
      <c r="IM9" s="416">
        <v>0</v>
      </c>
      <c r="IN9" s="417"/>
      <c r="IO9" s="418">
        <v>1357942</v>
      </c>
      <c r="IP9" s="418">
        <v>2778968</v>
      </c>
      <c r="IQ9" s="418">
        <v>3636485</v>
      </c>
      <c r="IR9" s="418">
        <v>5834832</v>
      </c>
      <c r="IS9" s="418">
        <v>5028147</v>
      </c>
      <c r="IT9" s="419">
        <v>18636374</v>
      </c>
      <c r="IU9" s="420">
        <v>18636374</v>
      </c>
      <c r="IV9" s="421">
        <v>0</v>
      </c>
      <c r="IW9" s="418">
        <v>0</v>
      </c>
      <c r="IX9" s="422">
        <v>0</v>
      </c>
      <c r="IY9" s="423"/>
      <c r="IZ9" s="418">
        <v>216743</v>
      </c>
      <c r="JA9" s="418">
        <v>493611</v>
      </c>
      <c r="JB9" s="418">
        <v>812927</v>
      </c>
      <c r="JC9" s="418">
        <v>920583</v>
      </c>
      <c r="JD9" s="418">
        <v>815998</v>
      </c>
      <c r="JE9" s="422">
        <v>3259862</v>
      </c>
      <c r="JF9" s="424">
        <v>3259862</v>
      </c>
      <c r="JG9" s="421">
        <v>0</v>
      </c>
      <c r="JH9" s="418">
        <v>0</v>
      </c>
      <c r="JI9" s="419">
        <v>0</v>
      </c>
      <c r="JJ9" s="425">
        <v>0</v>
      </c>
      <c r="JK9" s="418">
        <v>33116692</v>
      </c>
      <c r="JL9" s="418">
        <v>32605513</v>
      </c>
      <c r="JM9" s="418">
        <v>24825561</v>
      </c>
      <c r="JN9" s="418">
        <v>12809472</v>
      </c>
      <c r="JO9" s="418">
        <v>7410625</v>
      </c>
      <c r="JP9" s="422">
        <v>110767863</v>
      </c>
      <c r="JQ9" s="420">
        <v>110767863</v>
      </c>
      <c r="JR9" s="421">
        <v>26824</v>
      </c>
      <c r="JS9" s="418">
        <v>0</v>
      </c>
      <c r="JT9" s="419">
        <v>26824</v>
      </c>
      <c r="JU9" s="425">
        <v>0</v>
      </c>
      <c r="JV9" s="418">
        <v>5435071</v>
      </c>
      <c r="JW9" s="418">
        <v>6457811</v>
      </c>
      <c r="JX9" s="418">
        <v>9552704</v>
      </c>
      <c r="JY9" s="418">
        <v>3792862</v>
      </c>
      <c r="JZ9" s="418">
        <v>2302978</v>
      </c>
      <c r="KA9" s="422">
        <v>27541426</v>
      </c>
      <c r="KB9" s="420">
        <v>27568250</v>
      </c>
      <c r="KC9" s="426">
        <v>574967</v>
      </c>
      <c r="KD9" s="427">
        <v>842921</v>
      </c>
      <c r="KE9" s="422">
        <v>1417888</v>
      </c>
      <c r="KF9" s="425">
        <v>0</v>
      </c>
      <c r="KG9" s="418">
        <v>8948506</v>
      </c>
      <c r="KH9" s="418">
        <v>13062150</v>
      </c>
      <c r="KI9" s="418">
        <v>17828227</v>
      </c>
      <c r="KJ9" s="418">
        <v>11740514</v>
      </c>
      <c r="KK9" s="418">
        <v>6089018</v>
      </c>
      <c r="KL9" s="422">
        <v>57668415</v>
      </c>
      <c r="KM9" s="428">
        <v>59086303</v>
      </c>
      <c r="KN9" s="414">
        <v>0</v>
      </c>
      <c r="KO9" s="415">
        <v>0</v>
      </c>
      <c r="KP9" s="416">
        <v>0</v>
      </c>
      <c r="KQ9" s="417"/>
      <c r="KR9" s="418">
        <v>22563354</v>
      </c>
      <c r="KS9" s="418">
        <v>36033593</v>
      </c>
      <c r="KT9" s="418">
        <v>33300988</v>
      </c>
      <c r="KU9" s="418">
        <v>33157061</v>
      </c>
      <c r="KV9" s="418">
        <v>18751822</v>
      </c>
      <c r="KW9" s="422">
        <v>143806818</v>
      </c>
      <c r="KX9" s="420">
        <v>143806818</v>
      </c>
      <c r="KY9" s="421">
        <v>0</v>
      </c>
      <c r="KZ9" s="418">
        <v>0</v>
      </c>
      <c r="LA9" s="422">
        <v>0</v>
      </c>
      <c r="LB9" s="429"/>
      <c r="LC9" s="418">
        <v>644670</v>
      </c>
      <c r="LD9" s="418">
        <v>1630575</v>
      </c>
      <c r="LE9" s="418">
        <v>989477</v>
      </c>
      <c r="LF9" s="418">
        <v>1101097</v>
      </c>
      <c r="LG9" s="418">
        <v>948579</v>
      </c>
      <c r="LH9" s="422">
        <v>5314398</v>
      </c>
      <c r="LI9" s="424">
        <v>5314398</v>
      </c>
      <c r="LJ9" s="421">
        <v>0</v>
      </c>
      <c r="LK9" s="418">
        <v>0</v>
      </c>
      <c r="LL9" s="422">
        <v>0</v>
      </c>
      <c r="LM9" s="429"/>
      <c r="LN9" s="418">
        <v>200512</v>
      </c>
      <c r="LO9" s="418">
        <v>463007</v>
      </c>
      <c r="LP9" s="418">
        <v>4618390</v>
      </c>
      <c r="LQ9" s="418">
        <v>4401496</v>
      </c>
      <c r="LR9" s="418">
        <v>2805854</v>
      </c>
      <c r="LS9" s="422">
        <v>12489259</v>
      </c>
      <c r="LT9" s="420">
        <v>12489259</v>
      </c>
      <c r="LU9" s="421">
        <v>0</v>
      </c>
      <c r="LV9" s="418">
        <v>0</v>
      </c>
      <c r="LW9" s="422">
        <v>0</v>
      </c>
      <c r="LX9" s="429"/>
      <c r="LY9" s="418">
        <v>2334716</v>
      </c>
      <c r="LZ9" s="418">
        <v>3721456</v>
      </c>
      <c r="MA9" s="418">
        <v>5388807</v>
      </c>
      <c r="MB9" s="418">
        <v>8633369</v>
      </c>
      <c r="MC9" s="418">
        <v>11437336</v>
      </c>
      <c r="MD9" s="422">
        <v>31515684</v>
      </c>
      <c r="ME9" s="424">
        <v>31515684</v>
      </c>
      <c r="MF9" s="421">
        <v>0</v>
      </c>
      <c r="MG9" s="418">
        <v>0</v>
      </c>
      <c r="MH9" s="422">
        <v>0</v>
      </c>
      <c r="MI9" s="429"/>
      <c r="MJ9" s="418">
        <v>20181533</v>
      </c>
      <c r="MK9" s="418">
        <v>62348451</v>
      </c>
      <c r="ML9" s="418">
        <v>177066289</v>
      </c>
      <c r="MM9" s="418">
        <v>256624106</v>
      </c>
      <c r="MN9" s="418">
        <v>166170817</v>
      </c>
      <c r="MO9" s="422">
        <v>682391196</v>
      </c>
      <c r="MP9" s="428">
        <v>682391196</v>
      </c>
      <c r="MQ9" s="421">
        <v>0</v>
      </c>
      <c r="MR9" s="418">
        <v>0</v>
      </c>
      <c r="MS9" s="422">
        <v>0</v>
      </c>
      <c r="MT9" s="429"/>
      <c r="MU9" s="418">
        <v>2730886</v>
      </c>
      <c r="MV9" s="418">
        <v>12328929</v>
      </c>
      <c r="MW9" s="418">
        <v>104668535</v>
      </c>
      <c r="MX9" s="418">
        <v>165650242</v>
      </c>
      <c r="MY9" s="418">
        <v>100305441</v>
      </c>
      <c r="MZ9" s="422">
        <v>385684033</v>
      </c>
      <c r="NA9" s="428">
        <v>385684033</v>
      </c>
      <c r="NB9" s="421">
        <v>0</v>
      </c>
      <c r="NC9" s="418">
        <v>0</v>
      </c>
      <c r="ND9" s="422">
        <v>0</v>
      </c>
      <c r="NE9" s="429"/>
      <c r="NF9" s="418">
        <v>17450647</v>
      </c>
      <c r="NG9" s="418">
        <v>49614443</v>
      </c>
      <c r="NH9" s="418">
        <v>71622207</v>
      </c>
      <c r="NI9" s="418">
        <v>84417774</v>
      </c>
      <c r="NJ9" s="418">
        <v>55074379</v>
      </c>
      <c r="NK9" s="422">
        <v>278179450</v>
      </c>
      <c r="NL9" s="420">
        <v>278179450</v>
      </c>
      <c r="NM9" s="421">
        <v>0</v>
      </c>
      <c r="NN9" s="418">
        <v>0</v>
      </c>
      <c r="NO9" s="422">
        <v>0</v>
      </c>
      <c r="NP9" s="429"/>
      <c r="NQ9" s="418">
        <v>0</v>
      </c>
      <c r="NR9" s="418">
        <v>0</v>
      </c>
      <c r="NS9" s="418">
        <v>315888</v>
      </c>
      <c r="NT9" s="418">
        <v>2472042</v>
      </c>
      <c r="NU9" s="418">
        <v>2182342</v>
      </c>
      <c r="NV9" s="422">
        <v>4970272</v>
      </c>
      <c r="NW9" s="424">
        <v>4970272</v>
      </c>
      <c r="NX9" s="421">
        <v>0</v>
      </c>
      <c r="NY9" s="418">
        <v>0</v>
      </c>
      <c r="NZ9" s="422">
        <v>0</v>
      </c>
      <c r="OA9" s="429"/>
      <c r="OB9" s="418">
        <v>0</v>
      </c>
      <c r="OC9" s="418">
        <v>405079</v>
      </c>
      <c r="OD9" s="418">
        <v>459659</v>
      </c>
      <c r="OE9" s="418">
        <v>4084048</v>
      </c>
      <c r="OF9" s="418">
        <v>8608655</v>
      </c>
      <c r="OG9" s="422">
        <v>13557441</v>
      </c>
      <c r="OH9" s="424">
        <v>13557441</v>
      </c>
      <c r="OI9" s="421">
        <v>27456475</v>
      </c>
      <c r="OJ9" s="418">
        <v>44391940</v>
      </c>
      <c r="OK9" s="419">
        <v>71848415</v>
      </c>
      <c r="OL9" s="425">
        <v>0</v>
      </c>
      <c r="OM9" s="418">
        <v>380540301</v>
      </c>
      <c r="ON9" s="418">
        <v>526232104</v>
      </c>
      <c r="OO9" s="418">
        <v>619614690</v>
      </c>
      <c r="OP9" s="418">
        <v>637791833</v>
      </c>
      <c r="OQ9" s="418">
        <v>422659372</v>
      </c>
      <c r="OR9" s="422">
        <v>2586838300</v>
      </c>
      <c r="OS9" s="428">
        <v>2658686715</v>
      </c>
    </row>
    <row r="10" spans="1:409" s="473" customFormat="1" ht="21" customHeight="1" x14ac:dyDescent="0.2">
      <c r="A10" s="44"/>
      <c r="B10" s="474" t="s">
        <v>5</v>
      </c>
      <c r="C10" s="432">
        <v>10719662</v>
      </c>
      <c r="D10" s="433">
        <v>22518400</v>
      </c>
      <c r="E10" s="434">
        <v>33238062</v>
      </c>
      <c r="F10" s="435">
        <v>0</v>
      </c>
      <c r="G10" s="433">
        <v>105805614</v>
      </c>
      <c r="H10" s="433">
        <v>170291043</v>
      </c>
      <c r="I10" s="433">
        <v>157810335</v>
      </c>
      <c r="J10" s="433">
        <v>131470907</v>
      </c>
      <c r="K10" s="433">
        <v>88738429</v>
      </c>
      <c r="L10" s="435">
        <v>654116328</v>
      </c>
      <c r="M10" s="436">
        <v>687354390</v>
      </c>
      <c r="N10" s="432">
        <v>3351915</v>
      </c>
      <c r="O10" s="433">
        <v>8689122</v>
      </c>
      <c r="P10" s="434">
        <v>12041037</v>
      </c>
      <c r="Q10" s="432">
        <v>0</v>
      </c>
      <c r="R10" s="433">
        <v>34598409</v>
      </c>
      <c r="S10" s="433">
        <v>60454900</v>
      </c>
      <c r="T10" s="433">
        <v>52429664</v>
      </c>
      <c r="U10" s="433">
        <v>48192648</v>
      </c>
      <c r="V10" s="433">
        <v>43103473</v>
      </c>
      <c r="W10" s="434">
        <v>238779094</v>
      </c>
      <c r="X10" s="436">
        <v>250820131</v>
      </c>
      <c r="Y10" s="432">
        <v>0</v>
      </c>
      <c r="Z10" s="433">
        <v>0</v>
      </c>
      <c r="AA10" s="434">
        <v>0</v>
      </c>
      <c r="AB10" s="432">
        <v>0</v>
      </c>
      <c r="AC10" s="433">
        <v>14758391</v>
      </c>
      <c r="AD10" s="433">
        <v>23764257</v>
      </c>
      <c r="AE10" s="433">
        <v>24634888</v>
      </c>
      <c r="AF10" s="433">
        <v>22929210</v>
      </c>
      <c r="AG10" s="433">
        <v>22171507</v>
      </c>
      <c r="AH10" s="434">
        <v>108258253</v>
      </c>
      <c r="AI10" s="436">
        <v>108258253</v>
      </c>
      <c r="AJ10" s="432">
        <v>0</v>
      </c>
      <c r="AK10" s="433">
        <v>0</v>
      </c>
      <c r="AL10" s="434">
        <v>0</v>
      </c>
      <c r="AM10" s="432">
        <v>0</v>
      </c>
      <c r="AN10" s="433">
        <v>109347</v>
      </c>
      <c r="AO10" s="433">
        <v>575081</v>
      </c>
      <c r="AP10" s="433">
        <v>1269621</v>
      </c>
      <c r="AQ10" s="433">
        <v>2810109</v>
      </c>
      <c r="AR10" s="433">
        <v>5014425</v>
      </c>
      <c r="AS10" s="434">
        <v>9778583</v>
      </c>
      <c r="AT10" s="436">
        <v>9778583</v>
      </c>
      <c r="AU10" s="432">
        <v>1628397</v>
      </c>
      <c r="AV10" s="433">
        <v>5742539</v>
      </c>
      <c r="AW10" s="434">
        <v>7370936</v>
      </c>
      <c r="AX10" s="432">
        <v>0</v>
      </c>
      <c r="AY10" s="433">
        <v>13145610</v>
      </c>
      <c r="AZ10" s="433">
        <v>26124560</v>
      </c>
      <c r="BA10" s="433">
        <v>17409765</v>
      </c>
      <c r="BB10" s="433">
        <v>14407899</v>
      </c>
      <c r="BC10" s="433">
        <v>10788173</v>
      </c>
      <c r="BD10" s="434">
        <v>81876007</v>
      </c>
      <c r="BE10" s="436">
        <v>89246943</v>
      </c>
      <c r="BF10" s="432">
        <v>127254</v>
      </c>
      <c r="BG10" s="433">
        <v>723975</v>
      </c>
      <c r="BH10" s="437">
        <v>851229</v>
      </c>
      <c r="BI10" s="438">
        <v>0</v>
      </c>
      <c r="BJ10" s="433">
        <v>485389</v>
      </c>
      <c r="BK10" s="433">
        <v>1605046</v>
      </c>
      <c r="BL10" s="433">
        <v>1360590</v>
      </c>
      <c r="BM10" s="433">
        <v>892571</v>
      </c>
      <c r="BN10" s="433">
        <v>194352</v>
      </c>
      <c r="BO10" s="434">
        <v>4537948</v>
      </c>
      <c r="BP10" s="436">
        <v>5389177</v>
      </c>
      <c r="BQ10" s="432">
        <v>1596264</v>
      </c>
      <c r="BR10" s="433">
        <v>2222608</v>
      </c>
      <c r="BS10" s="434">
        <v>3818872</v>
      </c>
      <c r="BT10" s="432">
        <v>0</v>
      </c>
      <c r="BU10" s="433">
        <v>6099672</v>
      </c>
      <c r="BV10" s="433">
        <v>8385956</v>
      </c>
      <c r="BW10" s="433">
        <v>7754800</v>
      </c>
      <c r="BX10" s="433">
        <v>7152859</v>
      </c>
      <c r="BY10" s="433">
        <v>4935016</v>
      </c>
      <c r="BZ10" s="434">
        <v>34328303</v>
      </c>
      <c r="CA10" s="436">
        <v>38147175</v>
      </c>
      <c r="CB10" s="432">
        <v>1409927</v>
      </c>
      <c r="CC10" s="433">
        <v>3122656</v>
      </c>
      <c r="CD10" s="434">
        <v>4532583</v>
      </c>
      <c r="CE10" s="432">
        <v>0</v>
      </c>
      <c r="CF10" s="433">
        <v>30157579</v>
      </c>
      <c r="CG10" s="433">
        <v>46353022</v>
      </c>
      <c r="CH10" s="433">
        <v>33691297</v>
      </c>
      <c r="CI10" s="433">
        <v>17577502</v>
      </c>
      <c r="CJ10" s="433">
        <v>7334589</v>
      </c>
      <c r="CK10" s="434">
        <v>135113989</v>
      </c>
      <c r="CL10" s="436">
        <v>139646572</v>
      </c>
      <c r="CM10" s="432">
        <v>0</v>
      </c>
      <c r="CN10" s="433">
        <v>0</v>
      </c>
      <c r="CO10" s="434">
        <v>0</v>
      </c>
      <c r="CP10" s="438">
        <v>0</v>
      </c>
      <c r="CQ10" s="433">
        <v>24542681</v>
      </c>
      <c r="CR10" s="433">
        <v>33943205</v>
      </c>
      <c r="CS10" s="433">
        <v>22718704</v>
      </c>
      <c r="CT10" s="433">
        <v>10995118</v>
      </c>
      <c r="CU10" s="433">
        <v>5280791</v>
      </c>
      <c r="CV10" s="434">
        <v>97480499</v>
      </c>
      <c r="CW10" s="436">
        <v>97480499</v>
      </c>
      <c r="CX10" s="432">
        <v>1409927</v>
      </c>
      <c r="CY10" s="433">
        <v>3122656</v>
      </c>
      <c r="CZ10" s="434">
        <v>4532583</v>
      </c>
      <c r="DA10" s="432">
        <v>0</v>
      </c>
      <c r="DB10" s="433">
        <v>5614898</v>
      </c>
      <c r="DC10" s="433">
        <v>12409817</v>
      </c>
      <c r="DD10" s="433">
        <v>10972593</v>
      </c>
      <c r="DE10" s="433">
        <v>6582384</v>
      </c>
      <c r="DF10" s="433">
        <v>2053798</v>
      </c>
      <c r="DG10" s="434">
        <v>37633490</v>
      </c>
      <c r="DH10" s="436">
        <v>42166073</v>
      </c>
      <c r="DI10" s="432">
        <v>71890</v>
      </c>
      <c r="DJ10" s="433">
        <v>366614</v>
      </c>
      <c r="DK10" s="437">
        <v>438504</v>
      </c>
      <c r="DL10" s="438">
        <v>0</v>
      </c>
      <c r="DM10" s="433">
        <v>3117655</v>
      </c>
      <c r="DN10" s="433">
        <v>7817480</v>
      </c>
      <c r="DO10" s="433">
        <v>15599911</v>
      </c>
      <c r="DP10" s="433">
        <v>12527713</v>
      </c>
      <c r="DQ10" s="433">
        <v>4999655</v>
      </c>
      <c r="DR10" s="434">
        <v>44062414</v>
      </c>
      <c r="DS10" s="436">
        <v>44500918</v>
      </c>
      <c r="DT10" s="432">
        <v>34302</v>
      </c>
      <c r="DU10" s="433">
        <v>366614</v>
      </c>
      <c r="DV10" s="434">
        <v>400916</v>
      </c>
      <c r="DW10" s="432">
        <v>0</v>
      </c>
      <c r="DX10" s="433">
        <v>2880643</v>
      </c>
      <c r="DY10" s="433">
        <v>6465616</v>
      </c>
      <c r="DZ10" s="433">
        <v>11607255</v>
      </c>
      <c r="EA10" s="433">
        <v>10071333</v>
      </c>
      <c r="EB10" s="433">
        <v>3574308</v>
      </c>
      <c r="EC10" s="434">
        <v>34599155</v>
      </c>
      <c r="ED10" s="436">
        <v>35000071</v>
      </c>
      <c r="EE10" s="432">
        <v>37588</v>
      </c>
      <c r="EF10" s="437">
        <v>0</v>
      </c>
      <c r="EG10" s="434">
        <v>37588</v>
      </c>
      <c r="EH10" s="432">
        <v>0</v>
      </c>
      <c r="EI10" s="433">
        <v>237012</v>
      </c>
      <c r="EJ10" s="433">
        <v>1351864</v>
      </c>
      <c r="EK10" s="433">
        <v>3992656</v>
      </c>
      <c r="EL10" s="433">
        <v>2456380</v>
      </c>
      <c r="EM10" s="433">
        <v>1425347</v>
      </c>
      <c r="EN10" s="437">
        <v>9463259</v>
      </c>
      <c r="EO10" s="436">
        <v>9500847</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1623385</v>
      </c>
      <c r="FM10" s="433">
        <v>3925340</v>
      </c>
      <c r="FN10" s="434">
        <v>5548725</v>
      </c>
      <c r="FO10" s="432">
        <v>0</v>
      </c>
      <c r="FP10" s="433">
        <v>5366876</v>
      </c>
      <c r="FQ10" s="433">
        <v>16105443</v>
      </c>
      <c r="FR10" s="433">
        <v>11991724</v>
      </c>
      <c r="FS10" s="433">
        <v>9786883</v>
      </c>
      <c r="FT10" s="433">
        <v>6490536</v>
      </c>
      <c r="FU10" s="434">
        <v>49741462</v>
      </c>
      <c r="FV10" s="436">
        <v>55290187</v>
      </c>
      <c r="FW10" s="440">
        <v>894064</v>
      </c>
      <c r="FX10" s="433">
        <v>2785340</v>
      </c>
      <c r="FY10" s="437">
        <v>3679404</v>
      </c>
      <c r="FZ10" s="438">
        <v>0</v>
      </c>
      <c r="GA10" s="433">
        <v>3234024</v>
      </c>
      <c r="GB10" s="433">
        <v>14829116</v>
      </c>
      <c r="GC10" s="433">
        <v>11018880</v>
      </c>
      <c r="GD10" s="433">
        <v>9028960</v>
      </c>
      <c r="GE10" s="433">
        <v>6454456</v>
      </c>
      <c r="GF10" s="434">
        <v>44565436</v>
      </c>
      <c r="GG10" s="441">
        <v>48244840</v>
      </c>
      <c r="GH10" s="440">
        <v>56760</v>
      </c>
      <c r="GI10" s="433">
        <v>202680</v>
      </c>
      <c r="GJ10" s="437">
        <v>259440</v>
      </c>
      <c r="GK10" s="438">
        <v>0</v>
      </c>
      <c r="GL10" s="433">
        <v>366492</v>
      </c>
      <c r="GM10" s="433">
        <v>417567</v>
      </c>
      <c r="GN10" s="433">
        <v>392372</v>
      </c>
      <c r="GO10" s="433">
        <v>199907</v>
      </c>
      <c r="GP10" s="433">
        <v>36080</v>
      </c>
      <c r="GQ10" s="434">
        <v>1412418</v>
      </c>
      <c r="GR10" s="436">
        <v>1671858</v>
      </c>
      <c r="GS10" s="432">
        <v>672561</v>
      </c>
      <c r="GT10" s="433">
        <v>937320</v>
      </c>
      <c r="GU10" s="434">
        <v>1609881</v>
      </c>
      <c r="GV10" s="432">
        <v>0</v>
      </c>
      <c r="GW10" s="433">
        <v>1766360</v>
      </c>
      <c r="GX10" s="433">
        <v>858760</v>
      </c>
      <c r="GY10" s="433">
        <v>580472</v>
      </c>
      <c r="GZ10" s="433">
        <v>558016</v>
      </c>
      <c r="HA10" s="433">
        <v>0</v>
      </c>
      <c r="HB10" s="437">
        <v>3763608</v>
      </c>
      <c r="HC10" s="436">
        <v>5373489</v>
      </c>
      <c r="HD10" s="432">
        <v>4262545</v>
      </c>
      <c r="HE10" s="433">
        <v>6414668</v>
      </c>
      <c r="HF10" s="437">
        <v>10677213</v>
      </c>
      <c r="HG10" s="438">
        <v>0</v>
      </c>
      <c r="HH10" s="433">
        <v>32565095</v>
      </c>
      <c r="HI10" s="433">
        <v>39560198</v>
      </c>
      <c r="HJ10" s="433">
        <v>44097739</v>
      </c>
      <c r="HK10" s="433">
        <v>43386161</v>
      </c>
      <c r="HL10" s="433">
        <v>26810176</v>
      </c>
      <c r="HM10" s="434">
        <v>186419369</v>
      </c>
      <c r="HN10" s="435">
        <v>197096582</v>
      </c>
      <c r="HO10" s="475"/>
      <c r="HP10" s="476"/>
      <c r="HQ10" s="477"/>
      <c r="HR10" s="478"/>
      <c r="HS10" s="476"/>
      <c r="HT10" s="476"/>
      <c r="HU10" s="476"/>
      <c r="HV10" s="476"/>
      <c r="HW10" s="476"/>
      <c r="HX10" s="479"/>
      <c r="HY10" s="480"/>
      <c r="HZ10" s="442">
        <v>181728</v>
      </c>
      <c r="IA10" s="443">
        <v>597185</v>
      </c>
      <c r="IB10" s="444">
        <v>778913</v>
      </c>
      <c r="IC10" s="445">
        <v>0</v>
      </c>
      <c r="ID10" s="446">
        <v>29581681</v>
      </c>
      <c r="IE10" s="447">
        <v>42082294</v>
      </c>
      <c r="IF10" s="448">
        <v>39305709</v>
      </c>
      <c r="IG10" s="446">
        <v>35883351</v>
      </c>
      <c r="IH10" s="448">
        <v>26366963</v>
      </c>
      <c r="II10" s="449">
        <v>173219998</v>
      </c>
      <c r="IJ10" s="450">
        <v>173998911</v>
      </c>
      <c r="IK10" s="451">
        <v>0</v>
      </c>
      <c r="IL10" s="452">
        <v>0</v>
      </c>
      <c r="IM10" s="453">
        <v>0</v>
      </c>
      <c r="IN10" s="454"/>
      <c r="IO10" s="455">
        <v>378129</v>
      </c>
      <c r="IP10" s="455">
        <v>1545164</v>
      </c>
      <c r="IQ10" s="455">
        <v>782116</v>
      </c>
      <c r="IR10" s="455">
        <v>3093992</v>
      </c>
      <c r="IS10" s="455">
        <v>2876445</v>
      </c>
      <c r="IT10" s="456">
        <v>8675846</v>
      </c>
      <c r="IU10" s="457">
        <v>8675846</v>
      </c>
      <c r="IV10" s="458">
        <v>0</v>
      </c>
      <c r="IW10" s="455">
        <v>0</v>
      </c>
      <c r="IX10" s="459">
        <v>0</v>
      </c>
      <c r="IY10" s="460"/>
      <c r="IZ10" s="455">
        <v>138870</v>
      </c>
      <c r="JA10" s="455">
        <v>368949</v>
      </c>
      <c r="JB10" s="455">
        <v>503893</v>
      </c>
      <c r="JC10" s="455">
        <v>875255</v>
      </c>
      <c r="JD10" s="455">
        <v>719757</v>
      </c>
      <c r="JE10" s="459">
        <v>2606724</v>
      </c>
      <c r="JF10" s="461">
        <v>2606724</v>
      </c>
      <c r="JG10" s="458">
        <v>0</v>
      </c>
      <c r="JH10" s="455">
        <v>0</v>
      </c>
      <c r="JI10" s="456">
        <v>0</v>
      </c>
      <c r="JJ10" s="462">
        <v>0</v>
      </c>
      <c r="JK10" s="455">
        <v>13158769</v>
      </c>
      <c r="JL10" s="455">
        <v>16206268</v>
      </c>
      <c r="JM10" s="455">
        <v>11679206</v>
      </c>
      <c r="JN10" s="455">
        <v>7415289</v>
      </c>
      <c r="JO10" s="455">
        <v>3891123</v>
      </c>
      <c r="JP10" s="459">
        <v>52350655</v>
      </c>
      <c r="JQ10" s="457">
        <v>52350655</v>
      </c>
      <c r="JR10" s="458">
        <v>61</v>
      </c>
      <c r="JS10" s="455">
        <v>0</v>
      </c>
      <c r="JT10" s="456">
        <v>61</v>
      </c>
      <c r="JU10" s="462">
        <v>0</v>
      </c>
      <c r="JV10" s="455">
        <v>2607112</v>
      </c>
      <c r="JW10" s="455">
        <v>3312081</v>
      </c>
      <c r="JX10" s="455">
        <v>6227235</v>
      </c>
      <c r="JY10" s="455">
        <v>2321909</v>
      </c>
      <c r="JZ10" s="455">
        <v>1148196</v>
      </c>
      <c r="KA10" s="459">
        <v>15616533</v>
      </c>
      <c r="KB10" s="457">
        <v>15616594</v>
      </c>
      <c r="KC10" s="463">
        <v>181667</v>
      </c>
      <c r="KD10" s="464">
        <v>597185</v>
      </c>
      <c r="KE10" s="459">
        <v>778852</v>
      </c>
      <c r="KF10" s="462">
        <v>0</v>
      </c>
      <c r="KG10" s="455">
        <v>3969196</v>
      </c>
      <c r="KH10" s="455">
        <v>4433637</v>
      </c>
      <c r="KI10" s="455">
        <v>7741324</v>
      </c>
      <c r="KJ10" s="455">
        <v>3986843</v>
      </c>
      <c r="KK10" s="455">
        <v>3519358</v>
      </c>
      <c r="KL10" s="459">
        <v>23650358</v>
      </c>
      <c r="KM10" s="465">
        <v>24429210</v>
      </c>
      <c r="KN10" s="451">
        <v>0</v>
      </c>
      <c r="KO10" s="452">
        <v>0</v>
      </c>
      <c r="KP10" s="453">
        <v>0</v>
      </c>
      <c r="KQ10" s="454"/>
      <c r="KR10" s="455">
        <v>8812449</v>
      </c>
      <c r="KS10" s="455">
        <v>15140573</v>
      </c>
      <c r="KT10" s="455">
        <v>10674819</v>
      </c>
      <c r="KU10" s="455">
        <v>14159961</v>
      </c>
      <c r="KV10" s="455">
        <v>6958460</v>
      </c>
      <c r="KW10" s="459">
        <v>55746262</v>
      </c>
      <c r="KX10" s="457">
        <v>55746262</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50024</v>
      </c>
      <c r="LP10" s="455">
        <v>841132</v>
      </c>
      <c r="LQ10" s="455">
        <v>1174806</v>
      </c>
      <c r="LR10" s="455">
        <v>613963</v>
      </c>
      <c r="LS10" s="459">
        <v>2879925</v>
      </c>
      <c r="LT10" s="457">
        <v>2879925</v>
      </c>
      <c r="LU10" s="458">
        <v>0</v>
      </c>
      <c r="LV10" s="455">
        <v>0</v>
      </c>
      <c r="LW10" s="459">
        <v>0</v>
      </c>
      <c r="LX10" s="466"/>
      <c r="LY10" s="455">
        <v>517156</v>
      </c>
      <c r="LZ10" s="455">
        <v>825598</v>
      </c>
      <c r="MA10" s="455">
        <v>855984</v>
      </c>
      <c r="MB10" s="455">
        <v>2855296</v>
      </c>
      <c r="MC10" s="455">
        <v>6639661</v>
      </c>
      <c r="MD10" s="459">
        <v>11693695</v>
      </c>
      <c r="ME10" s="461">
        <v>11693695</v>
      </c>
      <c r="MF10" s="458">
        <v>0</v>
      </c>
      <c r="MG10" s="455">
        <v>0</v>
      </c>
      <c r="MH10" s="459">
        <v>0</v>
      </c>
      <c r="MI10" s="466"/>
      <c r="MJ10" s="455">
        <v>7895957</v>
      </c>
      <c r="MK10" s="455">
        <v>34047590</v>
      </c>
      <c r="ML10" s="455">
        <v>89789750</v>
      </c>
      <c r="MM10" s="455">
        <v>108048082</v>
      </c>
      <c r="MN10" s="455">
        <v>76800720</v>
      </c>
      <c r="MO10" s="459">
        <v>316582099</v>
      </c>
      <c r="MP10" s="465">
        <v>316582099</v>
      </c>
      <c r="MQ10" s="458">
        <v>0</v>
      </c>
      <c r="MR10" s="455">
        <v>0</v>
      </c>
      <c r="MS10" s="459">
        <v>0</v>
      </c>
      <c r="MT10" s="466"/>
      <c r="MU10" s="455">
        <v>1876155</v>
      </c>
      <c r="MV10" s="455">
        <v>8736137</v>
      </c>
      <c r="MW10" s="455">
        <v>55138030</v>
      </c>
      <c r="MX10" s="455">
        <v>67861209</v>
      </c>
      <c r="MY10" s="455">
        <v>46147951</v>
      </c>
      <c r="MZ10" s="459">
        <v>179759482</v>
      </c>
      <c r="NA10" s="465">
        <v>179759482</v>
      </c>
      <c r="NB10" s="458">
        <v>0</v>
      </c>
      <c r="NC10" s="455">
        <v>0</v>
      </c>
      <c r="ND10" s="459">
        <v>0</v>
      </c>
      <c r="NE10" s="466"/>
      <c r="NF10" s="455">
        <v>6019802</v>
      </c>
      <c r="NG10" s="455">
        <v>25130798</v>
      </c>
      <c r="NH10" s="455">
        <v>34483736</v>
      </c>
      <c r="NI10" s="455">
        <v>38746471</v>
      </c>
      <c r="NJ10" s="455">
        <v>26461430</v>
      </c>
      <c r="NK10" s="459">
        <v>130842237</v>
      </c>
      <c r="NL10" s="457">
        <v>130842237</v>
      </c>
      <c r="NM10" s="458">
        <v>0</v>
      </c>
      <c r="NN10" s="455">
        <v>0</v>
      </c>
      <c r="NO10" s="459">
        <v>0</v>
      </c>
      <c r="NP10" s="466"/>
      <c r="NQ10" s="455">
        <v>0</v>
      </c>
      <c r="NR10" s="455">
        <v>0</v>
      </c>
      <c r="NS10" s="455">
        <v>0</v>
      </c>
      <c r="NT10" s="455">
        <v>886532</v>
      </c>
      <c r="NU10" s="455">
        <v>688668</v>
      </c>
      <c r="NV10" s="459">
        <v>1575200</v>
      </c>
      <c r="NW10" s="461">
        <v>1575200</v>
      </c>
      <c r="NX10" s="458">
        <v>0</v>
      </c>
      <c r="NY10" s="455">
        <v>0</v>
      </c>
      <c r="NZ10" s="459">
        <v>0</v>
      </c>
      <c r="OA10" s="466"/>
      <c r="OB10" s="455">
        <v>0</v>
      </c>
      <c r="OC10" s="455">
        <v>180655</v>
      </c>
      <c r="OD10" s="455">
        <v>167984</v>
      </c>
      <c r="OE10" s="455">
        <v>553870</v>
      </c>
      <c r="OF10" s="455">
        <v>3502671</v>
      </c>
      <c r="OG10" s="459">
        <v>4405180</v>
      </c>
      <c r="OH10" s="461">
        <v>4405180</v>
      </c>
      <c r="OI10" s="458">
        <v>10901390</v>
      </c>
      <c r="OJ10" s="455">
        <v>23115585</v>
      </c>
      <c r="OK10" s="456">
        <v>34016975</v>
      </c>
      <c r="OL10" s="462">
        <v>0</v>
      </c>
      <c r="OM10" s="455">
        <v>143283252</v>
      </c>
      <c r="ON10" s="455">
        <v>246420927</v>
      </c>
      <c r="OO10" s="455">
        <v>286905794</v>
      </c>
      <c r="OP10" s="455">
        <v>275402340</v>
      </c>
      <c r="OQ10" s="455">
        <v>191906112</v>
      </c>
      <c r="OR10" s="459">
        <v>1143918425</v>
      </c>
      <c r="OS10" s="465">
        <v>1177935400</v>
      </c>
    </row>
    <row r="11" spans="1:409" ht="21" customHeight="1" x14ac:dyDescent="0.2">
      <c r="B11" s="126" t="s">
        <v>6</v>
      </c>
      <c r="C11" s="110">
        <v>3890578</v>
      </c>
      <c r="D11" s="114">
        <v>4475864</v>
      </c>
      <c r="E11" s="113">
        <v>8366442</v>
      </c>
      <c r="F11" s="109">
        <v>0</v>
      </c>
      <c r="G11" s="114">
        <v>40202700</v>
      </c>
      <c r="H11" s="114">
        <v>41229934</v>
      </c>
      <c r="I11" s="114">
        <v>39046703</v>
      </c>
      <c r="J11" s="114">
        <v>37741715</v>
      </c>
      <c r="K11" s="114">
        <v>29647870</v>
      </c>
      <c r="L11" s="109">
        <v>187868922</v>
      </c>
      <c r="M11" s="116">
        <v>196235364</v>
      </c>
      <c r="N11" s="110">
        <v>1121658</v>
      </c>
      <c r="O11" s="114">
        <v>1383478</v>
      </c>
      <c r="P11" s="113">
        <v>2505136</v>
      </c>
      <c r="Q11" s="110">
        <v>0</v>
      </c>
      <c r="R11" s="114">
        <v>12164711</v>
      </c>
      <c r="S11" s="114">
        <v>14113398</v>
      </c>
      <c r="T11" s="114">
        <v>11775781</v>
      </c>
      <c r="U11" s="114">
        <v>15118704</v>
      </c>
      <c r="V11" s="114">
        <v>15436696</v>
      </c>
      <c r="W11" s="113">
        <v>68609290</v>
      </c>
      <c r="X11" s="116">
        <v>71114426</v>
      </c>
      <c r="Y11" s="110">
        <v>0</v>
      </c>
      <c r="Z11" s="114">
        <v>0</v>
      </c>
      <c r="AA11" s="113">
        <v>0</v>
      </c>
      <c r="AB11" s="110">
        <v>0</v>
      </c>
      <c r="AC11" s="114">
        <v>4920054</v>
      </c>
      <c r="AD11" s="114">
        <v>6120363</v>
      </c>
      <c r="AE11" s="114">
        <v>5666507</v>
      </c>
      <c r="AF11" s="114">
        <v>7416172</v>
      </c>
      <c r="AG11" s="114">
        <v>8764041</v>
      </c>
      <c r="AH11" s="113">
        <v>32887137</v>
      </c>
      <c r="AI11" s="116">
        <v>32887137</v>
      </c>
      <c r="AJ11" s="110">
        <v>0</v>
      </c>
      <c r="AK11" s="114">
        <v>0</v>
      </c>
      <c r="AL11" s="113">
        <v>0</v>
      </c>
      <c r="AM11" s="110">
        <v>0</v>
      </c>
      <c r="AN11" s="114">
        <v>48598</v>
      </c>
      <c r="AO11" s="114">
        <v>110917</v>
      </c>
      <c r="AP11" s="114">
        <v>283378</v>
      </c>
      <c r="AQ11" s="114">
        <v>840770</v>
      </c>
      <c r="AR11" s="114">
        <v>1568992</v>
      </c>
      <c r="AS11" s="113">
        <v>2852655</v>
      </c>
      <c r="AT11" s="116">
        <v>2852655</v>
      </c>
      <c r="AU11" s="110">
        <v>503915</v>
      </c>
      <c r="AV11" s="114">
        <v>964222</v>
      </c>
      <c r="AW11" s="113">
        <v>1468137</v>
      </c>
      <c r="AX11" s="110">
        <v>0</v>
      </c>
      <c r="AY11" s="114">
        <v>4406223</v>
      </c>
      <c r="AZ11" s="114">
        <v>5010015</v>
      </c>
      <c r="BA11" s="114">
        <v>3085145</v>
      </c>
      <c r="BB11" s="114">
        <v>4119531</v>
      </c>
      <c r="BC11" s="114">
        <v>3664864</v>
      </c>
      <c r="BD11" s="113">
        <v>20285778</v>
      </c>
      <c r="BE11" s="116">
        <v>21753915</v>
      </c>
      <c r="BF11" s="110">
        <v>44215</v>
      </c>
      <c r="BG11" s="114">
        <v>0</v>
      </c>
      <c r="BH11" s="112">
        <v>44215</v>
      </c>
      <c r="BI11" s="111">
        <v>0</v>
      </c>
      <c r="BJ11" s="114">
        <v>292076</v>
      </c>
      <c r="BK11" s="114">
        <v>490179</v>
      </c>
      <c r="BL11" s="114">
        <v>235324</v>
      </c>
      <c r="BM11" s="114">
        <v>359007</v>
      </c>
      <c r="BN11" s="114">
        <v>108675</v>
      </c>
      <c r="BO11" s="113">
        <v>1485261</v>
      </c>
      <c r="BP11" s="116">
        <v>1529476</v>
      </c>
      <c r="BQ11" s="110">
        <v>573528</v>
      </c>
      <c r="BR11" s="114">
        <v>419256</v>
      </c>
      <c r="BS11" s="113">
        <v>992784</v>
      </c>
      <c r="BT11" s="110">
        <v>0</v>
      </c>
      <c r="BU11" s="114">
        <v>2497760</v>
      </c>
      <c r="BV11" s="114">
        <v>2381924</v>
      </c>
      <c r="BW11" s="114">
        <v>2505427</v>
      </c>
      <c r="BX11" s="114">
        <v>2383224</v>
      </c>
      <c r="BY11" s="114">
        <v>1330124</v>
      </c>
      <c r="BZ11" s="113">
        <v>11098459</v>
      </c>
      <c r="CA11" s="116">
        <v>12091243</v>
      </c>
      <c r="CB11" s="110">
        <v>170034</v>
      </c>
      <c r="CC11" s="114">
        <v>517819</v>
      </c>
      <c r="CD11" s="113">
        <v>687853</v>
      </c>
      <c r="CE11" s="110">
        <v>0</v>
      </c>
      <c r="CF11" s="114">
        <v>11360061</v>
      </c>
      <c r="CG11" s="114">
        <v>11531433</v>
      </c>
      <c r="CH11" s="114">
        <v>7487760</v>
      </c>
      <c r="CI11" s="114">
        <v>6075428</v>
      </c>
      <c r="CJ11" s="114">
        <v>2821055</v>
      </c>
      <c r="CK11" s="113">
        <v>39275737</v>
      </c>
      <c r="CL11" s="116">
        <v>39963590</v>
      </c>
      <c r="CM11" s="110">
        <v>0</v>
      </c>
      <c r="CN11" s="114">
        <v>0</v>
      </c>
      <c r="CO11" s="113">
        <v>0</v>
      </c>
      <c r="CP11" s="111">
        <v>0</v>
      </c>
      <c r="CQ11" s="114">
        <v>9217893</v>
      </c>
      <c r="CR11" s="114">
        <v>8240606</v>
      </c>
      <c r="CS11" s="114">
        <v>5080797</v>
      </c>
      <c r="CT11" s="114">
        <v>4848798</v>
      </c>
      <c r="CU11" s="114">
        <v>2009764</v>
      </c>
      <c r="CV11" s="113">
        <v>29397858</v>
      </c>
      <c r="CW11" s="116">
        <v>29397858</v>
      </c>
      <c r="CX11" s="110">
        <v>170034</v>
      </c>
      <c r="CY11" s="114">
        <v>517819</v>
      </c>
      <c r="CZ11" s="113">
        <v>687853</v>
      </c>
      <c r="DA11" s="110">
        <v>0</v>
      </c>
      <c r="DB11" s="114">
        <v>2142168</v>
      </c>
      <c r="DC11" s="114">
        <v>3290827</v>
      </c>
      <c r="DD11" s="114">
        <v>2406963</v>
      </c>
      <c r="DE11" s="114">
        <v>1226630</v>
      </c>
      <c r="DF11" s="114">
        <v>811291</v>
      </c>
      <c r="DG11" s="113">
        <v>9877879</v>
      </c>
      <c r="DH11" s="116">
        <v>10565732</v>
      </c>
      <c r="DI11" s="110">
        <v>10670</v>
      </c>
      <c r="DJ11" s="114">
        <v>134057</v>
      </c>
      <c r="DK11" s="112">
        <v>144727</v>
      </c>
      <c r="DL11" s="111">
        <v>0</v>
      </c>
      <c r="DM11" s="114">
        <v>908191</v>
      </c>
      <c r="DN11" s="114">
        <v>1003104</v>
      </c>
      <c r="DO11" s="114">
        <v>2770772</v>
      </c>
      <c r="DP11" s="114">
        <v>1807822</v>
      </c>
      <c r="DQ11" s="114">
        <v>1303974</v>
      </c>
      <c r="DR11" s="113">
        <v>7793863</v>
      </c>
      <c r="DS11" s="116">
        <v>7938590</v>
      </c>
      <c r="DT11" s="110">
        <v>10670</v>
      </c>
      <c r="DU11" s="114">
        <v>134057</v>
      </c>
      <c r="DV11" s="113">
        <v>144727</v>
      </c>
      <c r="DW11" s="110">
        <v>0</v>
      </c>
      <c r="DX11" s="114">
        <v>788359</v>
      </c>
      <c r="DY11" s="114">
        <v>919747</v>
      </c>
      <c r="DZ11" s="114">
        <v>2214083</v>
      </c>
      <c r="EA11" s="114">
        <v>1119183</v>
      </c>
      <c r="EB11" s="114">
        <v>1135818</v>
      </c>
      <c r="EC11" s="113">
        <v>6177190</v>
      </c>
      <c r="ED11" s="116">
        <v>6321917</v>
      </c>
      <c r="EE11" s="110">
        <v>0</v>
      </c>
      <c r="EF11" s="112">
        <v>0</v>
      </c>
      <c r="EG11" s="113">
        <v>0</v>
      </c>
      <c r="EH11" s="110">
        <v>0</v>
      </c>
      <c r="EI11" s="114">
        <v>119832</v>
      </c>
      <c r="EJ11" s="114">
        <v>83357</v>
      </c>
      <c r="EK11" s="114">
        <v>556689</v>
      </c>
      <c r="EL11" s="114">
        <v>688639</v>
      </c>
      <c r="EM11" s="114">
        <v>168156</v>
      </c>
      <c r="EN11" s="112">
        <v>1616673</v>
      </c>
      <c r="EO11" s="116">
        <v>1616673</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676696</v>
      </c>
      <c r="FM11" s="114">
        <v>709096</v>
      </c>
      <c r="FN11" s="113">
        <v>1385792</v>
      </c>
      <c r="FO11" s="110">
        <v>0</v>
      </c>
      <c r="FP11" s="114">
        <v>2277118</v>
      </c>
      <c r="FQ11" s="114">
        <v>4171466</v>
      </c>
      <c r="FR11" s="114">
        <v>3752854</v>
      </c>
      <c r="FS11" s="114">
        <v>3480928</v>
      </c>
      <c r="FT11" s="114">
        <v>2479359</v>
      </c>
      <c r="FU11" s="113">
        <v>16161725</v>
      </c>
      <c r="FV11" s="116">
        <v>17547517</v>
      </c>
      <c r="FW11" s="115">
        <v>344136</v>
      </c>
      <c r="FX11" s="114">
        <v>537804</v>
      </c>
      <c r="FY11" s="112">
        <v>881940</v>
      </c>
      <c r="FZ11" s="111">
        <v>0</v>
      </c>
      <c r="GA11" s="114">
        <v>1636896</v>
      </c>
      <c r="GB11" s="114">
        <v>3408938</v>
      </c>
      <c r="GC11" s="114">
        <v>2946654</v>
      </c>
      <c r="GD11" s="114">
        <v>3227464</v>
      </c>
      <c r="GE11" s="114">
        <v>2326680</v>
      </c>
      <c r="GF11" s="113">
        <v>13546632</v>
      </c>
      <c r="GG11" s="318">
        <v>14428572</v>
      </c>
      <c r="GH11" s="115">
        <v>24160</v>
      </c>
      <c r="GI11" s="114">
        <v>36000</v>
      </c>
      <c r="GJ11" s="112">
        <v>60160</v>
      </c>
      <c r="GK11" s="111">
        <v>0</v>
      </c>
      <c r="GL11" s="114">
        <v>131148</v>
      </c>
      <c r="GM11" s="114">
        <v>318808</v>
      </c>
      <c r="GN11" s="114">
        <v>416760</v>
      </c>
      <c r="GO11" s="114">
        <v>93464</v>
      </c>
      <c r="GP11" s="114">
        <v>60576</v>
      </c>
      <c r="GQ11" s="113">
        <v>1020756</v>
      </c>
      <c r="GR11" s="116">
        <v>1080916</v>
      </c>
      <c r="GS11" s="110">
        <v>308400</v>
      </c>
      <c r="GT11" s="114">
        <v>135292</v>
      </c>
      <c r="GU11" s="113">
        <v>443692</v>
      </c>
      <c r="GV11" s="110">
        <v>0</v>
      </c>
      <c r="GW11" s="114">
        <v>509074</v>
      </c>
      <c r="GX11" s="114">
        <v>443720</v>
      </c>
      <c r="GY11" s="114">
        <v>389440</v>
      </c>
      <c r="GZ11" s="114">
        <v>160000</v>
      </c>
      <c r="HA11" s="114">
        <v>92103</v>
      </c>
      <c r="HB11" s="112">
        <v>1594337</v>
      </c>
      <c r="HC11" s="116">
        <v>2038029</v>
      </c>
      <c r="HD11" s="110">
        <v>1911520</v>
      </c>
      <c r="HE11" s="114">
        <v>1731414</v>
      </c>
      <c r="HF11" s="112">
        <v>3642934</v>
      </c>
      <c r="HG11" s="111">
        <v>0</v>
      </c>
      <c r="HH11" s="114">
        <v>13492619</v>
      </c>
      <c r="HI11" s="114">
        <v>10410533</v>
      </c>
      <c r="HJ11" s="114">
        <v>13259536</v>
      </c>
      <c r="HK11" s="114">
        <v>11258833</v>
      </c>
      <c r="HL11" s="114">
        <v>7606786</v>
      </c>
      <c r="HM11" s="113">
        <v>56028307</v>
      </c>
      <c r="HN11" s="109">
        <v>59671241</v>
      </c>
      <c r="HO11" s="328"/>
      <c r="HP11" s="329"/>
      <c r="HQ11" s="330"/>
      <c r="HR11" s="331"/>
      <c r="HS11" s="329"/>
      <c r="HT11" s="329"/>
      <c r="HU11" s="329"/>
      <c r="HV11" s="329"/>
      <c r="HW11" s="329"/>
      <c r="HX11" s="332"/>
      <c r="HY11" s="333"/>
      <c r="HZ11" s="131">
        <v>85289</v>
      </c>
      <c r="IA11" s="132">
        <v>0</v>
      </c>
      <c r="IB11" s="133">
        <v>85289</v>
      </c>
      <c r="IC11" s="146">
        <v>0</v>
      </c>
      <c r="ID11" s="132">
        <v>10952875</v>
      </c>
      <c r="IE11" s="147">
        <v>11418661</v>
      </c>
      <c r="IF11" s="133">
        <v>14734608</v>
      </c>
      <c r="IG11" s="132">
        <v>15774335</v>
      </c>
      <c r="IH11" s="133">
        <v>8345920</v>
      </c>
      <c r="II11" s="148">
        <v>61226399</v>
      </c>
      <c r="IJ11" s="139">
        <v>61311688</v>
      </c>
      <c r="IK11" s="232">
        <v>0</v>
      </c>
      <c r="IL11" s="236">
        <v>0</v>
      </c>
      <c r="IM11" s="237">
        <v>0</v>
      </c>
      <c r="IN11" s="140"/>
      <c r="IO11" s="119">
        <v>393120</v>
      </c>
      <c r="IP11" s="119">
        <v>117151</v>
      </c>
      <c r="IQ11" s="119">
        <v>1159814</v>
      </c>
      <c r="IR11" s="119">
        <v>1457604</v>
      </c>
      <c r="IS11" s="119">
        <v>1639679</v>
      </c>
      <c r="IT11" s="141">
        <v>4767368</v>
      </c>
      <c r="IU11" s="320">
        <v>4767368</v>
      </c>
      <c r="IV11" s="142">
        <v>0</v>
      </c>
      <c r="IW11" s="119">
        <v>0</v>
      </c>
      <c r="IX11" s="120">
        <v>0</v>
      </c>
      <c r="IY11" s="144"/>
      <c r="IZ11" s="119">
        <v>67181</v>
      </c>
      <c r="JA11" s="119">
        <v>113970</v>
      </c>
      <c r="JB11" s="119">
        <v>265302</v>
      </c>
      <c r="JC11" s="119">
        <v>17800</v>
      </c>
      <c r="JD11" s="119">
        <v>96241</v>
      </c>
      <c r="JE11" s="120">
        <v>560494</v>
      </c>
      <c r="JF11" s="121">
        <v>560494</v>
      </c>
      <c r="JG11" s="142">
        <v>0</v>
      </c>
      <c r="JH11" s="119">
        <v>0</v>
      </c>
      <c r="JI11" s="141">
        <v>0</v>
      </c>
      <c r="JJ11" s="118">
        <v>0</v>
      </c>
      <c r="JK11" s="119">
        <v>3419535</v>
      </c>
      <c r="JL11" s="119">
        <v>2703524</v>
      </c>
      <c r="JM11" s="119">
        <v>2270438</v>
      </c>
      <c r="JN11" s="119">
        <v>1813305</v>
      </c>
      <c r="JO11" s="119">
        <v>417739</v>
      </c>
      <c r="JP11" s="120">
        <v>10624541</v>
      </c>
      <c r="JQ11" s="320">
        <v>10624541</v>
      </c>
      <c r="JR11" s="142">
        <v>0</v>
      </c>
      <c r="JS11" s="119">
        <v>0</v>
      </c>
      <c r="JT11" s="141">
        <v>0</v>
      </c>
      <c r="JU11" s="118">
        <v>0</v>
      </c>
      <c r="JV11" s="119">
        <v>1206215</v>
      </c>
      <c r="JW11" s="119">
        <v>773469</v>
      </c>
      <c r="JX11" s="119">
        <v>846388</v>
      </c>
      <c r="JY11" s="119">
        <v>539688</v>
      </c>
      <c r="JZ11" s="119">
        <v>604246</v>
      </c>
      <c r="KA11" s="120">
        <v>3970006</v>
      </c>
      <c r="KB11" s="320">
        <v>3970006</v>
      </c>
      <c r="KC11" s="234">
        <v>85289</v>
      </c>
      <c r="KD11" s="230">
        <v>0</v>
      </c>
      <c r="KE11" s="120">
        <v>85289</v>
      </c>
      <c r="KF11" s="118">
        <v>0</v>
      </c>
      <c r="KG11" s="119">
        <v>783973</v>
      </c>
      <c r="KH11" s="119">
        <v>1434492</v>
      </c>
      <c r="KI11" s="119">
        <v>1609624</v>
      </c>
      <c r="KJ11" s="119">
        <v>3368462</v>
      </c>
      <c r="KK11" s="119">
        <v>288624</v>
      </c>
      <c r="KL11" s="120">
        <v>7485175</v>
      </c>
      <c r="KM11" s="143">
        <v>7570464</v>
      </c>
      <c r="KN11" s="232">
        <v>0</v>
      </c>
      <c r="KO11" s="236">
        <v>0</v>
      </c>
      <c r="KP11" s="237">
        <v>0</v>
      </c>
      <c r="KQ11" s="140"/>
      <c r="KR11" s="119">
        <v>4529401</v>
      </c>
      <c r="KS11" s="119">
        <v>5517173</v>
      </c>
      <c r="KT11" s="119">
        <v>5759262</v>
      </c>
      <c r="KU11" s="119">
        <v>5810319</v>
      </c>
      <c r="KV11" s="119">
        <v>2740324</v>
      </c>
      <c r="KW11" s="120">
        <v>24356479</v>
      </c>
      <c r="KX11" s="320">
        <v>24356479</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2125461</v>
      </c>
      <c r="LQ11" s="119">
        <v>1131550</v>
      </c>
      <c r="LR11" s="119">
        <v>619220</v>
      </c>
      <c r="LS11" s="120">
        <v>3876231</v>
      </c>
      <c r="LT11" s="320">
        <v>3876231</v>
      </c>
      <c r="LU11" s="142">
        <v>0</v>
      </c>
      <c r="LV11" s="119">
        <v>0</v>
      </c>
      <c r="LW11" s="120">
        <v>0</v>
      </c>
      <c r="LX11" s="145"/>
      <c r="LY11" s="119">
        <v>553450</v>
      </c>
      <c r="LZ11" s="119">
        <v>758882</v>
      </c>
      <c r="MA11" s="119">
        <v>698319</v>
      </c>
      <c r="MB11" s="119">
        <v>1635607</v>
      </c>
      <c r="MC11" s="119">
        <v>1939847</v>
      </c>
      <c r="MD11" s="120">
        <v>5586105</v>
      </c>
      <c r="ME11" s="121">
        <v>5586105</v>
      </c>
      <c r="MF11" s="142">
        <v>0</v>
      </c>
      <c r="MG11" s="119">
        <v>0</v>
      </c>
      <c r="MH11" s="120">
        <v>0</v>
      </c>
      <c r="MI11" s="145"/>
      <c r="MJ11" s="119">
        <v>2724989</v>
      </c>
      <c r="MK11" s="119">
        <v>8388940</v>
      </c>
      <c r="ML11" s="119">
        <v>18482885</v>
      </c>
      <c r="MM11" s="119">
        <v>26535034</v>
      </c>
      <c r="MN11" s="119">
        <v>21898344</v>
      </c>
      <c r="MO11" s="120">
        <v>78030192</v>
      </c>
      <c r="MP11" s="143">
        <v>78030192</v>
      </c>
      <c r="MQ11" s="142">
        <v>0</v>
      </c>
      <c r="MR11" s="119">
        <v>0</v>
      </c>
      <c r="MS11" s="120">
        <v>0</v>
      </c>
      <c r="MT11" s="145"/>
      <c r="MU11" s="119">
        <v>199254</v>
      </c>
      <c r="MV11" s="119">
        <v>1308306</v>
      </c>
      <c r="MW11" s="119">
        <v>9879071</v>
      </c>
      <c r="MX11" s="119">
        <v>13879615</v>
      </c>
      <c r="MY11" s="119">
        <v>11758526</v>
      </c>
      <c r="MZ11" s="120">
        <v>37024772</v>
      </c>
      <c r="NA11" s="143">
        <v>37024772</v>
      </c>
      <c r="NB11" s="142">
        <v>0</v>
      </c>
      <c r="NC11" s="119">
        <v>0</v>
      </c>
      <c r="ND11" s="120">
        <v>0</v>
      </c>
      <c r="NE11" s="145"/>
      <c r="NF11" s="119">
        <v>2525735</v>
      </c>
      <c r="NG11" s="119">
        <v>7080634</v>
      </c>
      <c r="NH11" s="119">
        <v>8287926</v>
      </c>
      <c r="NI11" s="119">
        <v>10035781</v>
      </c>
      <c r="NJ11" s="119">
        <v>7253941</v>
      </c>
      <c r="NK11" s="120">
        <v>35184017</v>
      </c>
      <c r="NL11" s="320">
        <v>35184017</v>
      </c>
      <c r="NM11" s="142">
        <v>0</v>
      </c>
      <c r="NN11" s="119">
        <v>0</v>
      </c>
      <c r="NO11" s="120">
        <v>0</v>
      </c>
      <c r="NP11" s="145"/>
      <c r="NQ11" s="119">
        <v>0</v>
      </c>
      <c r="NR11" s="119">
        <v>0</v>
      </c>
      <c r="NS11" s="119">
        <v>315888</v>
      </c>
      <c r="NT11" s="119">
        <v>1585510</v>
      </c>
      <c r="NU11" s="119">
        <v>1182518</v>
      </c>
      <c r="NV11" s="120">
        <v>3083916</v>
      </c>
      <c r="NW11" s="121">
        <v>3083916</v>
      </c>
      <c r="NX11" s="142">
        <v>0</v>
      </c>
      <c r="NY11" s="119">
        <v>0</v>
      </c>
      <c r="NZ11" s="120">
        <v>0</v>
      </c>
      <c r="OA11" s="145"/>
      <c r="OB11" s="119">
        <v>0</v>
      </c>
      <c r="OC11" s="119">
        <v>0</v>
      </c>
      <c r="OD11" s="119">
        <v>0</v>
      </c>
      <c r="OE11" s="119">
        <v>1034128</v>
      </c>
      <c r="OF11" s="119">
        <v>1703359</v>
      </c>
      <c r="OG11" s="120">
        <v>2737487</v>
      </c>
      <c r="OH11" s="121">
        <v>2737487</v>
      </c>
      <c r="OI11" s="142">
        <v>3975867</v>
      </c>
      <c r="OJ11" s="119">
        <v>4475864</v>
      </c>
      <c r="OK11" s="141">
        <v>8451731</v>
      </c>
      <c r="OL11" s="118">
        <v>0</v>
      </c>
      <c r="OM11" s="119">
        <v>53880564</v>
      </c>
      <c r="ON11" s="119">
        <v>61037535</v>
      </c>
      <c r="OO11" s="119">
        <v>72264196</v>
      </c>
      <c r="OP11" s="119">
        <v>80051084</v>
      </c>
      <c r="OQ11" s="119">
        <v>59892134</v>
      </c>
      <c r="OR11" s="120">
        <v>327125513</v>
      </c>
      <c r="OS11" s="143">
        <v>335577244</v>
      </c>
    </row>
    <row r="12" spans="1:409" ht="21" customHeight="1" x14ac:dyDescent="0.2">
      <c r="B12" s="126" t="s">
        <v>14</v>
      </c>
      <c r="C12" s="110">
        <v>2160289</v>
      </c>
      <c r="D12" s="114">
        <v>3280433</v>
      </c>
      <c r="E12" s="113">
        <v>5440722</v>
      </c>
      <c r="F12" s="109">
        <v>0</v>
      </c>
      <c r="G12" s="114">
        <v>17775259</v>
      </c>
      <c r="H12" s="114">
        <v>26814691</v>
      </c>
      <c r="I12" s="114">
        <v>27059676</v>
      </c>
      <c r="J12" s="114">
        <v>16124935</v>
      </c>
      <c r="K12" s="114">
        <v>10077173</v>
      </c>
      <c r="L12" s="112">
        <v>97851734</v>
      </c>
      <c r="M12" s="116">
        <v>103292456</v>
      </c>
      <c r="N12" s="110">
        <v>394740</v>
      </c>
      <c r="O12" s="114">
        <v>773594</v>
      </c>
      <c r="P12" s="113">
        <v>1168334</v>
      </c>
      <c r="Q12" s="110">
        <v>0</v>
      </c>
      <c r="R12" s="114">
        <v>4966437</v>
      </c>
      <c r="S12" s="114">
        <v>8905263</v>
      </c>
      <c r="T12" s="114">
        <v>8268453</v>
      </c>
      <c r="U12" s="114">
        <v>5730459</v>
      </c>
      <c r="V12" s="114">
        <v>4442414</v>
      </c>
      <c r="W12" s="113">
        <v>32313026</v>
      </c>
      <c r="X12" s="116">
        <v>33481360</v>
      </c>
      <c r="Y12" s="110">
        <v>0</v>
      </c>
      <c r="Z12" s="114">
        <v>0</v>
      </c>
      <c r="AA12" s="113">
        <v>0</v>
      </c>
      <c r="AB12" s="110">
        <v>0</v>
      </c>
      <c r="AC12" s="114">
        <v>2256159</v>
      </c>
      <c r="AD12" s="114">
        <v>4251527</v>
      </c>
      <c r="AE12" s="114">
        <v>4230586</v>
      </c>
      <c r="AF12" s="114">
        <v>3320317</v>
      </c>
      <c r="AG12" s="114">
        <v>1912036</v>
      </c>
      <c r="AH12" s="113">
        <v>15970625</v>
      </c>
      <c r="AI12" s="116">
        <v>15970625</v>
      </c>
      <c r="AJ12" s="110">
        <v>0</v>
      </c>
      <c r="AK12" s="114">
        <v>0</v>
      </c>
      <c r="AL12" s="113">
        <v>0</v>
      </c>
      <c r="AM12" s="110">
        <v>0</v>
      </c>
      <c r="AN12" s="114">
        <v>0</v>
      </c>
      <c r="AO12" s="114">
        <v>13727</v>
      </c>
      <c r="AP12" s="114">
        <v>61109</v>
      </c>
      <c r="AQ12" s="114">
        <v>155901</v>
      </c>
      <c r="AR12" s="114">
        <v>597993</v>
      </c>
      <c r="AS12" s="113">
        <v>828730</v>
      </c>
      <c r="AT12" s="116">
        <v>828730</v>
      </c>
      <c r="AU12" s="110">
        <v>129972</v>
      </c>
      <c r="AV12" s="114">
        <v>476022</v>
      </c>
      <c r="AW12" s="113">
        <v>605994</v>
      </c>
      <c r="AX12" s="110">
        <v>0</v>
      </c>
      <c r="AY12" s="114">
        <v>1579317</v>
      </c>
      <c r="AZ12" s="114">
        <v>3233425</v>
      </c>
      <c r="BA12" s="114">
        <v>2438995</v>
      </c>
      <c r="BB12" s="114">
        <v>1140322</v>
      </c>
      <c r="BC12" s="114">
        <v>1257353</v>
      </c>
      <c r="BD12" s="113">
        <v>9649412</v>
      </c>
      <c r="BE12" s="116">
        <v>10255406</v>
      </c>
      <c r="BF12" s="110">
        <v>0</v>
      </c>
      <c r="BG12" s="114">
        <v>61996</v>
      </c>
      <c r="BH12" s="112">
        <v>61996</v>
      </c>
      <c r="BI12" s="111">
        <v>0</v>
      </c>
      <c r="BJ12" s="114">
        <v>65801</v>
      </c>
      <c r="BK12" s="114">
        <v>20568</v>
      </c>
      <c r="BL12" s="114">
        <v>112803</v>
      </c>
      <c r="BM12" s="114">
        <v>141527</v>
      </c>
      <c r="BN12" s="114">
        <v>0</v>
      </c>
      <c r="BO12" s="113">
        <v>340699</v>
      </c>
      <c r="BP12" s="116">
        <v>402695</v>
      </c>
      <c r="BQ12" s="110">
        <v>264768</v>
      </c>
      <c r="BR12" s="114">
        <v>235576</v>
      </c>
      <c r="BS12" s="113">
        <v>500344</v>
      </c>
      <c r="BT12" s="110">
        <v>0</v>
      </c>
      <c r="BU12" s="114">
        <v>1065160</v>
      </c>
      <c r="BV12" s="114">
        <v>1386016</v>
      </c>
      <c r="BW12" s="114">
        <v>1424960</v>
      </c>
      <c r="BX12" s="114">
        <v>972392</v>
      </c>
      <c r="BY12" s="114">
        <v>675032</v>
      </c>
      <c r="BZ12" s="113">
        <v>5523560</v>
      </c>
      <c r="CA12" s="116">
        <v>6023904</v>
      </c>
      <c r="CB12" s="110">
        <v>162341</v>
      </c>
      <c r="CC12" s="114">
        <v>386742</v>
      </c>
      <c r="CD12" s="113">
        <v>549083</v>
      </c>
      <c r="CE12" s="110">
        <v>0</v>
      </c>
      <c r="CF12" s="114">
        <v>6159709</v>
      </c>
      <c r="CG12" s="114">
        <v>8739727</v>
      </c>
      <c r="CH12" s="114">
        <v>7783407</v>
      </c>
      <c r="CI12" s="114">
        <v>3505835</v>
      </c>
      <c r="CJ12" s="114">
        <v>822969</v>
      </c>
      <c r="CK12" s="113">
        <v>27011647</v>
      </c>
      <c r="CL12" s="116">
        <v>27560730</v>
      </c>
      <c r="CM12" s="110">
        <v>0</v>
      </c>
      <c r="CN12" s="114">
        <v>0</v>
      </c>
      <c r="CO12" s="113">
        <v>0</v>
      </c>
      <c r="CP12" s="111">
        <v>0</v>
      </c>
      <c r="CQ12" s="114">
        <v>5480934</v>
      </c>
      <c r="CR12" s="114">
        <v>6897503</v>
      </c>
      <c r="CS12" s="114">
        <v>6794796</v>
      </c>
      <c r="CT12" s="114">
        <v>2538041</v>
      </c>
      <c r="CU12" s="114">
        <v>822969</v>
      </c>
      <c r="CV12" s="113">
        <v>22534243</v>
      </c>
      <c r="CW12" s="116">
        <v>22534243</v>
      </c>
      <c r="CX12" s="110">
        <v>162341</v>
      </c>
      <c r="CY12" s="114">
        <v>386742</v>
      </c>
      <c r="CZ12" s="113">
        <v>549083</v>
      </c>
      <c r="DA12" s="110">
        <v>0</v>
      </c>
      <c r="DB12" s="114">
        <v>678775</v>
      </c>
      <c r="DC12" s="114">
        <v>1842224</v>
      </c>
      <c r="DD12" s="114">
        <v>988611</v>
      </c>
      <c r="DE12" s="114">
        <v>967794</v>
      </c>
      <c r="DF12" s="114">
        <v>0</v>
      </c>
      <c r="DG12" s="113">
        <v>4477404</v>
      </c>
      <c r="DH12" s="116">
        <v>5026487</v>
      </c>
      <c r="DI12" s="110">
        <v>6967</v>
      </c>
      <c r="DJ12" s="114">
        <v>53657</v>
      </c>
      <c r="DK12" s="112">
        <v>60624</v>
      </c>
      <c r="DL12" s="111">
        <v>0</v>
      </c>
      <c r="DM12" s="114">
        <v>484748</v>
      </c>
      <c r="DN12" s="114">
        <v>1340092</v>
      </c>
      <c r="DO12" s="114">
        <v>3044841</v>
      </c>
      <c r="DP12" s="114">
        <v>1362971</v>
      </c>
      <c r="DQ12" s="114">
        <v>451304</v>
      </c>
      <c r="DR12" s="113">
        <v>6683956</v>
      </c>
      <c r="DS12" s="116">
        <v>6744580</v>
      </c>
      <c r="DT12" s="110">
        <v>6967</v>
      </c>
      <c r="DU12" s="114">
        <v>53657</v>
      </c>
      <c r="DV12" s="113">
        <v>60624</v>
      </c>
      <c r="DW12" s="110">
        <v>0</v>
      </c>
      <c r="DX12" s="114">
        <v>484748</v>
      </c>
      <c r="DY12" s="114">
        <v>1206783</v>
      </c>
      <c r="DZ12" s="114">
        <v>3044841</v>
      </c>
      <c r="EA12" s="114">
        <v>1327153</v>
      </c>
      <c r="EB12" s="114">
        <v>351926</v>
      </c>
      <c r="EC12" s="113">
        <v>6415451</v>
      </c>
      <c r="ED12" s="116">
        <v>6476075</v>
      </c>
      <c r="EE12" s="110">
        <v>0</v>
      </c>
      <c r="EF12" s="112">
        <v>0</v>
      </c>
      <c r="EG12" s="113">
        <v>0</v>
      </c>
      <c r="EH12" s="110">
        <v>0</v>
      </c>
      <c r="EI12" s="114">
        <v>0</v>
      </c>
      <c r="EJ12" s="114">
        <v>133309</v>
      </c>
      <c r="EK12" s="114">
        <v>0</v>
      </c>
      <c r="EL12" s="114">
        <v>35818</v>
      </c>
      <c r="EM12" s="114">
        <v>99378</v>
      </c>
      <c r="EN12" s="112">
        <v>268505</v>
      </c>
      <c r="EO12" s="116">
        <v>268505</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445996</v>
      </c>
      <c r="FM12" s="114">
        <v>1025288</v>
      </c>
      <c r="FN12" s="113">
        <v>1471284</v>
      </c>
      <c r="FO12" s="110">
        <v>0</v>
      </c>
      <c r="FP12" s="114">
        <v>788320</v>
      </c>
      <c r="FQ12" s="114">
        <v>3158560</v>
      </c>
      <c r="FR12" s="114">
        <v>2360281</v>
      </c>
      <c r="FS12" s="114">
        <v>1459396</v>
      </c>
      <c r="FT12" s="114">
        <v>904136</v>
      </c>
      <c r="FU12" s="113">
        <v>8670693</v>
      </c>
      <c r="FV12" s="116">
        <v>10141977</v>
      </c>
      <c r="FW12" s="115">
        <v>147232</v>
      </c>
      <c r="FX12" s="114">
        <v>815448</v>
      </c>
      <c r="FY12" s="112">
        <v>962680</v>
      </c>
      <c r="FZ12" s="111">
        <v>0</v>
      </c>
      <c r="GA12" s="114">
        <v>694672</v>
      </c>
      <c r="GB12" s="114">
        <v>2958928</v>
      </c>
      <c r="GC12" s="114">
        <v>2181472</v>
      </c>
      <c r="GD12" s="114">
        <v>1459396</v>
      </c>
      <c r="GE12" s="114">
        <v>832936</v>
      </c>
      <c r="GF12" s="113">
        <v>8127404</v>
      </c>
      <c r="GG12" s="318">
        <v>9090084</v>
      </c>
      <c r="GH12" s="115">
        <v>0</v>
      </c>
      <c r="GI12" s="114">
        <v>15840</v>
      </c>
      <c r="GJ12" s="112">
        <v>15840</v>
      </c>
      <c r="GK12" s="111">
        <v>0</v>
      </c>
      <c r="GL12" s="114">
        <v>0</v>
      </c>
      <c r="GM12" s="114">
        <v>120432</v>
      </c>
      <c r="GN12" s="114">
        <v>140409</v>
      </c>
      <c r="GO12" s="114">
        <v>0</v>
      </c>
      <c r="GP12" s="114">
        <v>0</v>
      </c>
      <c r="GQ12" s="113">
        <v>260841</v>
      </c>
      <c r="GR12" s="116">
        <v>276681</v>
      </c>
      <c r="GS12" s="110">
        <v>298764</v>
      </c>
      <c r="GT12" s="114">
        <v>194000</v>
      </c>
      <c r="GU12" s="113">
        <v>492764</v>
      </c>
      <c r="GV12" s="110">
        <v>0</v>
      </c>
      <c r="GW12" s="114">
        <v>93648</v>
      </c>
      <c r="GX12" s="114">
        <v>79200</v>
      </c>
      <c r="GY12" s="114">
        <v>38400</v>
      </c>
      <c r="GZ12" s="114">
        <v>0</v>
      </c>
      <c r="HA12" s="114">
        <v>71200</v>
      </c>
      <c r="HB12" s="112">
        <v>282448</v>
      </c>
      <c r="HC12" s="116">
        <v>775212</v>
      </c>
      <c r="HD12" s="110">
        <v>1150245</v>
      </c>
      <c r="HE12" s="114">
        <v>1041152</v>
      </c>
      <c r="HF12" s="112">
        <v>2191397</v>
      </c>
      <c r="HG12" s="111">
        <v>0</v>
      </c>
      <c r="HH12" s="114">
        <v>5376045</v>
      </c>
      <c r="HI12" s="114">
        <v>4671049</v>
      </c>
      <c r="HJ12" s="114">
        <v>5602694</v>
      </c>
      <c r="HK12" s="114">
        <v>4066274</v>
      </c>
      <c r="HL12" s="114">
        <v>3456350</v>
      </c>
      <c r="HM12" s="113">
        <v>23172412</v>
      </c>
      <c r="HN12" s="109">
        <v>25363809</v>
      </c>
      <c r="HO12" s="328"/>
      <c r="HP12" s="329"/>
      <c r="HQ12" s="330"/>
      <c r="HR12" s="331"/>
      <c r="HS12" s="329"/>
      <c r="HT12" s="329"/>
      <c r="HU12" s="329"/>
      <c r="HV12" s="329"/>
      <c r="HW12" s="329"/>
      <c r="HX12" s="332"/>
      <c r="HY12" s="333"/>
      <c r="HZ12" s="131">
        <v>39527</v>
      </c>
      <c r="IA12" s="132">
        <v>51679</v>
      </c>
      <c r="IB12" s="133">
        <v>91206</v>
      </c>
      <c r="IC12" s="134">
        <v>0</v>
      </c>
      <c r="ID12" s="135">
        <v>5428480</v>
      </c>
      <c r="IE12" s="136">
        <v>7508182</v>
      </c>
      <c r="IF12" s="137">
        <v>8119702</v>
      </c>
      <c r="IG12" s="135">
        <v>5375617</v>
      </c>
      <c r="IH12" s="137">
        <v>4019198</v>
      </c>
      <c r="II12" s="138">
        <v>30451179</v>
      </c>
      <c r="IJ12" s="139">
        <v>30542385</v>
      </c>
      <c r="IK12" s="232">
        <v>0</v>
      </c>
      <c r="IL12" s="236">
        <v>0</v>
      </c>
      <c r="IM12" s="237">
        <v>0</v>
      </c>
      <c r="IN12" s="140"/>
      <c r="IO12" s="119">
        <v>162234</v>
      </c>
      <c r="IP12" s="119">
        <v>210529</v>
      </c>
      <c r="IQ12" s="119">
        <v>0</v>
      </c>
      <c r="IR12" s="119">
        <v>580831</v>
      </c>
      <c r="IS12" s="119">
        <v>0</v>
      </c>
      <c r="IT12" s="141">
        <v>953594</v>
      </c>
      <c r="IU12" s="320">
        <v>953594</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558489</v>
      </c>
      <c r="JL12" s="119">
        <v>3073759</v>
      </c>
      <c r="JM12" s="119">
        <v>2892619</v>
      </c>
      <c r="JN12" s="119">
        <v>579192</v>
      </c>
      <c r="JO12" s="119">
        <v>819516</v>
      </c>
      <c r="JP12" s="120">
        <v>9923575</v>
      </c>
      <c r="JQ12" s="320">
        <v>9923575</v>
      </c>
      <c r="JR12" s="142">
        <v>0</v>
      </c>
      <c r="JS12" s="119">
        <v>0</v>
      </c>
      <c r="JT12" s="141">
        <v>0</v>
      </c>
      <c r="JU12" s="118">
        <v>0</v>
      </c>
      <c r="JV12" s="119">
        <v>111904</v>
      </c>
      <c r="JW12" s="119">
        <v>372786</v>
      </c>
      <c r="JX12" s="119">
        <v>110044</v>
      </c>
      <c r="JY12" s="119">
        <v>0</v>
      </c>
      <c r="JZ12" s="119">
        <v>0</v>
      </c>
      <c r="KA12" s="120">
        <v>594734</v>
      </c>
      <c r="KB12" s="320">
        <v>594734</v>
      </c>
      <c r="KC12" s="234">
        <v>39527</v>
      </c>
      <c r="KD12" s="230">
        <v>51679</v>
      </c>
      <c r="KE12" s="120">
        <v>91206</v>
      </c>
      <c r="KF12" s="118">
        <v>0</v>
      </c>
      <c r="KG12" s="119">
        <v>963949</v>
      </c>
      <c r="KH12" s="119">
        <v>1118297</v>
      </c>
      <c r="KI12" s="119">
        <v>1170327</v>
      </c>
      <c r="KJ12" s="119">
        <v>224004</v>
      </c>
      <c r="KK12" s="119">
        <v>828877</v>
      </c>
      <c r="KL12" s="120">
        <v>4305454</v>
      </c>
      <c r="KM12" s="143">
        <v>4396660</v>
      </c>
      <c r="KN12" s="232">
        <v>0</v>
      </c>
      <c r="KO12" s="236">
        <v>0</v>
      </c>
      <c r="KP12" s="237">
        <v>0</v>
      </c>
      <c r="KQ12" s="140"/>
      <c r="KR12" s="119">
        <v>1445612</v>
      </c>
      <c r="KS12" s="119">
        <v>2352933</v>
      </c>
      <c r="KT12" s="119">
        <v>3442729</v>
      </c>
      <c r="KU12" s="119">
        <v>3155624</v>
      </c>
      <c r="KV12" s="119">
        <v>2016245</v>
      </c>
      <c r="KW12" s="120">
        <v>12413143</v>
      </c>
      <c r="KX12" s="320">
        <v>12413143</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228734</v>
      </c>
      <c r="LQ12" s="119">
        <v>284326</v>
      </c>
      <c r="LR12" s="119">
        <v>0</v>
      </c>
      <c r="LS12" s="120">
        <v>513060</v>
      </c>
      <c r="LT12" s="320">
        <v>513060</v>
      </c>
      <c r="LU12" s="142">
        <v>0</v>
      </c>
      <c r="LV12" s="119">
        <v>0</v>
      </c>
      <c r="LW12" s="120">
        <v>0</v>
      </c>
      <c r="LX12" s="145"/>
      <c r="LY12" s="119">
        <v>186292</v>
      </c>
      <c r="LZ12" s="119">
        <v>379878</v>
      </c>
      <c r="MA12" s="119">
        <v>275249</v>
      </c>
      <c r="MB12" s="119">
        <v>551640</v>
      </c>
      <c r="MC12" s="119">
        <v>354560</v>
      </c>
      <c r="MD12" s="120">
        <v>1747619</v>
      </c>
      <c r="ME12" s="121">
        <v>1747619</v>
      </c>
      <c r="MF12" s="142">
        <v>0</v>
      </c>
      <c r="MG12" s="119">
        <v>0</v>
      </c>
      <c r="MH12" s="120">
        <v>0</v>
      </c>
      <c r="MI12" s="145"/>
      <c r="MJ12" s="119">
        <v>0</v>
      </c>
      <c r="MK12" s="119">
        <v>1749626</v>
      </c>
      <c r="ML12" s="119">
        <v>11327169</v>
      </c>
      <c r="MM12" s="119">
        <v>21334682</v>
      </c>
      <c r="MN12" s="119">
        <v>10427595</v>
      </c>
      <c r="MO12" s="120">
        <v>44839072</v>
      </c>
      <c r="MP12" s="143">
        <v>44839072</v>
      </c>
      <c r="MQ12" s="142">
        <v>0</v>
      </c>
      <c r="MR12" s="119">
        <v>0</v>
      </c>
      <c r="MS12" s="120">
        <v>0</v>
      </c>
      <c r="MT12" s="145"/>
      <c r="MU12" s="119">
        <v>0</v>
      </c>
      <c r="MV12" s="119">
        <v>246922</v>
      </c>
      <c r="MW12" s="119">
        <v>7603921</v>
      </c>
      <c r="MX12" s="119">
        <v>16089530</v>
      </c>
      <c r="MY12" s="119">
        <v>7398593</v>
      </c>
      <c r="MZ12" s="120">
        <v>31338966</v>
      </c>
      <c r="NA12" s="143">
        <v>31338966</v>
      </c>
      <c r="NB12" s="142">
        <v>0</v>
      </c>
      <c r="NC12" s="119">
        <v>0</v>
      </c>
      <c r="ND12" s="120">
        <v>0</v>
      </c>
      <c r="NE12" s="145"/>
      <c r="NF12" s="119">
        <v>0</v>
      </c>
      <c r="NG12" s="119">
        <v>1502704</v>
      </c>
      <c r="NH12" s="119">
        <v>3723248</v>
      </c>
      <c r="NI12" s="119">
        <v>4727295</v>
      </c>
      <c r="NJ12" s="119">
        <v>1472199</v>
      </c>
      <c r="NK12" s="120">
        <v>11425446</v>
      </c>
      <c r="NL12" s="320">
        <v>11425446</v>
      </c>
      <c r="NM12" s="142">
        <v>0</v>
      </c>
      <c r="NN12" s="119">
        <v>0</v>
      </c>
      <c r="NO12" s="120">
        <v>0</v>
      </c>
      <c r="NP12" s="145"/>
      <c r="NQ12" s="119">
        <v>0</v>
      </c>
      <c r="NR12" s="119">
        <v>0</v>
      </c>
      <c r="NS12" s="119">
        <v>0</v>
      </c>
      <c r="NT12" s="119">
        <v>0</v>
      </c>
      <c r="NU12" s="119">
        <v>311156</v>
      </c>
      <c r="NV12" s="120">
        <v>311156</v>
      </c>
      <c r="NW12" s="121">
        <v>311156</v>
      </c>
      <c r="NX12" s="142">
        <v>0</v>
      </c>
      <c r="NY12" s="119">
        <v>0</v>
      </c>
      <c r="NZ12" s="120">
        <v>0</v>
      </c>
      <c r="OA12" s="145"/>
      <c r="OB12" s="119">
        <v>0</v>
      </c>
      <c r="OC12" s="119">
        <v>0</v>
      </c>
      <c r="OD12" s="119">
        <v>0</v>
      </c>
      <c r="OE12" s="119">
        <v>517857</v>
      </c>
      <c r="OF12" s="119">
        <v>1245647</v>
      </c>
      <c r="OG12" s="120">
        <v>1763504</v>
      </c>
      <c r="OH12" s="121">
        <v>1763504</v>
      </c>
      <c r="OI12" s="142">
        <v>2199816</v>
      </c>
      <c r="OJ12" s="119">
        <v>3332112</v>
      </c>
      <c r="OK12" s="141">
        <v>5531928</v>
      </c>
      <c r="OL12" s="118">
        <v>0</v>
      </c>
      <c r="OM12" s="119">
        <v>23203739</v>
      </c>
      <c r="ON12" s="119">
        <v>36072499</v>
      </c>
      <c r="OO12" s="119">
        <v>46506547</v>
      </c>
      <c r="OP12" s="119">
        <v>42835234</v>
      </c>
      <c r="OQ12" s="119">
        <v>24523966</v>
      </c>
      <c r="OR12" s="120">
        <v>173141985</v>
      </c>
      <c r="OS12" s="143">
        <v>178673913</v>
      </c>
    </row>
    <row r="13" spans="1:409" ht="21" customHeight="1" x14ac:dyDescent="0.2">
      <c r="B13" s="126" t="s">
        <v>7</v>
      </c>
      <c r="C13" s="110">
        <v>1170623</v>
      </c>
      <c r="D13" s="114">
        <v>1175934</v>
      </c>
      <c r="E13" s="113">
        <v>2346557</v>
      </c>
      <c r="F13" s="109">
        <v>0</v>
      </c>
      <c r="G13" s="114">
        <v>25763199</v>
      </c>
      <c r="H13" s="114">
        <v>22744543</v>
      </c>
      <c r="I13" s="114">
        <v>19946150</v>
      </c>
      <c r="J13" s="114">
        <v>19227180</v>
      </c>
      <c r="K13" s="114">
        <v>12206295</v>
      </c>
      <c r="L13" s="109">
        <v>99887367</v>
      </c>
      <c r="M13" s="116">
        <v>102233924</v>
      </c>
      <c r="N13" s="110">
        <v>246789</v>
      </c>
      <c r="O13" s="114">
        <v>261734</v>
      </c>
      <c r="P13" s="113">
        <v>508523</v>
      </c>
      <c r="Q13" s="110">
        <v>0</v>
      </c>
      <c r="R13" s="114">
        <v>7733384</v>
      </c>
      <c r="S13" s="114">
        <v>7670770</v>
      </c>
      <c r="T13" s="114">
        <v>7071175</v>
      </c>
      <c r="U13" s="114">
        <v>9130922</v>
      </c>
      <c r="V13" s="114">
        <v>7003862</v>
      </c>
      <c r="W13" s="113">
        <v>38610113</v>
      </c>
      <c r="X13" s="116">
        <v>39118636</v>
      </c>
      <c r="Y13" s="110">
        <v>0</v>
      </c>
      <c r="Z13" s="114">
        <v>0</v>
      </c>
      <c r="AA13" s="113">
        <v>0</v>
      </c>
      <c r="AB13" s="110">
        <v>0</v>
      </c>
      <c r="AC13" s="114">
        <v>3662530</v>
      </c>
      <c r="AD13" s="114">
        <v>3538957</v>
      </c>
      <c r="AE13" s="114">
        <v>3713692</v>
      </c>
      <c r="AF13" s="114">
        <v>5835966</v>
      </c>
      <c r="AG13" s="114">
        <v>4573740</v>
      </c>
      <c r="AH13" s="113">
        <v>21324885</v>
      </c>
      <c r="AI13" s="116">
        <v>21324885</v>
      </c>
      <c r="AJ13" s="110">
        <v>0</v>
      </c>
      <c r="AK13" s="114">
        <v>0</v>
      </c>
      <c r="AL13" s="113">
        <v>0</v>
      </c>
      <c r="AM13" s="110">
        <v>0</v>
      </c>
      <c r="AN13" s="114">
        <v>95392</v>
      </c>
      <c r="AO13" s="114">
        <v>304672</v>
      </c>
      <c r="AP13" s="114">
        <v>518814</v>
      </c>
      <c r="AQ13" s="114">
        <v>902116</v>
      </c>
      <c r="AR13" s="114">
        <v>668025</v>
      </c>
      <c r="AS13" s="113">
        <v>2489019</v>
      </c>
      <c r="AT13" s="116">
        <v>2489019</v>
      </c>
      <c r="AU13" s="110">
        <v>52557</v>
      </c>
      <c r="AV13" s="114">
        <v>187366</v>
      </c>
      <c r="AW13" s="113">
        <v>239923</v>
      </c>
      <c r="AX13" s="110">
        <v>0</v>
      </c>
      <c r="AY13" s="114">
        <v>2349265</v>
      </c>
      <c r="AZ13" s="114">
        <v>2439153</v>
      </c>
      <c r="BA13" s="114">
        <v>1321892</v>
      </c>
      <c r="BB13" s="114">
        <v>1257713</v>
      </c>
      <c r="BC13" s="114">
        <v>1139193</v>
      </c>
      <c r="BD13" s="113">
        <v>8507216</v>
      </c>
      <c r="BE13" s="116">
        <v>8747139</v>
      </c>
      <c r="BF13" s="110">
        <v>0</v>
      </c>
      <c r="BG13" s="114">
        <v>0</v>
      </c>
      <c r="BH13" s="112">
        <v>0</v>
      </c>
      <c r="BI13" s="111">
        <v>0</v>
      </c>
      <c r="BJ13" s="114">
        <v>213365</v>
      </c>
      <c r="BK13" s="114">
        <v>171700</v>
      </c>
      <c r="BL13" s="114">
        <v>295057</v>
      </c>
      <c r="BM13" s="114">
        <v>190959</v>
      </c>
      <c r="BN13" s="114">
        <v>0</v>
      </c>
      <c r="BO13" s="113">
        <v>871081</v>
      </c>
      <c r="BP13" s="116">
        <v>871081</v>
      </c>
      <c r="BQ13" s="110">
        <v>194232</v>
      </c>
      <c r="BR13" s="114">
        <v>74368</v>
      </c>
      <c r="BS13" s="113">
        <v>268600</v>
      </c>
      <c r="BT13" s="110">
        <v>0</v>
      </c>
      <c r="BU13" s="114">
        <v>1412832</v>
      </c>
      <c r="BV13" s="114">
        <v>1216288</v>
      </c>
      <c r="BW13" s="114">
        <v>1221720</v>
      </c>
      <c r="BX13" s="114">
        <v>944168</v>
      </c>
      <c r="BY13" s="114">
        <v>622904</v>
      </c>
      <c r="BZ13" s="113">
        <v>5417912</v>
      </c>
      <c r="CA13" s="116">
        <v>5686512</v>
      </c>
      <c r="CB13" s="110">
        <v>19428</v>
      </c>
      <c r="CC13" s="114">
        <v>35633</v>
      </c>
      <c r="CD13" s="113">
        <v>55061</v>
      </c>
      <c r="CE13" s="110">
        <v>0</v>
      </c>
      <c r="CF13" s="114">
        <v>7207847</v>
      </c>
      <c r="CG13" s="114">
        <v>5183398</v>
      </c>
      <c r="CH13" s="114">
        <v>3946706</v>
      </c>
      <c r="CI13" s="114">
        <v>1505283</v>
      </c>
      <c r="CJ13" s="114">
        <v>537014</v>
      </c>
      <c r="CK13" s="113">
        <v>18380248</v>
      </c>
      <c r="CL13" s="116">
        <v>18435309</v>
      </c>
      <c r="CM13" s="110">
        <v>0</v>
      </c>
      <c r="CN13" s="114">
        <v>0</v>
      </c>
      <c r="CO13" s="113">
        <v>0</v>
      </c>
      <c r="CP13" s="111">
        <v>0</v>
      </c>
      <c r="CQ13" s="114">
        <v>6243670</v>
      </c>
      <c r="CR13" s="114">
        <v>4074617</v>
      </c>
      <c r="CS13" s="114">
        <v>3226412</v>
      </c>
      <c r="CT13" s="114">
        <v>1339081</v>
      </c>
      <c r="CU13" s="114">
        <v>515847</v>
      </c>
      <c r="CV13" s="113">
        <v>15399627</v>
      </c>
      <c r="CW13" s="116">
        <v>15399627</v>
      </c>
      <c r="CX13" s="110">
        <v>19428</v>
      </c>
      <c r="CY13" s="114">
        <v>35633</v>
      </c>
      <c r="CZ13" s="113">
        <v>55061</v>
      </c>
      <c r="DA13" s="110">
        <v>0</v>
      </c>
      <c r="DB13" s="114">
        <v>964177</v>
      </c>
      <c r="DC13" s="114">
        <v>1108781</v>
      </c>
      <c r="DD13" s="114">
        <v>720294</v>
      </c>
      <c r="DE13" s="114">
        <v>166202</v>
      </c>
      <c r="DF13" s="114">
        <v>21167</v>
      </c>
      <c r="DG13" s="113">
        <v>2980621</v>
      </c>
      <c r="DH13" s="116">
        <v>3035682</v>
      </c>
      <c r="DI13" s="110">
        <v>0</v>
      </c>
      <c r="DJ13" s="114">
        <v>0</v>
      </c>
      <c r="DK13" s="112">
        <v>0</v>
      </c>
      <c r="DL13" s="111">
        <v>0</v>
      </c>
      <c r="DM13" s="114">
        <v>876870</v>
      </c>
      <c r="DN13" s="114">
        <v>1345791</v>
      </c>
      <c r="DO13" s="114">
        <v>1275041</v>
      </c>
      <c r="DP13" s="114">
        <v>1366570</v>
      </c>
      <c r="DQ13" s="114">
        <v>522551</v>
      </c>
      <c r="DR13" s="113">
        <v>5386823</v>
      </c>
      <c r="DS13" s="116">
        <v>5386823</v>
      </c>
      <c r="DT13" s="110">
        <v>0</v>
      </c>
      <c r="DU13" s="114">
        <v>0</v>
      </c>
      <c r="DV13" s="113">
        <v>0</v>
      </c>
      <c r="DW13" s="110">
        <v>0</v>
      </c>
      <c r="DX13" s="114">
        <v>852234</v>
      </c>
      <c r="DY13" s="114">
        <v>1242777</v>
      </c>
      <c r="DZ13" s="114">
        <v>1267117</v>
      </c>
      <c r="EA13" s="114">
        <v>1153366</v>
      </c>
      <c r="EB13" s="114">
        <v>522551</v>
      </c>
      <c r="EC13" s="113">
        <v>5038045</v>
      </c>
      <c r="ED13" s="116">
        <v>5038045</v>
      </c>
      <c r="EE13" s="110">
        <v>0</v>
      </c>
      <c r="EF13" s="112">
        <v>0</v>
      </c>
      <c r="EG13" s="113">
        <v>0</v>
      </c>
      <c r="EH13" s="110">
        <v>0</v>
      </c>
      <c r="EI13" s="114">
        <v>24636</v>
      </c>
      <c r="EJ13" s="114">
        <v>103014</v>
      </c>
      <c r="EK13" s="114">
        <v>7924</v>
      </c>
      <c r="EL13" s="114">
        <v>213204</v>
      </c>
      <c r="EM13" s="114">
        <v>0</v>
      </c>
      <c r="EN13" s="112">
        <v>348778</v>
      </c>
      <c r="EO13" s="116">
        <v>348778</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398232</v>
      </c>
      <c r="FM13" s="114">
        <v>493216</v>
      </c>
      <c r="FN13" s="113">
        <v>891448</v>
      </c>
      <c r="FO13" s="110">
        <v>0</v>
      </c>
      <c r="FP13" s="114">
        <v>1170488</v>
      </c>
      <c r="FQ13" s="114">
        <v>2451568</v>
      </c>
      <c r="FR13" s="114">
        <v>1948560</v>
      </c>
      <c r="FS13" s="114">
        <v>1335760</v>
      </c>
      <c r="FT13" s="114">
        <v>800376</v>
      </c>
      <c r="FU13" s="113">
        <v>7706752</v>
      </c>
      <c r="FV13" s="116">
        <v>8598200</v>
      </c>
      <c r="FW13" s="115">
        <v>78528</v>
      </c>
      <c r="FX13" s="114">
        <v>154864</v>
      </c>
      <c r="FY13" s="112">
        <v>233392</v>
      </c>
      <c r="FZ13" s="111">
        <v>0</v>
      </c>
      <c r="GA13" s="114">
        <v>744552</v>
      </c>
      <c r="GB13" s="114">
        <v>2389648</v>
      </c>
      <c r="GC13" s="114">
        <v>1507008</v>
      </c>
      <c r="GD13" s="114">
        <v>1266736</v>
      </c>
      <c r="GE13" s="114">
        <v>800376</v>
      </c>
      <c r="GF13" s="113">
        <v>6708320</v>
      </c>
      <c r="GG13" s="318">
        <v>6941712</v>
      </c>
      <c r="GH13" s="115">
        <v>36576</v>
      </c>
      <c r="GI13" s="114">
        <v>10032</v>
      </c>
      <c r="GJ13" s="112">
        <v>46608</v>
      </c>
      <c r="GK13" s="111">
        <v>0</v>
      </c>
      <c r="GL13" s="114">
        <v>99236</v>
      </c>
      <c r="GM13" s="114">
        <v>61920</v>
      </c>
      <c r="GN13" s="114">
        <v>75152</v>
      </c>
      <c r="GO13" s="114">
        <v>69024</v>
      </c>
      <c r="GP13" s="114">
        <v>0</v>
      </c>
      <c r="GQ13" s="113">
        <v>305332</v>
      </c>
      <c r="GR13" s="116">
        <v>351940</v>
      </c>
      <c r="GS13" s="110">
        <v>283128</v>
      </c>
      <c r="GT13" s="114">
        <v>328320</v>
      </c>
      <c r="GU13" s="113">
        <v>611448</v>
      </c>
      <c r="GV13" s="110">
        <v>0</v>
      </c>
      <c r="GW13" s="114">
        <v>326700</v>
      </c>
      <c r="GX13" s="114">
        <v>0</v>
      </c>
      <c r="GY13" s="114">
        <v>366400</v>
      </c>
      <c r="GZ13" s="114">
        <v>0</v>
      </c>
      <c r="HA13" s="114">
        <v>0</v>
      </c>
      <c r="HB13" s="112">
        <v>693100</v>
      </c>
      <c r="HC13" s="116">
        <v>1304548</v>
      </c>
      <c r="HD13" s="110">
        <v>506174</v>
      </c>
      <c r="HE13" s="114">
        <v>385351</v>
      </c>
      <c r="HF13" s="112">
        <v>891525</v>
      </c>
      <c r="HG13" s="111">
        <v>0</v>
      </c>
      <c r="HH13" s="114">
        <v>8774610</v>
      </c>
      <c r="HI13" s="114">
        <v>6093016</v>
      </c>
      <c r="HJ13" s="114">
        <v>5704668</v>
      </c>
      <c r="HK13" s="114">
        <v>5888645</v>
      </c>
      <c r="HL13" s="114">
        <v>3342492</v>
      </c>
      <c r="HM13" s="113">
        <v>29803431</v>
      </c>
      <c r="HN13" s="109">
        <v>30694956</v>
      </c>
      <c r="HO13" s="328"/>
      <c r="HP13" s="329"/>
      <c r="HQ13" s="330"/>
      <c r="HR13" s="331"/>
      <c r="HS13" s="329"/>
      <c r="HT13" s="329"/>
      <c r="HU13" s="329"/>
      <c r="HV13" s="329"/>
      <c r="HW13" s="329"/>
      <c r="HX13" s="332"/>
      <c r="HY13" s="333"/>
      <c r="HZ13" s="131">
        <v>48850</v>
      </c>
      <c r="IA13" s="132">
        <v>0</v>
      </c>
      <c r="IB13" s="133">
        <v>48850</v>
      </c>
      <c r="IC13" s="146">
        <v>0</v>
      </c>
      <c r="ID13" s="132">
        <v>6057320</v>
      </c>
      <c r="IE13" s="147">
        <v>4573811</v>
      </c>
      <c r="IF13" s="133">
        <v>6187707</v>
      </c>
      <c r="IG13" s="132">
        <v>2853247</v>
      </c>
      <c r="IH13" s="133">
        <v>2137241</v>
      </c>
      <c r="II13" s="148">
        <v>21809326</v>
      </c>
      <c r="IJ13" s="139">
        <v>21858176</v>
      </c>
      <c r="IK13" s="232">
        <v>0</v>
      </c>
      <c r="IL13" s="236">
        <v>0</v>
      </c>
      <c r="IM13" s="237">
        <v>0</v>
      </c>
      <c r="IN13" s="140"/>
      <c r="IO13" s="119">
        <v>0</v>
      </c>
      <c r="IP13" s="119">
        <v>0</v>
      </c>
      <c r="IQ13" s="119">
        <v>0</v>
      </c>
      <c r="IR13" s="119">
        <v>0</v>
      </c>
      <c r="IS13" s="119">
        <v>0</v>
      </c>
      <c r="IT13" s="141">
        <v>0</v>
      </c>
      <c r="IU13" s="320">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422210</v>
      </c>
      <c r="JL13" s="119">
        <v>1759042</v>
      </c>
      <c r="JM13" s="119">
        <v>1377552</v>
      </c>
      <c r="JN13" s="119">
        <v>346510</v>
      </c>
      <c r="JO13" s="119">
        <v>137964</v>
      </c>
      <c r="JP13" s="120">
        <v>7043278</v>
      </c>
      <c r="JQ13" s="320">
        <v>7043278</v>
      </c>
      <c r="JR13" s="142">
        <v>0</v>
      </c>
      <c r="JS13" s="119">
        <v>0</v>
      </c>
      <c r="JT13" s="141">
        <v>0</v>
      </c>
      <c r="JU13" s="118">
        <v>0</v>
      </c>
      <c r="JV13" s="119">
        <v>699821</v>
      </c>
      <c r="JW13" s="119">
        <v>1114634</v>
      </c>
      <c r="JX13" s="119">
        <v>609083</v>
      </c>
      <c r="JY13" s="119">
        <v>232275</v>
      </c>
      <c r="JZ13" s="119">
        <v>159802</v>
      </c>
      <c r="KA13" s="120">
        <v>2815615</v>
      </c>
      <c r="KB13" s="320">
        <v>2815615</v>
      </c>
      <c r="KC13" s="234">
        <v>48850</v>
      </c>
      <c r="KD13" s="230">
        <v>0</v>
      </c>
      <c r="KE13" s="120">
        <v>48850</v>
      </c>
      <c r="KF13" s="118">
        <v>0</v>
      </c>
      <c r="KG13" s="119">
        <v>340104</v>
      </c>
      <c r="KH13" s="119">
        <v>804471</v>
      </c>
      <c r="KI13" s="119">
        <v>207252</v>
      </c>
      <c r="KJ13" s="119">
        <v>228689</v>
      </c>
      <c r="KK13" s="119">
        <v>0</v>
      </c>
      <c r="KL13" s="120">
        <v>1580516</v>
      </c>
      <c r="KM13" s="143">
        <v>1629366</v>
      </c>
      <c r="KN13" s="232">
        <v>0</v>
      </c>
      <c r="KO13" s="236">
        <v>0</v>
      </c>
      <c r="KP13" s="237">
        <v>0</v>
      </c>
      <c r="KQ13" s="140"/>
      <c r="KR13" s="119">
        <v>1436294</v>
      </c>
      <c r="KS13" s="119">
        <v>728823</v>
      </c>
      <c r="KT13" s="119">
        <v>3477328</v>
      </c>
      <c r="KU13" s="119">
        <v>1509142</v>
      </c>
      <c r="KV13" s="119">
        <v>1330147</v>
      </c>
      <c r="KW13" s="120">
        <v>8481734</v>
      </c>
      <c r="KX13" s="320">
        <v>8481734</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58891</v>
      </c>
      <c r="LZ13" s="119">
        <v>166841</v>
      </c>
      <c r="MA13" s="119">
        <v>516492</v>
      </c>
      <c r="MB13" s="119">
        <v>536631</v>
      </c>
      <c r="MC13" s="119">
        <v>509328</v>
      </c>
      <c r="MD13" s="120">
        <v>1888183</v>
      </c>
      <c r="ME13" s="121">
        <v>1888183</v>
      </c>
      <c r="MF13" s="142">
        <v>0</v>
      </c>
      <c r="MG13" s="119">
        <v>0</v>
      </c>
      <c r="MH13" s="120">
        <v>0</v>
      </c>
      <c r="MI13" s="145"/>
      <c r="MJ13" s="119">
        <v>3880732</v>
      </c>
      <c r="MK13" s="119">
        <v>4343249</v>
      </c>
      <c r="ML13" s="119">
        <v>5515576</v>
      </c>
      <c r="MM13" s="119">
        <v>18702317</v>
      </c>
      <c r="MN13" s="119">
        <v>11127616</v>
      </c>
      <c r="MO13" s="120">
        <v>43569490</v>
      </c>
      <c r="MP13" s="143">
        <v>43569490</v>
      </c>
      <c r="MQ13" s="142">
        <v>0</v>
      </c>
      <c r="MR13" s="119">
        <v>0</v>
      </c>
      <c r="MS13" s="120">
        <v>0</v>
      </c>
      <c r="MT13" s="145"/>
      <c r="MU13" s="119">
        <v>0</v>
      </c>
      <c r="MV13" s="119">
        <v>703516</v>
      </c>
      <c r="MW13" s="119">
        <v>3680242</v>
      </c>
      <c r="MX13" s="119">
        <v>12694050</v>
      </c>
      <c r="MY13" s="119">
        <v>7734361</v>
      </c>
      <c r="MZ13" s="120">
        <v>24812169</v>
      </c>
      <c r="NA13" s="143">
        <v>24812169</v>
      </c>
      <c r="NB13" s="142">
        <v>0</v>
      </c>
      <c r="NC13" s="119">
        <v>0</v>
      </c>
      <c r="ND13" s="120">
        <v>0</v>
      </c>
      <c r="NE13" s="145"/>
      <c r="NF13" s="119">
        <v>3880732</v>
      </c>
      <c r="NG13" s="119">
        <v>3639733</v>
      </c>
      <c r="NH13" s="119">
        <v>1835334</v>
      </c>
      <c r="NI13" s="119">
        <v>6008267</v>
      </c>
      <c r="NJ13" s="119">
        <v>3393255</v>
      </c>
      <c r="NK13" s="120">
        <v>18757321</v>
      </c>
      <c r="NL13" s="320">
        <v>18757321</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219473</v>
      </c>
      <c r="OJ13" s="119">
        <v>1175934</v>
      </c>
      <c r="OK13" s="141">
        <v>2395407</v>
      </c>
      <c r="OL13" s="118">
        <v>0</v>
      </c>
      <c r="OM13" s="119">
        <v>35701251</v>
      </c>
      <c r="ON13" s="119">
        <v>31661603</v>
      </c>
      <c r="OO13" s="119">
        <v>31649433</v>
      </c>
      <c r="OP13" s="119">
        <v>40782744</v>
      </c>
      <c r="OQ13" s="119">
        <v>25471152</v>
      </c>
      <c r="OR13" s="120">
        <v>165266183</v>
      </c>
      <c r="OS13" s="143">
        <v>167661590</v>
      </c>
    </row>
    <row r="14" spans="1:409" ht="21" customHeight="1" x14ac:dyDescent="0.2">
      <c r="B14" s="126" t="s">
        <v>8</v>
      </c>
      <c r="C14" s="110">
        <v>997527</v>
      </c>
      <c r="D14" s="114">
        <v>1018938</v>
      </c>
      <c r="E14" s="113">
        <v>2016465</v>
      </c>
      <c r="F14" s="109">
        <v>0</v>
      </c>
      <c r="G14" s="114">
        <v>6560746</v>
      </c>
      <c r="H14" s="114">
        <v>8945076</v>
      </c>
      <c r="I14" s="114">
        <v>9048143</v>
      </c>
      <c r="J14" s="114">
        <v>6959095</v>
      </c>
      <c r="K14" s="114">
        <v>4468723</v>
      </c>
      <c r="L14" s="109">
        <v>35981783</v>
      </c>
      <c r="M14" s="116">
        <v>37998248</v>
      </c>
      <c r="N14" s="110">
        <v>190077</v>
      </c>
      <c r="O14" s="114">
        <v>303165</v>
      </c>
      <c r="P14" s="113">
        <v>493242</v>
      </c>
      <c r="Q14" s="110">
        <v>0</v>
      </c>
      <c r="R14" s="114">
        <v>2051344</v>
      </c>
      <c r="S14" s="114">
        <v>2925354</v>
      </c>
      <c r="T14" s="114">
        <v>2904605</v>
      </c>
      <c r="U14" s="114">
        <v>2946847</v>
      </c>
      <c r="V14" s="114">
        <v>2161080</v>
      </c>
      <c r="W14" s="113">
        <v>12989230</v>
      </c>
      <c r="X14" s="116">
        <v>13482472</v>
      </c>
      <c r="Y14" s="110">
        <v>0</v>
      </c>
      <c r="Z14" s="114">
        <v>0</v>
      </c>
      <c r="AA14" s="113">
        <v>0</v>
      </c>
      <c r="AB14" s="110">
        <v>0</v>
      </c>
      <c r="AC14" s="114">
        <v>838838</v>
      </c>
      <c r="AD14" s="114">
        <v>1770508</v>
      </c>
      <c r="AE14" s="114">
        <v>1632795</v>
      </c>
      <c r="AF14" s="114">
        <v>1531006</v>
      </c>
      <c r="AG14" s="114">
        <v>877447</v>
      </c>
      <c r="AH14" s="113">
        <v>6650594</v>
      </c>
      <c r="AI14" s="116">
        <v>6650594</v>
      </c>
      <c r="AJ14" s="110">
        <v>0</v>
      </c>
      <c r="AK14" s="114">
        <v>0</v>
      </c>
      <c r="AL14" s="113">
        <v>0</v>
      </c>
      <c r="AM14" s="110">
        <v>0</v>
      </c>
      <c r="AN14" s="114">
        <v>0</v>
      </c>
      <c r="AO14" s="114">
        <v>13952</v>
      </c>
      <c r="AP14" s="114">
        <v>92242</v>
      </c>
      <c r="AQ14" s="114">
        <v>175758</v>
      </c>
      <c r="AR14" s="114">
        <v>271392</v>
      </c>
      <c r="AS14" s="113">
        <v>553344</v>
      </c>
      <c r="AT14" s="116">
        <v>553344</v>
      </c>
      <c r="AU14" s="110">
        <v>64813</v>
      </c>
      <c r="AV14" s="114">
        <v>216033</v>
      </c>
      <c r="AW14" s="113">
        <v>280846</v>
      </c>
      <c r="AX14" s="110">
        <v>0</v>
      </c>
      <c r="AY14" s="114">
        <v>850662</v>
      </c>
      <c r="AZ14" s="114">
        <v>722444</v>
      </c>
      <c r="BA14" s="114">
        <v>777566</v>
      </c>
      <c r="BB14" s="114">
        <v>871310</v>
      </c>
      <c r="BC14" s="114">
        <v>785177</v>
      </c>
      <c r="BD14" s="113">
        <v>4007159</v>
      </c>
      <c r="BE14" s="116">
        <v>4288005</v>
      </c>
      <c r="BF14" s="110">
        <v>0</v>
      </c>
      <c r="BG14" s="114">
        <v>20796</v>
      </c>
      <c r="BH14" s="112">
        <v>20796</v>
      </c>
      <c r="BI14" s="111">
        <v>0</v>
      </c>
      <c r="BJ14" s="114">
        <v>63332</v>
      </c>
      <c r="BK14" s="114">
        <v>54826</v>
      </c>
      <c r="BL14" s="114">
        <v>73866</v>
      </c>
      <c r="BM14" s="114">
        <v>86085</v>
      </c>
      <c r="BN14" s="114">
        <v>0</v>
      </c>
      <c r="BO14" s="113">
        <v>278109</v>
      </c>
      <c r="BP14" s="116">
        <v>298905</v>
      </c>
      <c r="BQ14" s="110">
        <v>125264</v>
      </c>
      <c r="BR14" s="114">
        <v>66336</v>
      </c>
      <c r="BS14" s="113">
        <v>191600</v>
      </c>
      <c r="BT14" s="110">
        <v>0</v>
      </c>
      <c r="BU14" s="114">
        <v>298512</v>
      </c>
      <c r="BV14" s="114">
        <v>363624</v>
      </c>
      <c r="BW14" s="114">
        <v>328136</v>
      </c>
      <c r="BX14" s="114">
        <v>282688</v>
      </c>
      <c r="BY14" s="114">
        <v>227064</v>
      </c>
      <c r="BZ14" s="113">
        <v>1500024</v>
      </c>
      <c r="CA14" s="116">
        <v>1691624</v>
      </c>
      <c r="CB14" s="110">
        <v>141915</v>
      </c>
      <c r="CC14" s="114">
        <v>115921</v>
      </c>
      <c r="CD14" s="113">
        <v>257836</v>
      </c>
      <c r="CE14" s="110">
        <v>0</v>
      </c>
      <c r="CF14" s="114">
        <v>1972329</v>
      </c>
      <c r="CG14" s="114">
        <v>2729092</v>
      </c>
      <c r="CH14" s="114">
        <v>2868127</v>
      </c>
      <c r="CI14" s="114">
        <v>1041920</v>
      </c>
      <c r="CJ14" s="114">
        <v>417720</v>
      </c>
      <c r="CK14" s="113">
        <v>9029188</v>
      </c>
      <c r="CL14" s="116">
        <v>9287024</v>
      </c>
      <c r="CM14" s="110">
        <v>0</v>
      </c>
      <c r="CN14" s="114">
        <v>0</v>
      </c>
      <c r="CO14" s="113">
        <v>0</v>
      </c>
      <c r="CP14" s="111">
        <v>0</v>
      </c>
      <c r="CQ14" s="114">
        <v>1563502</v>
      </c>
      <c r="CR14" s="114">
        <v>2167621</v>
      </c>
      <c r="CS14" s="114">
        <v>2412195</v>
      </c>
      <c r="CT14" s="114">
        <v>834155</v>
      </c>
      <c r="CU14" s="114">
        <v>417720</v>
      </c>
      <c r="CV14" s="113">
        <v>7395193</v>
      </c>
      <c r="CW14" s="116">
        <v>7395193</v>
      </c>
      <c r="CX14" s="110">
        <v>141915</v>
      </c>
      <c r="CY14" s="114">
        <v>115921</v>
      </c>
      <c r="CZ14" s="113">
        <v>257836</v>
      </c>
      <c r="DA14" s="110">
        <v>0</v>
      </c>
      <c r="DB14" s="114">
        <v>408827</v>
      </c>
      <c r="DC14" s="114">
        <v>561471</v>
      </c>
      <c r="DD14" s="114">
        <v>455932</v>
      </c>
      <c r="DE14" s="114">
        <v>207765</v>
      </c>
      <c r="DF14" s="114">
        <v>0</v>
      </c>
      <c r="DG14" s="113">
        <v>1633995</v>
      </c>
      <c r="DH14" s="116">
        <v>1891831</v>
      </c>
      <c r="DI14" s="110">
        <v>14550</v>
      </c>
      <c r="DJ14" s="114">
        <v>0</v>
      </c>
      <c r="DK14" s="112">
        <v>14550</v>
      </c>
      <c r="DL14" s="111">
        <v>0</v>
      </c>
      <c r="DM14" s="114">
        <v>141688</v>
      </c>
      <c r="DN14" s="114">
        <v>300322</v>
      </c>
      <c r="DO14" s="114">
        <v>921885</v>
      </c>
      <c r="DP14" s="114">
        <v>893993</v>
      </c>
      <c r="DQ14" s="114">
        <v>10237</v>
      </c>
      <c r="DR14" s="113">
        <v>2268125</v>
      </c>
      <c r="DS14" s="116">
        <v>2282675</v>
      </c>
      <c r="DT14" s="110">
        <v>14550</v>
      </c>
      <c r="DU14" s="114">
        <v>0</v>
      </c>
      <c r="DV14" s="113">
        <v>14550</v>
      </c>
      <c r="DW14" s="110">
        <v>0</v>
      </c>
      <c r="DX14" s="114">
        <v>141688</v>
      </c>
      <c r="DY14" s="114">
        <v>300322</v>
      </c>
      <c r="DZ14" s="114">
        <v>909989</v>
      </c>
      <c r="EA14" s="114">
        <v>893993</v>
      </c>
      <c r="EB14" s="114">
        <v>10237</v>
      </c>
      <c r="EC14" s="113">
        <v>2256229</v>
      </c>
      <c r="ED14" s="116">
        <v>2270779</v>
      </c>
      <c r="EE14" s="110">
        <v>0</v>
      </c>
      <c r="EF14" s="112">
        <v>0</v>
      </c>
      <c r="EG14" s="113">
        <v>0</v>
      </c>
      <c r="EH14" s="110">
        <v>0</v>
      </c>
      <c r="EI14" s="114">
        <v>0</v>
      </c>
      <c r="EJ14" s="114">
        <v>0</v>
      </c>
      <c r="EK14" s="114">
        <v>11896</v>
      </c>
      <c r="EL14" s="114">
        <v>0</v>
      </c>
      <c r="EM14" s="114">
        <v>0</v>
      </c>
      <c r="EN14" s="112">
        <v>11896</v>
      </c>
      <c r="EO14" s="116">
        <v>11896</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212496</v>
      </c>
      <c r="FM14" s="114">
        <v>330512</v>
      </c>
      <c r="FN14" s="113">
        <v>543008</v>
      </c>
      <c r="FO14" s="110">
        <v>0</v>
      </c>
      <c r="FP14" s="114">
        <v>336016</v>
      </c>
      <c r="FQ14" s="114">
        <v>1074104</v>
      </c>
      <c r="FR14" s="114">
        <v>855564</v>
      </c>
      <c r="FS14" s="114">
        <v>620816</v>
      </c>
      <c r="FT14" s="114">
        <v>341528</v>
      </c>
      <c r="FU14" s="113">
        <v>3228028</v>
      </c>
      <c r="FV14" s="116">
        <v>3771036</v>
      </c>
      <c r="FW14" s="115">
        <v>52496</v>
      </c>
      <c r="FX14" s="114">
        <v>120512</v>
      </c>
      <c r="FY14" s="112">
        <v>173008</v>
      </c>
      <c r="FZ14" s="111">
        <v>0</v>
      </c>
      <c r="GA14" s="114">
        <v>336016</v>
      </c>
      <c r="GB14" s="114">
        <v>1025264</v>
      </c>
      <c r="GC14" s="114">
        <v>784416</v>
      </c>
      <c r="GD14" s="114">
        <v>620816</v>
      </c>
      <c r="GE14" s="114">
        <v>341528</v>
      </c>
      <c r="GF14" s="113">
        <v>3108040</v>
      </c>
      <c r="GG14" s="318">
        <v>3281048</v>
      </c>
      <c r="GH14" s="115">
        <v>0</v>
      </c>
      <c r="GI14" s="114">
        <v>0</v>
      </c>
      <c r="GJ14" s="112">
        <v>0</v>
      </c>
      <c r="GK14" s="111">
        <v>0</v>
      </c>
      <c r="GL14" s="114">
        <v>0</v>
      </c>
      <c r="GM14" s="114">
        <v>48840</v>
      </c>
      <c r="GN14" s="114">
        <v>56988</v>
      </c>
      <c r="GO14" s="114">
        <v>0</v>
      </c>
      <c r="GP14" s="114">
        <v>0</v>
      </c>
      <c r="GQ14" s="113">
        <v>105828</v>
      </c>
      <c r="GR14" s="116">
        <v>105828</v>
      </c>
      <c r="GS14" s="110">
        <v>160000</v>
      </c>
      <c r="GT14" s="114">
        <v>210000</v>
      </c>
      <c r="GU14" s="113">
        <v>370000</v>
      </c>
      <c r="GV14" s="110">
        <v>0</v>
      </c>
      <c r="GW14" s="114">
        <v>0</v>
      </c>
      <c r="GX14" s="114">
        <v>0</v>
      </c>
      <c r="GY14" s="114">
        <v>14160</v>
      </c>
      <c r="GZ14" s="114">
        <v>0</v>
      </c>
      <c r="HA14" s="114">
        <v>0</v>
      </c>
      <c r="HB14" s="112">
        <v>14160</v>
      </c>
      <c r="HC14" s="116">
        <v>384160</v>
      </c>
      <c r="HD14" s="110">
        <v>438489</v>
      </c>
      <c r="HE14" s="114">
        <v>269340</v>
      </c>
      <c r="HF14" s="112">
        <v>707829</v>
      </c>
      <c r="HG14" s="111">
        <v>0</v>
      </c>
      <c r="HH14" s="114">
        <v>2059369</v>
      </c>
      <c r="HI14" s="114">
        <v>1916204</v>
      </c>
      <c r="HJ14" s="114">
        <v>1497962</v>
      </c>
      <c r="HK14" s="114">
        <v>1455519</v>
      </c>
      <c r="HL14" s="114">
        <v>1538158</v>
      </c>
      <c r="HM14" s="113">
        <v>8467212</v>
      </c>
      <c r="HN14" s="109">
        <v>9175041</v>
      </c>
      <c r="HO14" s="328"/>
      <c r="HP14" s="329"/>
      <c r="HQ14" s="330"/>
      <c r="HR14" s="331"/>
      <c r="HS14" s="329"/>
      <c r="HT14" s="329"/>
      <c r="HU14" s="329"/>
      <c r="HV14" s="329"/>
      <c r="HW14" s="329"/>
      <c r="HX14" s="332"/>
      <c r="HY14" s="333"/>
      <c r="HZ14" s="131">
        <v>0</v>
      </c>
      <c r="IA14" s="132">
        <v>79588</v>
      </c>
      <c r="IB14" s="133">
        <v>79588</v>
      </c>
      <c r="IC14" s="134">
        <v>0</v>
      </c>
      <c r="ID14" s="135">
        <v>3144904</v>
      </c>
      <c r="IE14" s="136">
        <v>2313604</v>
      </c>
      <c r="IF14" s="137">
        <v>3145725</v>
      </c>
      <c r="IG14" s="135">
        <v>2417600</v>
      </c>
      <c r="IH14" s="137">
        <v>1497029</v>
      </c>
      <c r="II14" s="138">
        <v>12518862</v>
      </c>
      <c r="IJ14" s="139">
        <v>12598450</v>
      </c>
      <c r="IK14" s="232">
        <v>0</v>
      </c>
      <c r="IL14" s="236">
        <v>0</v>
      </c>
      <c r="IM14" s="237">
        <v>0</v>
      </c>
      <c r="IN14" s="140"/>
      <c r="IO14" s="119">
        <v>0</v>
      </c>
      <c r="IP14" s="119">
        <v>0</v>
      </c>
      <c r="IQ14" s="119">
        <v>0</v>
      </c>
      <c r="IR14" s="119">
        <v>469026</v>
      </c>
      <c r="IS14" s="119">
        <v>0</v>
      </c>
      <c r="IT14" s="141">
        <v>469026</v>
      </c>
      <c r="IU14" s="320">
        <v>469026</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299261</v>
      </c>
      <c r="JL14" s="119">
        <v>1465340</v>
      </c>
      <c r="JM14" s="119">
        <v>1207864</v>
      </c>
      <c r="JN14" s="119">
        <v>287272</v>
      </c>
      <c r="JO14" s="119">
        <v>122816</v>
      </c>
      <c r="JP14" s="120">
        <v>4382553</v>
      </c>
      <c r="JQ14" s="320">
        <v>4382553</v>
      </c>
      <c r="JR14" s="142">
        <v>0</v>
      </c>
      <c r="JS14" s="119">
        <v>0</v>
      </c>
      <c r="JT14" s="141">
        <v>0</v>
      </c>
      <c r="JU14" s="118">
        <v>0</v>
      </c>
      <c r="JV14" s="119">
        <v>20052</v>
      </c>
      <c r="JW14" s="119">
        <v>0</v>
      </c>
      <c r="JX14" s="119">
        <v>0</v>
      </c>
      <c r="JY14" s="119">
        <v>0</v>
      </c>
      <c r="JZ14" s="119">
        <v>64016</v>
      </c>
      <c r="KA14" s="120">
        <v>84068</v>
      </c>
      <c r="KB14" s="320">
        <v>84068</v>
      </c>
      <c r="KC14" s="234">
        <v>0</v>
      </c>
      <c r="KD14" s="230">
        <v>79588</v>
      </c>
      <c r="KE14" s="120">
        <v>79588</v>
      </c>
      <c r="KF14" s="118">
        <v>0</v>
      </c>
      <c r="KG14" s="119">
        <v>455167</v>
      </c>
      <c r="KH14" s="119">
        <v>346156</v>
      </c>
      <c r="KI14" s="119">
        <v>474942</v>
      </c>
      <c r="KJ14" s="119">
        <v>269784</v>
      </c>
      <c r="KK14" s="119">
        <v>452611</v>
      </c>
      <c r="KL14" s="120">
        <v>1998660</v>
      </c>
      <c r="KM14" s="143">
        <v>2078248</v>
      </c>
      <c r="KN14" s="232">
        <v>0</v>
      </c>
      <c r="KO14" s="236">
        <v>0</v>
      </c>
      <c r="KP14" s="237">
        <v>0</v>
      </c>
      <c r="KQ14" s="140"/>
      <c r="KR14" s="119">
        <v>951288</v>
      </c>
      <c r="KS14" s="119">
        <v>502108</v>
      </c>
      <c r="KT14" s="119">
        <v>755090</v>
      </c>
      <c r="KU14" s="119">
        <v>520692</v>
      </c>
      <c r="KV14" s="119">
        <v>530874</v>
      </c>
      <c r="KW14" s="120">
        <v>3260052</v>
      </c>
      <c r="KX14" s="320">
        <v>3260052</v>
      </c>
      <c r="KY14" s="142">
        <v>0</v>
      </c>
      <c r="KZ14" s="119">
        <v>0</v>
      </c>
      <c r="LA14" s="120">
        <v>0</v>
      </c>
      <c r="LB14" s="145"/>
      <c r="LC14" s="119">
        <v>0</v>
      </c>
      <c r="LD14" s="119">
        <v>0</v>
      </c>
      <c r="LE14" s="119">
        <v>196535</v>
      </c>
      <c r="LF14" s="119">
        <v>219541</v>
      </c>
      <c r="LG14" s="119">
        <v>0</v>
      </c>
      <c r="LH14" s="120">
        <v>416076</v>
      </c>
      <c r="LI14" s="121">
        <v>416076</v>
      </c>
      <c r="LJ14" s="142">
        <v>0</v>
      </c>
      <c r="LK14" s="119">
        <v>0</v>
      </c>
      <c r="LL14" s="120">
        <v>0</v>
      </c>
      <c r="LM14" s="145"/>
      <c r="LN14" s="119">
        <v>0</v>
      </c>
      <c r="LO14" s="119">
        <v>0</v>
      </c>
      <c r="LP14" s="119">
        <v>0</v>
      </c>
      <c r="LQ14" s="119">
        <v>248935</v>
      </c>
      <c r="LR14" s="119">
        <v>0</v>
      </c>
      <c r="LS14" s="120">
        <v>248935</v>
      </c>
      <c r="LT14" s="320">
        <v>248935</v>
      </c>
      <c r="LU14" s="142">
        <v>0</v>
      </c>
      <c r="LV14" s="119">
        <v>0</v>
      </c>
      <c r="LW14" s="120">
        <v>0</v>
      </c>
      <c r="LX14" s="145"/>
      <c r="LY14" s="119">
        <v>419136</v>
      </c>
      <c r="LZ14" s="119">
        <v>0</v>
      </c>
      <c r="MA14" s="119">
        <v>511294</v>
      </c>
      <c r="MB14" s="119">
        <v>402350</v>
      </c>
      <c r="MC14" s="119">
        <v>326712</v>
      </c>
      <c r="MD14" s="120">
        <v>1659492</v>
      </c>
      <c r="ME14" s="121">
        <v>1659492</v>
      </c>
      <c r="MF14" s="142">
        <v>0</v>
      </c>
      <c r="MG14" s="119">
        <v>0</v>
      </c>
      <c r="MH14" s="120">
        <v>0</v>
      </c>
      <c r="MI14" s="145"/>
      <c r="MJ14" s="119">
        <v>656768</v>
      </c>
      <c r="MK14" s="119">
        <v>774513</v>
      </c>
      <c r="ML14" s="119">
        <v>3998410</v>
      </c>
      <c r="MM14" s="119">
        <v>4925729</v>
      </c>
      <c r="MN14" s="119">
        <v>2466569</v>
      </c>
      <c r="MO14" s="120">
        <v>12821989</v>
      </c>
      <c r="MP14" s="143">
        <v>12821989</v>
      </c>
      <c r="MQ14" s="142">
        <v>0</v>
      </c>
      <c r="MR14" s="119">
        <v>0</v>
      </c>
      <c r="MS14" s="120">
        <v>0</v>
      </c>
      <c r="MT14" s="145"/>
      <c r="MU14" s="119">
        <v>217493</v>
      </c>
      <c r="MV14" s="119">
        <v>-550</v>
      </c>
      <c r="MW14" s="119">
        <v>2246751</v>
      </c>
      <c r="MX14" s="119">
        <v>2655232</v>
      </c>
      <c r="MY14" s="119">
        <v>1870485</v>
      </c>
      <c r="MZ14" s="120">
        <v>6989411</v>
      </c>
      <c r="NA14" s="143">
        <v>6989411</v>
      </c>
      <c r="NB14" s="142">
        <v>0</v>
      </c>
      <c r="NC14" s="119">
        <v>0</v>
      </c>
      <c r="ND14" s="120">
        <v>0</v>
      </c>
      <c r="NE14" s="145"/>
      <c r="NF14" s="119">
        <v>439275</v>
      </c>
      <c r="NG14" s="119">
        <v>775063</v>
      </c>
      <c r="NH14" s="119">
        <v>1751659</v>
      </c>
      <c r="NI14" s="119">
        <v>1667265</v>
      </c>
      <c r="NJ14" s="119">
        <v>596084</v>
      </c>
      <c r="NK14" s="120">
        <v>5229346</v>
      </c>
      <c r="NL14" s="320">
        <v>5229346</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603232</v>
      </c>
      <c r="OF14" s="119">
        <v>0</v>
      </c>
      <c r="OG14" s="120">
        <v>603232</v>
      </c>
      <c r="OH14" s="121">
        <v>603232</v>
      </c>
      <c r="OI14" s="142">
        <v>997527</v>
      </c>
      <c r="OJ14" s="119">
        <v>1098526</v>
      </c>
      <c r="OK14" s="141">
        <v>2096053</v>
      </c>
      <c r="OL14" s="118">
        <v>0</v>
      </c>
      <c r="OM14" s="119">
        <v>10362418</v>
      </c>
      <c r="ON14" s="119">
        <v>12033193</v>
      </c>
      <c r="OO14" s="119">
        <v>16192278</v>
      </c>
      <c r="OP14" s="119">
        <v>14302424</v>
      </c>
      <c r="OQ14" s="119">
        <v>8432321</v>
      </c>
      <c r="OR14" s="120">
        <v>61322634</v>
      </c>
      <c r="OS14" s="143">
        <v>63418687</v>
      </c>
    </row>
    <row r="15" spans="1:409" ht="21" customHeight="1" x14ac:dyDescent="0.2">
      <c r="B15" s="126" t="s">
        <v>9</v>
      </c>
      <c r="C15" s="110">
        <v>1318636</v>
      </c>
      <c r="D15" s="114">
        <v>905366</v>
      </c>
      <c r="E15" s="113">
        <v>2224002</v>
      </c>
      <c r="F15" s="111">
        <v>0</v>
      </c>
      <c r="G15" s="114">
        <v>11075044</v>
      </c>
      <c r="H15" s="114">
        <v>10920835</v>
      </c>
      <c r="I15" s="114">
        <v>12463275</v>
      </c>
      <c r="J15" s="114">
        <v>11751764</v>
      </c>
      <c r="K15" s="114">
        <v>8073354</v>
      </c>
      <c r="L15" s="109">
        <v>54284272</v>
      </c>
      <c r="M15" s="116">
        <v>56508274</v>
      </c>
      <c r="N15" s="110">
        <v>241523</v>
      </c>
      <c r="O15" s="114">
        <v>193089</v>
      </c>
      <c r="P15" s="113">
        <v>434612</v>
      </c>
      <c r="Q15" s="110">
        <v>0</v>
      </c>
      <c r="R15" s="114">
        <v>4173397</v>
      </c>
      <c r="S15" s="114">
        <v>4672049</v>
      </c>
      <c r="T15" s="114">
        <v>4766684</v>
      </c>
      <c r="U15" s="114">
        <v>5670329</v>
      </c>
      <c r="V15" s="114">
        <v>4263214</v>
      </c>
      <c r="W15" s="113">
        <v>23545673</v>
      </c>
      <c r="X15" s="116">
        <v>23980285</v>
      </c>
      <c r="Y15" s="110">
        <v>0</v>
      </c>
      <c r="Z15" s="114">
        <v>0</v>
      </c>
      <c r="AA15" s="113">
        <v>0</v>
      </c>
      <c r="AB15" s="110">
        <v>0</v>
      </c>
      <c r="AC15" s="114">
        <v>1904382</v>
      </c>
      <c r="AD15" s="114">
        <v>2589696</v>
      </c>
      <c r="AE15" s="114">
        <v>2661324</v>
      </c>
      <c r="AF15" s="114">
        <v>3311428</v>
      </c>
      <c r="AG15" s="114">
        <v>2792892</v>
      </c>
      <c r="AH15" s="113">
        <v>13259722</v>
      </c>
      <c r="AI15" s="116">
        <v>13259722</v>
      </c>
      <c r="AJ15" s="110">
        <v>0</v>
      </c>
      <c r="AK15" s="114">
        <v>0</v>
      </c>
      <c r="AL15" s="113">
        <v>0</v>
      </c>
      <c r="AM15" s="110">
        <v>0</v>
      </c>
      <c r="AN15" s="114">
        <v>0</v>
      </c>
      <c r="AO15" s="114">
        <v>13993</v>
      </c>
      <c r="AP15" s="114">
        <v>107742</v>
      </c>
      <c r="AQ15" s="114">
        <v>259271</v>
      </c>
      <c r="AR15" s="114">
        <v>313992</v>
      </c>
      <c r="AS15" s="113">
        <v>694998</v>
      </c>
      <c r="AT15" s="116">
        <v>694998</v>
      </c>
      <c r="AU15" s="110">
        <v>61163</v>
      </c>
      <c r="AV15" s="114">
        <v>143321</v>
      </c>
      <c r="AW15" s="113">
        <v>204484</v>
      </c>
      <c r="AX15" s="110">
        <v>0</v>
      </c>
      <c r="AY15" s="114">
        <v>1572495</v>
      </c>
      <c r="AZ15" s="114">
        <v>1342950</v>
      </c>
      <c r="BA15" s="114">
        <v>1232576</v>
      </c>
      <c r="BB15" s="114">
        <v>1475808</v>
      </c>
      <c r="BC15" s="114">
        <v>640985</v>
      </c>
      <c r="BD15" s="113">
        <v>6264814</v>
      </c>
      <c r="BE15" s="116">
        <v>6469298</v>
      </c>
      <c r="BF15" s="110">
        <v>0</v>
      </c>
      <c r="BG15" s="114">
        <v>0</v>
      </c>
      <c r="BH15" s="112">
        <v>0</v>
      </c>
      <c r="BI15" s="111">
        <v>0</v>
      </c>
      <c r="BJ15" s="114">
        <v>0</v>
      </c>
      <c r="BK15" s="114">
        <v>139770</v>
      </c>
      <c r="BL15" s="114">
        <v>139210</v>
      </c>
      <c r="BM15" s="114">
        <v>182318</v>
      </c>
      <c r="BN15" s="114">
        <v>38257</v>
      </c>
      <c r="BO15" s="113">
        <v>499555</v>
      </c>
      <c r="BP15" s="116">
        <v>499555</v>
      </c>
      <c r="BQ15" s="110">
        <v>180360</v>
      </c>
      <c r="BR15" s="114">
        <v>49768</v>
      </c>
      <c r="BS15" s="113">
        <v>230128</v>
      </c>
      <c r="BT15" s="110">
        <v>0</v>
      </c>
      <c r="BU15" s="114">
        <v>696520</v>
      </c>
      <c r="BV15" s="114">
        <v>585640</v>
      </c>
      <c r="BW15" s="114">
        <v>625832</v>
      </c>
      <c r="BX15" s="114">
        <v>441504</v>
      </c>
      <c r="BY15" s="114">
        <v>477088</v>
      </c>
      <c r="BZ15" s="113">
        <v>2826584</v>
      </c>
      <c r="CA15" s="116">
        <v>3056712</v>
      </c>
      <c r="CB15" s="110">
        <v>21928</v>
      </c>
      <c r="CC15" s="114">
        <v>152952</v>
      </c>
      <c r="CD15" s="113">
        <v>174880</v>
      </c>
      <c r="CE15" s="110">
        <v>0</v>
      </c>
      <c r="CF15" s="114">
        <v>2648792</v>
      </c>
      <c r="CG15" s="114">
        <v>2388961</v>
      </c>
      <c r="CH15" s="114">
        <v>2921884</v>
      </c>
      <c r="CI15" s="114">
        <v>1420008</v>
      </c>
      <c r="CJ15" s="114">
        <v>534639</v>
      </c>
      <c r="CK15" s="113">
        <v>9914284</v>
      </c>
      <c r="CL15" s="116">
        <v>10089164</v>
      </c>
      <c r="CM15" s="110">
        <v>0</v>
      </c>
      <c r="CN15" s="114">
        <v>0</v>
      </c>
      <c r="CO15" s="113">
        <v>0</v>
      </c>
      <c r="CP15" s="111">
        <v>0</v>
      </c>
      <c r="CQ15" s="114">
        <v>1760565</v>
      </c>
      <c r="CR15" s="114">
        <v>1855029</v>
      </c>
      <c r="CS15" s="114">
        <v>2044083</v>
      </c>
      <c r="CT15" s="114">
        <v>952081</v>
      </c>
      <c r="CU15" s="114">
        <v>384138</v>
      </c>
      <c r="CV15" s="113">
        <v>6995896</v>
      </c>
      <c r="CW15" s="116">
        <v>6995896</v>
      </c>
      <c r="CX15" s="110">
        <v>21928</v>
      </c>
      <c r="CY15" s="114">
        <v>152952</v>
      </c>
      <c r="CZ15" s="113">
        <v>174880</v>
      </c>
      <c r="DA15" s="110">
        <v>0</v>
      </c>
      <c r="DB15" s="114">
        <v>888227</v>
      </c>
      <c r="DC15" s="114">
        <v>533932</v>
      </c>
      <c r="DD15" s="114">
        <v>877801</v>
      </c>
      <c r="DE15" s="114">
        <v>467927</v>
      </c>
      <c r="DF15" s="114">
        <v>150501</v>
      </c>
      <c r="DG15" s="113">
        <v>2918388</v>
      </c>
      <c r="DH15" s="116">
        <v>3093268</v>
      </c>
      <c r="DI15" s="110">
        <v>0</v>
      </c>
      <c r="DJ15" s="114">
        <v>0</v>
      </c>
      <c r="DK15" s="112">
        <v>0</v>
      </c>
      <c r="DL15" s="111">
        <v>0</v>
      </c>
      <c r="DM15" s="114">
        <v>438490</v>
      </c>
      <c r="DN15" s="114">
        <v>238014</v>
      </c>
      <c r="DO15" s="114">
        <v>684787</v>
      </c>
      <c r="DP15" s="114">
        <v>1375446</v>
      </c>
      <c r="DQ15" s="114">
        <v>464741</v>
      </c>
      <c r="DR15" s="113">
        <v>3201478</v>
      </c>
      <c r="DS15" s="116">
        <v>3201478</v>
      </c>
      <c r="DT15" s="110">
        <v>0</v>
      </c>
      <c r="DU15" s="114">
        <v>0</v>
      </c>
      <c r="DV15" s="113">
        <v>0</v>
      </c>
      <c r="DW15" s="110">
        <v>0</v>
      </c>
      <c r="DX15" s="114">
        <v>438490</v>
      </c>
      <c r="DY15" s="114">
        <v>238014</v>
      </c>
      <c r="DZ15" s="114">
        <v>592435</v>
      </c>
      <c r="EA15" s="114">
        <v>1278430</v>
      </c>
      <c r="EB15" s="114">
        <v>464741</v>
      </c>
      <c r="EC15" s="113">
        <v>3012110</v>
      </c>
      <c r="ED15" s="116">
        <v>3012110</v>
      </c>
      <c r="EE15" s="110">
        <v>0</v>
      </c>
      <c r="EF15" s="112">
        <v>0</v>
      </c>
      <c r="EG15" s="113">
        <v>0</v>
      </c>
      <c r="EH15" s="110">
        <v>0</v>
      </c>
      <c r="EI15" s="114">
        <v>0</v>
      </c>
      <c r="EJ15" s="114">
        <v>0</v>
      </c>
      <c r="EK15" s="114">
        <v>92352</v>
      </c>
      <c r="EL15" s="114">
        <v>97016</v>
      </c>
      <c r="EM15" s="114">
        <v>0</v>
      </c>
      <c r="EN15" s="112">
        <v>189368</v>
      </c>
      <c r="EO15" s="116">
        <v>189368</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606144</v>
      </c>
      <c r="FM15" s="114">
        <v>358560</v>
      </c>
      <c r="FN15" s="113">
        <v>964704</v>
      </c>
      <c r="FO15" s="110">
        <v>0</v>
      </c>
      <c r="FP15" s="114">
        <v>621637</v>
      </c>
      <c r="FQ15" s="114">
        <v>1217672</v>
      </c>
      <c r="FR15" s="114">
        <v>1252507</v>
      </c>
      <c r="FS15" s="114">
        <v>1036280</v>
      </c>
      <c r="FT15" s="114">
        <v>654920</v>
      </c>
      <c r="FU15" s="113">
        <v>4783016</v>
      </c>
      <c r="FV15" s="116">
        <v>5747720</v>
      </c>
      <c r="FW15" s="115">
        <v>150144</v>
      </c>
      <c r="FX15" s="114">
        <v>189440</v>
      </c>
      <c r="FY15" s="112">
        <v>339584</v>
      </c>
      <c r="FZ15" s="111">
        <v>0</v>
      </c>
      <c r="GA15" s="114">
        <v>598757</v>
      </c>
      <c r="GB15" s="114">
        <v>961280</v>
      </c>
      <c r="GC15" s="114">
        <v>1015160</v>
      </c>
      <c r="GD15" s="114">
        <v>937080</v>
      </c>
      <c r="GE15" s="114">
        <v>574920</v>
      </c>
      <c r="GF15" s="113">
        <v>4087197</v>
      </c>
      <c r="GG15" s="318">
        <v>4426781</v>
      </c>
      <c r="GH15" s="115">
        <v>0</v>
      </c>
      <c r="GI15" s="114">
        <v>21120</v>
      </c>
      <c r="GJ15" s="112">
        <v>21120</v>
      </c>
      <c r="GK15" s="111">
        <v>0</v>
      </c>
      <c r="GL15" s="114">
        <v>22880</v>
      </c>
      <c r="GM15" s="114">
        <v>128152</v>
      </c>
      <c r="GN15" s="114">
        <v>41347</v>
      </c>
      <c r="GO15" s="114">
        <v>80000</v>
      </c>
      <c r="GP15" s="114">
        <v>80000</v>
      </c>
      <c r="GQ15" s="113">
        <v>352379</v>
      </c>
      <c r="GR15" s="116">
        <v>373499</v>
      </c>
      <c r="GS15" s="110">
        <v>456000</v>
      </c>
      <c r="GT15" s="114">
        <v>148000</v>
      </c>
      <c r="GU15" s="113">
        <v>604000</v>
      </c>
      <c r="GV15" s="110">
        <v>0</v>
      </c>
      <c r="GW15" s="114">
        <v>0</v>
      </c>
      <c r="GX15" s="114">
        <v>128240</v>
      </c>
      <c r="GY15" s="114">
        <v>196000</v>
      </c>
      <c r="GZ15" s="114">
        <v>19200</v>
      </c>
      <c r="HA15" s="114">
        <v>0</v>
      </c>
      <c r="HB15" s="112">
        <v>343440</v>
      </c>
      <c r="HC15" s="116">
        <v>947440</v>
      </c>
      <c r="HD15" s="110">
        <v>449041</v>
      </c>
      <c r="HE15" s="114">
        <v>200765</v>
      </c>
      <c r="HF15" s="112">
        <v>649806</v>
      </c>
      <c r="HG15" s="111">
        <v>0</v>
      </c>
      <c r="HH15" s="114">
        <v>3192728</v>
      </c>
      <c r="HI15" s="114">
        <v>2404139</v>
      </c>
      <c r="HJ15" s="114">
        <v>2837413</v>
      </c>
      <c r="HK15" s="114">
        <v>2249701</v>
      </c>
      <c r="HL15" s="114">
        <v>2155840</v>
      </c>
      <c r="HM15" s="113">
        <v>12839821</v>
      </c>
      <c r="HN15" s="109">
        <v>13489627</v>
      </c>
      <c r="HO15" s="328"/>
      <c r="HP15" s="329"/>
      <c r="HQ15" s="330"/>
      <c r="HR15" s="331"/>
      <c r="HS15" s="329"/>
      <c r="HT15" s="329"/>
      <c r="HU15" s="329"/>
      <c r="HV15" s="329"/>
      <c r="HW15" s="329"/>
      <c r="HX15" s="332"/>
      <c r="HY15" s="333"/>
      <c r="HZ15" s="128">
        <v>86968</v>
      </c>
      <c r="IA15" s="149">
        <v>0</v>
      </c>
      <c r="IB15" s="129">
        <v>86968</v>
      </c>
      <c r="IC15" s="146">
        <v>0</v>
      </c>
      <c r="ID15" s="132">
        <v>3069391</v>
      </c>
      <c r="IE15" s="147">
        <v>2075117</v>
      </c>
      <c r="IF15" s="133">
        <v>3560821</v>
      </c>
      <c r="IG15" s="132">
        <v>1063653</v>
      </c>
      <c r="IH15" s="133">
        <v>1708698</v>
      </c>
      <c r="II15" s="148">
        <v>11477680</v>
      </c>
      <c r="IJ15" s="130">
        <v>11564648</v>
      </c>
      <c r="IK15" s="232">
        <v>0</v>
      </c>
      <c r="IL15" s="236">
        <v>0</v>
      </c>
      <c r="IM15" s="237">
        <v>0</v>
      </c>
      <c r="IN15" s="140"/>
      <c r="IO15" s="119">
        <v>0</v>
      </c>
      <c r="IP15" s="119">
        <v>0</v>
      </c>
      <c r="IQ15" s="119">
        <v>0</v>
      </c>
      <c r="IR15" s="119">
        <v>0</v>
      </c>
      <c r="IS15" s="119">
        <v>0</v>
      </c>
      <c r="IT15" s="141">
        <v>0</v>
      </c>
      <c r="IU15" s="320">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2026496</v>
      </c>
      <c r="JL15" s="119">
        <v>772213</v>
      </c>
      <c r="JM15" s="119">
        <v>1248470</v>
      </c>
      <c r="JN15" s="119">
        <v>477493</v>
      </c>
      <c r="JO15" s="119">
        <v>352361</v>
      </c>
      <c r="JP15" s="120">
        <v>4877033</v>
      </c>
      <c r="JQ15" s="320">
        <v>4877033</v>
      </c>
      <c r="JR15" s="142">
        <v>0</v>
      </c>
      <c r="JS15" s="119">
        <v>0</v>
      </c>
      <c r="JT15" s="141">
        <v>0</v>
      </c>
      <c r="JU15" s="118">
        <v>0</v>
      </c>
      <c r="JV15" s="119">
        <v>0</v>
      </c>
      <c r="JW15" s="119">
        <v>43544</v>
      </c>
      <c r="JX15" s="119">
        <v>122066</v>
      </c>
      <c r="JY15" s="119">
        <v>52486</v>
      </c>
      <c r="JZ15" s="119">
        <v>0</v>
      </c>
      <c r="KA15" s="120">
        <v>218096</v>
      </c>
      <c r="KB15" s="320">
        <v>218096</v>
      </c>
      <c r="KC15" s="234">
        <v>86968</v>
      </c>
      <c r="KD15" s="230">
        <v>0</v>
      </c>
      <c r="KE15" s="120">
        <v>86968</v>
      </c>
      <c r="KF15" s="118">
        <v>0</v>
      </c>
      <c r="KG15" s="119">
        <v>230842</v>
      </c>
      <c r="KH15" s="119">
        <v>328026</v>
      </c>
      <c r="KI15" s="119">
        <v>242903</v>
      </c>
      <c r="KJ15" s="119">
        <v>0</v>
      </c>
      <c r="KK15" s="119">
        <v>0</v>
      </c>
      <c r="KL15" s="120">
        <v>801771</v>
      </c>
      <c r="KM15" s="143">
        <v>888739</v>
      </c>
      <c r="KN15" s="232">
        <v>0</v>
      </c>
      <c r="KO15" s="236">
        <v>0</v>
      </c>
      <c r="KP15" s="237">
        <v>0</v>
      </c>
      <c r="KQ15" s="140"/>
      <c r="KR15" s="119">
        <v>485503</v>
      </c>
      <c r="KS15" s="119">
        <v>739813</v>
      </c>
      <c r="KT15" s="119">
        <v>1149385</v>
      </c>
      <c r="KU15" s="119">
        <v>533674</v>
      </c>
      <c r="KV15" s="119">
        <v>1356337</v>
      </c>
      <c r="KW15" s="120">
        <v>4264712</v>
      </c>
      <c r="KX15" s="320">
        <v>4264712</v>
      </c>
      <c r="KY15" s="142">
        <v>0</v>
      </c>
      <c r="KZ15" s="119">
        <v>0</v>
      </c>
      <c r="LA15" s="120">
        <v>0</v>
      </c>
      <c r="LB15" s="145"/>
      <c r="LC15" s="119">
        <v>326550</v>
      </c>
      <c r="LD15" s="119">
        <v>0</v>
      </c>
      <c r="LE15" s="119">
        <v>0</v>
      </c>
      <c r="LF15" s="119">
        <v>0</v>
      </c>
      <c r="LG15" s="119">
        <v>0</v>
      </c>
      <c r="LH15" s="120">
        <v>326550</v>
      </c>
      <c r="LI15" s="121">
        <v>326550</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1521</v>
      </c>
      <c r="MA15" s="119">
        <v>797997</v>
      </c>
      <c r="MB15" s="119">
        <v>0</v>
      </c>
      <c r="MC15" s="119">
        <v>0</v>
      </c>
      <c r="MD15" s="120">
        <v>989518</v>
      </c>
      <c r="ME15" s="121">
        <v>989518</v>
      </c>
      <c r="MF15" s="142">
        <v>0</v>
      </c>
      <c r="MG15" s="119">
        <v>0</v>
      </c>
      <c r="MH15" s="120">
        <v>0</v>
      </c>
      <c r="MI15" s="145"/>
      <c r="MJ15" s="119">
        <v>265640</v>
      </c>
      <c r="MK15" s="119">
        <v>1151547</v>
      </c>
      <c r="ML15" s="119">
        <v>4575779</v>
      </c>
      <c r="MM15" s="119">
        <v>8967658</v>
      </c>
      <c r="MN15" s="119">
        <v>4561413</v>
      </c>
      <c r="MO15" s="120">
        <v>19522037</v>
      </c>
      <c r="MP15" s="143">
        <v>19522037</v>
      </c>
      <c r="MQ15" s="142">
        <v>0</v>
      </c>
      <c r="MR15" s="119">
        <v>0</v>
      </c>
      <c r="MS15" s="120">
        <v>0</v>
      </c>
      <c r="MT15" s="145"/>
      <c r="MU15" s="119">
        <v>0</v>
      </c>
      <c r="MV15" s="119">
        <v>0</v>
      </c>
      <c r="MW15" s="119">
        <v>3474455</v>
      </c>
      <c r="MX15" s="119">
        <v>5701570</v>
      </c>
      <c r="MY15" s="119">
        <v>2825938</v>
      </c>
      <c r="MZ15" s="120">
        <v>12001963</v>
      </c>
      <c r="NA15" s="143">
        <v>12001963</v>
      </c>
      <c r="NB15" s="142">
        <v>0</v>
      </c>
      <c r="NC15" s="119">
        <v>0</v>
      </c>
      <c r="ND15" s="120">
        <v>0</v>
      </c>
      <c r="NE15" s="145"/>
      <c r="NF15" s="119">
        <v>265640</v>
      </c>
      <c r="NG15" s="119">
        <v>1151547</v>
      </c>
      <c r="NH15" s="119">
        <v>1101324</v>
      </c>
      <c r="NI15" s="119">
        <v>2917826</v>
      </c>
      <c r="NJ15" s="119">
        <v>1735475</v>
      </c>
      <c r="NK15" s="120">
        <v>7171812</v>
      </c>
      <c r="NL15" s="320">
        <v>7171812</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48262</v>
      </c>
      <c r="OF15" s="119">
        <v>0</v>
      </c>
      <c r="OG15" s="120">
        <v>348262</v>
      </c>
      <c r="OH15" s="121">
        <v>348262</v>
      </c>
      <c r="OI15" s="142">
        <v>1405604</v>
      </c>
      <c r="OJ15" s="119">
        <v>905366</v>
      </c>
      <c r="OK15" s="141">
        <v>2310970</v>
      </c>
      <c r="OL15" s="118">
        <v>0</v>
      </c>
      <c r="OM15" s="119">
        <v>14410075</v>
      </c>
      <c r="ON15" s="119">
        <v>14147499</v>
      </c>
      <c r="OO15" s="119">
        <v>20599875</v>
      </c>
      <c r="OP15" s="119">
        <v>21783075</v>
      </c>
      <c r="OQ15" s="119">
        <v>14343465</v>
      </c>
      <c r="OR15" s="120">
        <v>85283989</v>
      </c>
      <c r="OS15" s="143">
        <v>87594959</v>
      </c>
    </row>
    <row r="16" spans="1:409" ht="21" customHeight="1" x14ac:dyDescent="0.2">
      <c r="B16" s="126" t="s">
        <v>10</v>
      </c>
      <c r="C16" s="110">
        <v>1370036</v>
      </c>
      <c r="D16" s="114">
        <v>1540939</v>
      </c>
      <c r="E16" s="113">
        <v>2910975</v>
      </c>
      <c r="F16" s="172">
        <v>0</v>
      </c>
      <c r="G16" s="114">
        <v>19198227</v>
      </c>
      <c r="H16" s="114">
        <v>15389479</v>
      </c>
      <c r="I16" s="114">
        <v>13946518</v>
      </c>
      <c r="J16" s="114">
        <v>13832715</v>
      </c>
      <c r="K16" s="114">
        <v>8857830</v>
      </c>
      <c r="L16" s="109">
        <v>71224769</v>
      </c>
      <c r="M16" s="116">
        <v>74135744</v>
      </c>
      <c r="N16" s="110">
        <v>522243</v>
      </c>
      <c r="O16" s="114">
        <v>641732</v>
      </c>
      <c r="P16" s="113">
        <v>1163975</v>
      </c>
      <c r="Q16" s="110">
        <v>0</v>
      </c>
      <c r="R16" s="114">
        <v>6856945</v>
      </c>
      <c r="S16" s="114">
        <v>5631341</v>
      </c>
      <c r="T16" s="114">
        <v>3988401</v>
      </c>
      <c r="U16" s="114">
        <v>6395901</v>
      </c>
      <c r="V16" s="114">
        <v>5233432</v>
      </c>
      <c r="W16" s="113">
        <v>28106020</v>
      </c>
      <c r="X16" s="116">
        <v>29269995</v>
      </c>
      <c r="Y16" s="110">
        <v>0</v>
      </c>
      <c r="Z16" s="114">
        <v>0</v>
      </c>
      <c r="AA16" s="113">
        <v>0</v>
      </c>
      <c r="AB16" s="110">
        <v>0</v>
      </c>
      <c r="AC16" s="114">
        <v>3456180</v>
      </c>
      <c r="AD16" s="114">
        <v>2867475</v>
      </c>
      <c r="AE16" s="114">
        <v>1991675</v>
      </c>
      <c r="AF16" s="114">
        <v>3616448</v>
      </c>
      <c r="AG16" s="114">
        <v>3043186</v>
      </c>
      <c r="AH16" s="113">
        <v>14974964</v>
      </c>
      <c r="AI16" s="116">
        <v>14974964</v>
      </c>
      <c r="AJ16" s="110">
        <v>0</v>
      </c>
      <c r="AK16" s="114">
        <v>0</v>
      </c>
      <c r="AL16" s="113">
        <v>0</v>
      </c>
      <c r="AM16" s="110">
        <v>0</v>
      </c>
      <c r="AN16" s="114">
        <v>47374</v>
      </c>
      <c r="AO16" s="114">
        <v>0</v>
      </c>
      <c r="AP16" s="114">
        <v>59219</v>
      </c>
      <c r="AQ16" s="114">
        <v>463529</v>
      </c>
      <c r="AR16" s="114">
        <v>582253</v>
      </c>
      <c r="AS16" s="113">
        <v>1152375</v>
      </c>
      <c r="AT16" s="116">
        <v>1152375</v>
      </c>
      <c r="AU16" s="110">
        <v>285680</v>
      </c>
      <c r="AV16" s="114">
        <v>470388</v>
      </c>
      <c r="AW16" s="113">
        <v>756068</v>
      </c>
      <c r="AX16" s="110">
        <v>0</v>
      </c>
      <c r="AY16" s="114">
        <v>2118189</v>
      </c>
      <c r="AZ16" s="114">
        <v>1674309</v>
      </c>
      <c r="BA16" s="114">
        <v>1164427</v>
      </c>
      <c r="BB16" s="114">
        <v>1414758</v>
      </c>
      <c r="BC16" s="114">
        <v>756363</v>
      </c>
      <c r="BD16" s="113">
        <v>7128046</v>
      </c>
      <c r="BE16" s="116">
        <v>7884114</v>
      </c>
      <c r="BF16" s="110">
        <v>73371</v>
      </c>
      <c r="BG16" s="114">
        <v>61776</v>
      </c>
      <c r="BH16" s="112">
        <v>135147</v>
      </c>
      <c r="BI16" s="111">
        <v>0</v>
      </c>
      <c r="BJ16" s="114">
        <v>216578</v>
      </c>
      <c r="BK16" s="114">
        <v>193285</v>
      </c>
      <c r="BL16" s="114">
        <v>66320</v>
      </c>
      <c r="BM16" s="114">
        <v>95094</v>
      </c>
      <c r="BN16" s="114">
        <v>178646</v>
      </c>
      <c r="BO16" s="113">
        <v>749923</v>
      </c>
      <c r="BP16" s="116">
        <v>885070</v>
      </c>
      <c r="BQ16" s="110">
        <v>163192</v>
      </c>
      <c r="BR16" s="114">
        <v>109568</v>
      </c>
      <c r="BS16" s="113">
        <v>272760</v>
      </c>
      <c r="BT16" s="110">
        <v>0</v>
      </c>
      <c r="BU16" s="114">
        <v>1018624</v>
      </c>
      <c r="BV16" s="114">
        <v>896272</v>
      </c>
      <c r="BW16" s="114">
        <v>706760</v>
      </c>
      <c r="BX16" s="114">
        <v>806072</v>
      </c>
      <c r="BY16" s="114">
        <v>672984</v>
      </c>
      <c r="BZ16" s="113">
        <v>4100712</v>
      </c>
      <c r="CA16" s="116">
        <v>4373472</v>
      </c>
      <c r="CB16" s="110">
        <v>62962</v>
      </c>
      <c r="CC16" s="114">
        <v>147250</v>
      </c>
      <c r="CD16" s="113">
        <v>210212</v>
      </c>
      <c r="CE16" s="110">
        <v>0</v>
      </c>
      <c r="CF16" s="114">
        <v>6040894</v>
      </c>
      <c r="CG16" s="114">
        <v>4529461</v>
      </c>
      <c r="CH16" s="114">
        <v>3280490</v>
      </c>
      <c r="CI16" s="114">
        <v>1635014</v>
      </c>
      <c r="CJ16" s="114">
        <v>758220</v>
      </c>
      <c r="CK16" s="113">
        <v>16244079</v>
      </c>
      <c r="CL16" s="116">
        <v>16454291</v>
      </c>
      <c r="CM16" s="110">
        <v>0</v>
      </c>
      <c r="CN16" s="114">
        <v>0</v>
      </c>
      <c r="CO16" s="113">
        <v>0</v>
      </c>
      <c r="CP16" s="111">
        <v>0</v>
      </c>
      <c r="CQ16" s="114">
        <v>4985425</v>
      </c>
      <c r="CR16" s="114">
        <v>4024161</v>
      </c>
      <c r="CS16" s="114">
        <v>2883722</v>
      </c>
      <c r="CT16" s="114">
        <v>1364585</v>
      </c>
      <c r="CU16" s="114">
        <v>562351</v>
      </c>
      <c r="CV16" s="113">
        <v>13820244</v>
      </c>
      <c r="CW16" s="116">
        <v>13820244</v>
      </c>
      <c r="CX16" s="110">
        <v>62962</v>
      </c>
      <c r="CY16" s="114">
        <v>147250</v>
      </c>
      <c r="CZ16" s="113">
        <v>210212</v>
      </c>
      <c r="DA16" s="110">
        <v>0</v>
      </c>
      <c r="DB16" s="114">
        <v>1055469</v>
      </c>
      <c r="DC16" s="114">
        <v>505300</v>
      </c>
      <c r="DD16" s="114">
        <v>396768</v>
      </c>
      <c r="DE16" s="114">
        <v>270429</v>
      </c>
      <c r="DF16" s="114">
        <v>195869</v>
      </c>
      <c r="DG16" s="113">
        <v>2423835</v>
      </c>
      <c r="DH16" s="116">
        <v>2634047</v>
      </c>
      <c r="DI16" s="110">
        <v>49709</v>
      </c>
      <c r="DJ16" s="114">
        <v>0</v>
      </c>
      <c r="DK16" s="112">
        <v>49709</v>
      </c>
      <c r="DL16" s="111">
        <v>0</v>
      </c>
      <c r="DM16" s="114">
        <v>431306</v>
      </c>
      <c r="DN16" s="114">
        <v>555863</v>
      </c>
      <c r="DO16" s="114">
        <v>2279161</v>
      </c>
      <c r="DP16" s="114">
        <v>1567505</v>
      </c>
      <c r="DQ16" s="114">
        <v>88289</v>
      </c>
      <c r="DR16" s="113">
        <v>4922124</v>
      </c>
      <c r="DS16" s="116">
        <v>4971833</v>
      </c>
      <c r="DT16" s="110">
        <v>49709</v>
      </c>
      <c r="DU16" s="114">
        <v>0</v>
      </c>
      <c r="DV16" s="113">
        <v>49709</v>
      </c>
      <c r="DW16" s="110">
        <v>0</v>
      </c>
      <c r="DX16" s="114">
        <v>337720</v>
      </c>
      <c r="DY16" s="114">
        <v>504800</v>
      </c>
      <c r="DZ16" s="114">
        <v>2123324</v>
      </c>
      <c r="EA16" s="114">
        <v>1567505</v>
      </c>
      <c r="EB16" s="114">
        <v>88289</v>
      </c>
      <c r="EC16" s="113">
        <v>4621638</v>
      </c>
      <c r="ED16" s="116">
        <v>4671347</v>
      </c>
      <c r="EE16" s="110">
        <v>0</v>
      </c>
      <c r="EF16" s="112">
        <v>0</v>
      </c>
      <c r="EG16" s="113">
        <v>0</v>
      </c>
      <c r="EH16" s="110">
        <v>0</v>
      </c>
      <c r="EI16" s="114">
        <v>93586</v>
      </c>
      <c r="EJ16" s="114">
        <v>51063</v>
      </c>
      <c r="EK16" s="114">
        <v>155837</v>
      </c>
      <c r="EL16" s="114">
        <v>0</v>
      </c>
      <c r="EM16" s="114">
        <v>0</v>
      </c>
      <c r="EN16" s="112">
        <v>300486</v>
      </c>
      <c r="EO16" s="116">
        <v>300486</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294768</v>
      </c>
      <c r="FM16" s="114">
        <v>643616</v>
      </c>
      <c r="FN16" s="113">
        <v>938384</v>
      </c>
      <c r="FO16" s="110">
        <v>0</v>
      </c>
      <c r="FP16" s="114">
        <v>1051096</v>
      </c>
      <c r="FQ16" s="114">
        <v>1458684</v>
      </c>
      <c r="FR16" s="114">
        <v>1096096</v>
      </c>
      <c r="FS16" s="114">
        <v>1216032</v>
      </c>
      <c r="FT16" s="114">
        <v>651576</v>
      </c>
      <c r="FU16" s="113">
        <v>5473484</v>
      </c>
      <c r="FV16" s="116">
        <v>6411868</v>
      </c>
      <c r="FW16" s="115">
        <v>265728</v>
      </c>
      <c r="FX16" s="114">
        <v>407600</v>
      </c>
      <c r="FY16" s="112">
        <v>673328</v>
      </c>
      <c r="FZ16" s="111">
        <v>0</v>
      </c>
      <c r="GA16" s="114">
        <v>895064</v>
      </c>
      <c r="GB16" s="114">
        <v>1307848</v>
      </c>
      <c r="GC16" s="114">
        <v>1085696</v>
      </c>
      <c r="GD16" s="114">
        <v>1220336</v>
      </c>
      <c r="GE16" s="114">
        <v>651576</v>
      </c>
      <c r="GF16" s="113">
        <v>5160520</v>
      </c>
      <c r="GG16" s="318">
        <v>5833848</v>
      </c>
      <c r="GH16" s="115">
        <v>29040</v>
      </c>
      <c r="GI16" s="114">
        <v>67936</v>
      </c>
      <c r="GJ16" s="112">
        <v>96976</v>
      </c>
      <c r="GK16" s="111">
        <v>0</v>
      </c>
      <c r="GL16" s="114">
        <v>70752</v>
      </c>
      <c r="GM16" s="114">
        <v>43200</v>
      </c>
      <c r="GN16" s="114">
        <v>0</v>
      </c>
      <c r="GO16" s="114">
        <v>-4304</v>
      </c>
      <c r="GP16" s="114">
        <v>0</v>
      </c>
      <c r="GQ16" s="113">
        <v>109648</v>
      </c>
      <c r="GR16" s="116">
        <v>206624</v>
      </c>
      <c r="GS16" s="110">
        <v>0</v>
      </c>
      <c r="GT16" s="114">
        <v>168080</v>
      </c>
      <c r="GU16" s="113">
        <v>168080</v>
      </c>
      <c r="GV16" s="110">
        <v>0</v>
      </c>
      <c r="GW16" s="114">
        <v>85280</v>
      </c>
      <c r="GX16" s="114">
        <v>107636</v>
      </c>
      <c r="GY16" s="114">
        <v>10400</v>
      </c>
      <c r="GZ16" s="114">
        <v>0</v>
      </c>
      <c r="HA16" s="114">
        <v>0</v>
      </c>
      <c r="HB16" s="112">
        <v>203316</v>
      </c>
      <c r="HC16" s="116">
        <v>371396</v>
      </c>
      <c r="HD16" s="110">
        <v>440354</v>
      </c>
      <c r="HE16" s="114">
        <v>108341</v>
      </c>
      <c r="HF16" s="112">
        <v>548695</v>
      </c>
      <c r="HG16" s="111">
        <v>0</v>
      </c>
      <c r="HH16" s="114">
        <v>4817986</v>
      </c>
      <c r="HI16" s="114">
        <v>3214130</v>
      </c>
      <c r="HJ16" s="114">
        <v>3302370</v>
      </c>
      <c r="HK16" s="114">
        <v>3018263</v>
      </c>
      <c r="HL16" s="114">
        <v>2126313</v>
      </c>
      <c r="HM16" s="113">
        <v>16479062</v>
      </c>
      <c r="HN16" s="109">
        <v>17027757</v>
      </c>
      <c r="HO16" s="328"/>
      <c r="HP16" s="329"/>
      <c r="HQ16" s="330"/>
      <c r="HR16" s="331"/>
      <c r="HS16" s="329"/>
      <c r="HT16" s="329"/>
      <c r="HU16" s="329"/>
      <c r="HV16" s="329"/>
      <c r="HW16" s="329"/>
      <c r="HX16" s="332"/>
      <c r="HY16" s="333"/>
      <c r="HZ16" s="150">
        <v>0</v>
      </c>
      <c r="IA16" s="135">
        <v>0</v>
      </c>
      <c r="IB16" s="150">
        <v>0</v>
      </c>
      <c r="IC16" s="134">
        <v>0</v>
      </c>
      <c r="ID16" s="135">
        <v>4091751</v>
      </c>
      <c r="IE16" s="136">
        <v>7121365</v>
      </c>
      <c r="IF16" s="137">
        <v>6123283</v>
      </c>
      <c r="IG16" s="135">
        <v>4295235</v>
      </c>
      <c r="IH16" s="137">
        <v>4461439</v>
      </c>
      <c r="II16" s="138">
        <v>26093073</v>
      </c>
      <c r="IJ16" s="150">
        <v>26093073</v>
      </c>
      <c r="IK16" s="232">
        <v>0</v>
      </c>
      <c r="IL16" s="236">
        <v>0</v>
      </c>
      <c r="IM16" s="237">
        <v>0</v>
      </c>
      <c r="IN16" s="140"/>
      <c r="IO16" s="119">
        <v>148802</v>
      </c>
      <c r="IP16" s="119">
        <v>243916</v>
      </c>
      <c r="IQ16" s="119">
        <v>560522</v>
      </c>
      <c r="IR16" s="119">
        <v>0</v>
      </c>
      <c r="IS16" s="119">
        <v>274312</v>
      </c>
      <c r="IT16" s="141">
        <v>1227552</v>
      </c>
      <c r="IU16" s="320">
        <v>1227552</v>
      </c>
      <c r="IV16" s="142">
        <v>0</v>
      </c>
      <c r="IW16" s="119">
        <v>0</v>
      </c>
      <c r="IX16" s="120">
        <v>0</v>
      </c>
      <c r="IY16" s="144"/>
      <c r="IZ16" s="119">
        <v>10692</v>
      </c>
      <c r="JA16" s="119">
        <v>10692</v>
      </c>
      <c r="JB16" s="119">
        <v>21384</v>
      </c>
      <c r="JC16" s="119">
        <v>10692</v>
      </c>
      <c r="JD16" s="119">
        <v>0</v>
      </c>
      <c r="JE16" s="120">
        <v>53460</v>
      </c>
      <c r="JF16" s="121">
        <v>53460</v>
      </c>
      <c r="JG16" s="142">
        <v>0</v>
      </c>
      <c r="JH16" s="119">
        <v>0</v>
      </c>
      <c r="JI16" s="141">
        <v>0</v>
      </c>
      <c r="JJ16" s="118">
        <v>0</v>
      </c>
      <c r="JK16" s="119">
        <v>1562420</v>
      </c>
      <c r="JL16" s="119">
        <v>1457893</v>
      </c>
      <c r="JM16" s="119">
        <v>450256</v>
      </c>
      <c r="JN16" s="119">
        <v>326323</v>
      </c>
      <c r="JO16" s="119">
        <v>26121</v>
      </c>
      <c r="JP16" s="120">
        <v>3823013</v>
      </c>
      <c r="JQ16" s="320">
        <v>3823013</v>
      </c>
      <c r="JR16" s="142">
        <v>0</v>
      </c>
      <c r="JS16" s="119">
        <v>0</v>
      </c>
      <c r="JT16" s="141">
        <v>0</v>
      </c>
      <c r="JU16" s="118">
        <v>0</v>
      </c>
      <c r="JV16" s="119">
        <v>226696</v>
      </c>
      <c r="JW16" s="119">
        <v>0</v>
      </c>
      <c r="JX16" s="119">
        <v>205257</v>
      </c>
      <c r="JY16" s="119">
        <v>129326</v>
      </c>
      <c r="JZ16" s="119">
        <v>218896</v>
      </c>
      <c r="KA16" s="120">
        <v>780175</v>
      </c>
      <c r="KB16" s="320">
        <v>780175</v>
      </c>
      <c r="KC16" s="234">
        <v>0</v>
      </c>
      <c r="KD16" s="230">
        <v>0</v>
      </c>
      <c r="KE16" s="120">
        <v>0</v>
      </c>
      <c r="KF16" s="118">
        <v>0</v>
      </c>
      <c r="KG16" s="119">
        <v>124491</v>
      </c>
      <c r="KH16" s="119">
        <v>1113446</v>
      </c>
      <c r="KI16" s="119">
        <v>1164981</v>
      </c>
      <c r="KJ16" s="119">
        <v>1066518</v>
      </c>
      <c r="KK16" s="119">
        <v>281492</v>
      </c>
      <c r="KL16" s="120">
        <v>3750928</v>
      </c>
      <c r="KM16" s="143">
        <v>3750928</v>
      </c>
      <c r="KN16" s="232">
        <v>0</v>
      </c>
      <c r="KO16" s="236">
        <v>0</v>
      </c>
      <c r="KP16" s="237">
        <v>0</v>
      </c>
      <c r="KQ16" s="140"/>
      <c r="KR16" s="119">
        <v>1343550</v>
      </c>
      <c r="KS16" s="119">
        <v>2958551</v>
      </c>
      <c r="KT16" s="119">
        <v>1538472</v>
      </c>
      <c r="KU16" s="119">
        <v>1384344</v>
      </c>
      <c r="KV16" s="119">
        <v>1074411</v>
      </c>
      <c r="KW16" s="120">
        <v>8299328</v>
      </c>
      <c r="KX16" s="320">
        <v>8299328</v>
      </c>
      <c r="KY16" s="142">
        <v>0</v>
      </c>
      <c r="KZ16" s="119">
        <v>0</v>
      </c>
      <c r="LA16" s="120">
        <v>0</v>
      </c>
      <c r="LB16" s="145"/>
      <c r="LC16" s="119">
        <v>318120</v>
      </c>
      <c r="LD16" s="119">
        <v>711480</v>
      </c>
      <c r="LE16" s="119">
        <v>792942</v>
      </c>
      <c r="LF16" s="119">
        <v>0</v>
      </c>
      <c r="LG16" s="119">
        <v>948579</v>
      </c>
      <c r="LH16" s="120">
        <v>2771121</v>
      </c>
      <c r="LI16" s="121">
        <v>2771121</v>
      </c>
      <c r="LJ16" s="142">
        <v>0</v>
      </c>
      <c r="LK16" s="119">
        <v>0</v>
      </c>
      <c r="LL16" s="120">
        <v>0</v>
      </c>
      <c r="LM16" s="145"/>
      <c r="LN16" s="119">
        <v>0</v>
      </c>
      <c r="LO16" s="119">
        <v>212983</v>
      </c>
      <c r="LP16" s="119">
        <v>233877</v>
      </c>
      <c r="LQ16" s="119">
        <v>403293</v>
      </c>
      <c r="LR16" s="119">
        <v>1005943</v>
      </c>
      <c r="LS16" s="120">
        <v>1856096</v>
      </c>
      <c r="LT16" s="320">
        <v>1856096</v>
      </c>
      <c r="LU16" s="142">
        <v>0</v>
      </c>
      <c r="LV16" s="119">
        <v>0</v>
      </c>
      <c r="LW16" s="120">
        <v>0</v>
      </c>
      <c r="LX16" s="145"/>
      <c r="LY16" s="119">
        <v>356980</v>
      </c>
      <c r="LZ16" s="119">
        <v>412404</v>
      </c>
      <c r="MA16" s="119">
        <v>1155592</v>
      </c>
      <c r="MB16" s="119">
        <v>974739</v>
      </c>
      <c r="MC16" s="119">
        <v>631685</v>
      </c>
      <c r="MD16" s="120">
        <v>3531400</v>
      </c>
      <c r="ME16" s="121">
        <v>3531400</v>
      </c>
      <c r="MF16" s="142">
        <v>0</v>
      </c>
      <c r="MG16" s="119">
        <v>0</v>
      </c>
      <c r="MH16" s="120">
        <v>0</v>
      </c>
      <c r="MI16" s="145"/>
      <c r="MJ16" s="119">
        <v>659687</v>
      </c>
      <c r="MK16" s="119">
        <v>1658903</v>
      </c>
      <c r="ML16" s="119">
        <v>8766228</v>
      </c>
      <c r="MM16" s="119">
        <v>14015728</v>
      </c>
      <c r="MN16" s="119">
        <v>7426453</v>
      </c>
      <c r="MO16" s="120">
        <v>32526999</v>
      </c>
      <c r="MP16" s="143">
        <v>32526999</v>
      </c>
      <c r="MQ16" s="142">
        <v>0</v>
      </c>
      <c r="MR16" s="119">
        <v>0</v>
      </c>
      <c r="MS16" s="120">
        <v>0</v>
      </c>
      <c r="MT16" s="145"/>
      <c r="MU16" s="119">
        <v>215310</v>
      </c>
      <c r="MV16" s="119">
        <v>0</v>
      </c>
      <c r="MW16" s="119">
        <v>5879299</v>
      </c>
      <c r="MX16" s="119">
        <v>10044795</v>
      </c>
      <c r="MY16" s="119">
        <v>4871259</v>
      </c>
      <c r="MZ16" s="120">
        <v>21010663</v>
      </c>
      <c r="NA16" s="143">
        <v>21010663</v>
      </c>
      <c r="NB16" s="142">
        <v>0</v>
      </c>
      <c r="NC16" s="119">
        <v>0</v>
      </c>
      <c r="ND16" s="120">
        <v>0</v>
      </c>
      <c r="NE16" s="145"/>
      <c r="NF16" s="119">
        <v>444377</v>
      </c>
      <c r="NG16" s="119">
        <v>1658903</v>
      </c>
      <c r="NH16" s="119">
        <v>2886929</v>
      </c>
      <c r="NI16" s="119">
        <v>3970933</v>
      </c>
      <c r="NJ16" s="119">
        <v>1807507</v>
      </c>
      <c r="NK16" s="120">
        <v>10768649</v>
      </c>
      <c r="NL16" s="320">
        <v>10768649</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47687</v>
      </c>
      <c r="OG16" s="120">
        <v>747687</v>
      </c>
      <c r="OH16" s="121">
        <v>747687</v>
      </c>
      <c r="OI16" s="142">
        <v>1370036</v>
      </c>
      <c r="OJ16" s="119">
        <v>1540939</v>
      </c>
      <c r="OK16" s="141">
        <v>2910975</v>
      </c>
      <c r="OL16" s="118">
        <v>0</v>
      </c>
      <c r="OM16" s="119">
        <v>23949665</v>
      </c>
      <c r="ON16" s="119">
        <v>24169747</v>
      </c>
      <c r="OO16" s="119">
        <v>28836029</v>
      </c>
      <c r="OP16" s="119">
        <v>32143678</v>
      </c>
      <c r="OQ16" s="119">
        <v>20745722</v>
      </c>
      <c r="OR16" s="120">
        <v>129844841</v>
      </c>
      <c r="OS16" s="143">
        <v>132755816</v>
      </c>
    </row>
    <row r="17" spans="2:409" ht="21" customHeight="1" x14ac:dyDescent="0.2">
      <c r="B17" s="126" t="s">
        <v>11</v>
      </c>
      <c r="C17" s="110">
        <v>401243</v>
      </c>
      <c r="D17" s="114">
        <v>762119</v>
      </c>
      <c r="E17" s="171">
        <v>1163362</v>
      </c>
      <c r="F17" s="111">
        <v>0</v>
      </c>
      <c r="G17" s="114">
        <v>7149668</v>
      </c>
      <c r="H17" s="114">
        <v>5996462</v>
      </c>
      <c r="I17" s="114">
        <v>5885362</v>
      </c>
      <c r="J17" s="114">
        <v>7089189</v>
      </c>
      <c r="K17" s="114">
        <v>4292686</v>
      </c>
      <c r="L17" s="109">
        <v>30413367</v>
      </c>
      <c r="M17" s="116">
        <v>31576729</v>
      </c>
      <c r="N17" s="110">
        <v>120955</v>
      </c>
      <c r="O17" s="114">
        <v>216838</v>
      </c>
      <c r="P17" s="113">
        <v>337793</v>
      </c>
      <c r="Q17" s="110">
        <v>0</v>
      </c>
      <c r="R17" s="114">
        <v>1549926</v>
      </c>
      <c r="S17" s="114">
        <v>1534922</v>
      </c>
      <c r="T17" s="114">
        <v>1480856</v>
      </c>
      <c r="U17" s="114">
        <v>1813272</v>
      </c>
      <c r="V17" s="114">
        <v>3119320</v>
      </c>
      <c r="W17" s="113">
        <v>9498296</v>
      </c>
      <c r="X17" s="116">
        <v>9836089</v>
      </c>
      <c r="Y17" s="110">
        <v>0</v>
      </c>
      <c r="Z17" s="114">
        <v>0</v>
      </c>
      <c r="AA17" s="113">
        <v>0</v>
      </c>
      <c r="AB17" s="110">
        <v>0</v>
      </c>
      <c r="AC17" s="114">
        <v>371093</v>
      </c>
      <c r="AD17" s="114">
        <v>666932</v>
      </c>
      <c r="AE17" s="114">
        <v>949919</v>
      </c>
      <c r="AF17" s="114">
        <v>640346</v>
      </c>
      <c r="AG17" s="114">
        <v>1730599</v>
      </c>
      <c r="AH17" s="113">
        <v>4358889</v>
      </c>
      <c r="AI17" s="116">
        <v>4358889</v>
      </c>
      <c r="AJ17" s="110">
        <v>0</v>
      </c>
      <c r="AK17" s="114">
        <v>0</v>
      </c>
      <c r="AL17" s="113">
        <v>0</v>
      </c>
      <c r="AM17" s="110">
        <v>0</v>
      </c>
      <c r="AN17" s="114">
        <v>0</v>
      </c>
      <c r="AO17" s="114">
        <v>46112</v>
      </c>
      <c r="AP17" s="114">
        <v>92242</v>
      </c>
      <c r="AQ17" s="114">
        <v>258243</v>
      </c>
      <c r="AR17" s="114">
        <v>389314</v>
      </c>
      <c r="AS17" s="113">
        <v>785911</v>
      </c>
      <c r="AT17" s="116">
        <v>785911</v>
      </c>
      <c r="AU17" s="110">
        <v>96979</v>
      </c>
      <c r="AV17" s="114">
        <v>132211</v>
      </c>
      <c r="AW17" s="113">
        <v>229190</v>
      </c>
      <c r="AX17" s="110">
        <v>0</v>
      </c>
      <c r="AY17" s="114">
        <v>812559</v>
      </c>
      <c r="AZ17" s="114">
        <v>539954</v>
      </c>
      <c r="BA17" s="114">
        <v>263463</v>
      </c>
      <c r="BB17" s="114">
        <v>552006</v>
      </c>
      <c r="BC17" s="114">
        <v>793519</v>
      </c>
      <c r="BD17" s="113">
        <v>2961501</v>
      </c>
      <c r="BE17" s="116">
        <v>3190691</v>
      </c>
      <c r="BF17" s="110">
        <v>0</v>
      </c>
      <c r="BG17" s="114">
        <v>50499</v>
      </c>
      <c r="BH17" s="112">
        <v>50499</v>
      </c>
      <c r="BI17" s="111">
        <v>0</v>
      </c>
      <c r="BJ17" s="114">
        <v>69234</v>
      </c>
      <c r="BK17" s="114">
        <v>31396</v>
      </c>
      <c r="BL17" s="114">
        <v>0</v>
      </c>
      <c r="BM17" s="114">
        <v>116037</v>
      </c>
      <c r="BN17" s="114">
        <v>0</v>
      </c>
      <c r="BO17" s="113">
        <v>216667</v>
      </c>
      <c r="BP17" s="116">
        <v>267166</v>
      </c>
      <c r="BQ17" s="110">
        <v>23976</v>
      </c>
      <c r="BR17" s="114">
        <v>34128</v>
      </c>
      <c r="BS17" s="113">
        <v>58104</v>
      </c>
      <c r="BT17" s="110">
        <v>0</v>
      </c>
      <c r="BU17" s="114">
        <v>297040</v>
      </c>
      <c r="BV17" s="114">
        <v>250528</v>
      </c>
      <c r="BW17" s="114">
        <v>175232</v>
      </c>
      <c r="BX17" s="114">
        <v>246640</v>
      </c>
      <c r="BY17" s="114">
        <v>205888</v>
      </c>
      <c r="BZ17" s="113">
        <v>1175328</v>
      </c>
      <c r="CA17" s="116">
        <v>1233432</v>
      </c>
      <c r="CB17" s="110">
        <v>148406</v>
      </c>
      <c r="CC17" s="114">
        <v>141263</v>
      </c>
      <c r="CD17" s="113">
        <v>289669</v>
      </c>
      <c r="CE17" s="110">
        <v>0</v>
      </c>
      <c r="CF17" s="114">
        <v>2202087</v>
      </c>
      <c r="CG17" s="114">
        <v>1884772</v>
      </c>
      <c r="CH17" s="114">
        <v>1696052</v>
      </c>
      <c r="CI17" s="114">
        <v>1682572</v>
      </c>
      <c r="CJ17" s="114">
        <v>156052</v>
      </c>
      <c r="CK17" s="113">
        <v>7621535</v>
      </c>
      <c r="CL17" s="116">
        <v>7911204</v>
      </c>
      <c r="CM17" s="110">
        <v>0</v>
      </c>
      <c r="CN17" s="114">
        <v>0</v>
      </c>
      <c r="CO17" s="113">
        <v>0</v>
      </c>
      <c r="CP17" s="111">
        <v>0</v>
      </c>
      <c r="CQ17" s="114">
        <v>1384495</v>
      </c>
      <c r="CR17" s="114">
        <v>1354094</v>
      </c>
      <c r="CS17" s="114">
        <v>1427461</v>
      </c>
      <c r="CT17" s="114">
        <v>981088</v>
      </c>
      <c r="CU17" s="114">
        <v>143123</v>
      </c>
      <c r="CV17" s="113">
        <v>5290261</v>
      </c>
      <c r="CW17" s="116">
        <v>5290261</v>
      </c>
      <c r="CX17" s="110">
        <v>148406</v>
      </c>
      <c r="CY17" s="114">
        <v>141263</v>
      </c>
      <c r="CZ17" s="113">
        <v>289669</v>
      </c>
      <c r="DA17" s="110">
        <v>0</v>
      </c>
      <c r="DB17" s="114">
        <v>817592</v>
      </c>
      <c r="DC17" s="114">
        <v>530678</v>
      </c>
      <c r="DD17" s="114">
        <v>268591</v>
      </c>
      <c r="DE17" s="114">
        <v>701484</v>
      </c>
      <c r="DF17" s="114">
        <v>12929</v>
      </c>
      <c r="DG17" s="113">
        <v>2331274</v>
      </c>
      <c r="DH17" s="116">
        <v>2620943</v>
      </c>
      <c r="DI17" s="110">
        <v>0</v>
      </c>
      <c r="DJ17" s="114">
        <v>0</v>
      </c>
      <c r="DK17" s="112">
        <v>0</v>
      </c>
      <c r="DL17" s="111">
        <v>0</v>
      </c>
      <c r="DM17" s="114">
        <v>310647</v>
      </c>
      <c r="DN17" s="114">
        <v>220931</v>
      </c>
      <c r="DO17" s="114">
        <v>749299</v>
      </c>
      <c r="DP17" s="114">
        <v>317512</v>
      </c>
      <c r="DQ17" s="114">
        <v>36612</v>
      </c>
      <c r="DR17" s="113">
        <v>1635001</v>
      </c>
      <c r="DS17" s="116">
        <v>1635001</v>
      </c>
      <c r="DT17" s="110">
        <v>0</v>
      </c>
      <c r="DU17" s="114">
        <v>0</v>
      </c>
      <c r="DV17" s="113">
        <v>0</v>
      </c>
      <c r="DW17" s="110">
        <v>0</v>
      </c>
      <c r="DX17" s="114">
        <v>310647</v>
      </c>
      <c r="DY17" s="114">
        <v>125619</v>
      </c>
      <c r="DZ17" s="114">
        <v>749299</v>
      </c>
      <c r="EA17" s="114">
        <v>317512</v>
      </c>
      <c r="EB17" s="114">
        <v>36612</v>
      </c>
      <c r="EC17" s="113">
        <v>1539689</v>
      </c>
      <c r="ED17" s="116">
        <v>1539689</v>
      </c>
      <c r="EE17" s="110">
        <v>0</v>
      </c>
      <c r="EF17" s="112">
        <v>0</v>
      </c>
      <c r="EG17" s="113">
        <v>0</v>
      </c>
      <c r="EH17" s="110">
        <v>0</v>
      </c>
      <c r="EI17" s="114">
        <v>0</v>
      </c>
      <c r="EJ17" s="114">
        <v>95312</v>
      </c>
      <c r="EK17" s="114">
        <v>0</v>
      </c>
      <c r="EL17" s="114">
        <v>0</v>
      </c>
      <c r="EM17" s="114">
        <v>0</v>
      </c>
      <c r="EN17" s="112">
        <v>95312</v>
      </c>
      <c r="EO17" s="116">
        <v>95312</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72560</v>
      </c>
      <c r="FM17" s="114">
        <v>203888</v>
      </c>
      <c r="FN17" s="113">
        <v>276448</v>
      </c>
      <c r="FO17" s="110">
        <v>0</v>
      </c>
      <c r="FP17" s="114">
        <v>249904</v>
      </c>
      <c r="FQ17" s="114">
        <v>566632</v>
      </c>
      <c r="FR17" s="114">
        <v>492720</v>
      </c>
      <c r="FS17" s="114">
        <v>508216</v>
      </c>
      <c r="FT17" s="114">
        <v>267304</v>
      </c>
      <c r="FU17" s="113">
        <v>2084776</v>
      </c>
      <c r="FV17" s="116">
        <v>2361224</v>
      </c>
      <c r="FW17" s="115">
        <v>72560</v>
      </c>
      <c r="FX17" s="114">
        <v>203888</v>
      </c>
      <c r="FY17" s="112">
        <v>276448</v>
      </c>
      <c r="FZ17" s="111">
        <v>0</v>
      </c>
      <c r="GA17" s="114">
        <v>249904</v>
      </c>
      <c r="GB17" s="114">
        <v>566632</v>
      </c>
      <c r="GC17" s="114">
        <v>492720</v>
      </c>
      <c r="GD17" s="114">
        <v>508216</v>
      </c>
      <c r="GE17" s="114">
        <v>267304</v>
      </c>
      <c r="GF17" s="113">
        <v>2084776</v>
      </c>
      <c r="GG17" s="318">
        <v>2361224</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59322</v>
      </c>
      <c r="HE17" s="114">
        <v>200130</v>
      </c>
      <c r="HF17" s="112">
        <v>259452</v>
      </c>
      <c r="HG17" s="111">
        <v>0</v>
      </c>
      <c r="HH17" s="114">
        <v>2837104</v>
      </c>
      <c r="HI17" s="114">
        <v>1789205</v>
      </c>
      <c r="HJ17" s="114">
        <v>1466435</v>
      </c>
      <c r="HK17" s="114">
        <v>2767617</v>
      </c>
      <c r="HL17" s="114">
        <v>713398</v>
      </c>
      <c r="HM17" s="113">
        <v>9573759</v>
      </c>
      <c r="HN17" s="109">
        <v>9833211</v>
      </c>
      <c r="HO17" s="328"/>
      <c r="HP17" s="329"/>
      <c r="HQ17" s="330"/>
      <c r="HR17" s="331"/>
      <c r="HS17" s="329"/>
      <c r="HT17" s="329"/>
      <c r="HU17" s="329"/>
      <c r="HV17" s="329"/>
      <c r="HW17" s="329"/>
      <c r="HX17" s="332"/>
      <c r="HY17" s="333"/>
      <c r="HZ17" s="131">
        <v>0</v>
      </c>
      <c r="IA17" s="132">
        <v>0</v>
      </c>
      <c r="IB17" s="133">
        <v>0</v>
      </c>
      <c r="IC17" s="146">
        <v>0</v>
      </c>
      <c r="ID17" s="132">
        <v>798811</v>
      </c>
      <c r="IE17" s="147">
        <v>1616125</v>
      </c>
      <c r="IF17" s="133">
        <v>1992658</v>
      </c>
      <c r="IG17" s="132">
        <v>1501751</v>
      </c>
      <c r="IH17" s="133">
        <v>731586</v>
      </c>
      <c r="II17" s="148">
        <v>6640931</v>
      </c>
      <c r="IJ17" s="139">
        <v>6640931</v>
      </c>
      <c r="IK17" s="232">
        <v>0</v>
      </c>
      <c r="IL17" s="236">
        <v>0</v>
      </c>
      <c r="IM17" s="237">
        <v>0</v>
      </c>
      <c r="IN17" s="140"/>
      <c r="IO17" s="119">
        <v>76072</v>
      </c>
      <c r="IP17" s="119">
        <v>124872</v>
      </c>
      <c r="IQ17" s="119">
        <v>282018</v>
      </c>
      <c r="IR17" s="119">
        <v>0</v>
      </c>
      <c r="IS17" s="119">
        <v>0</v>
      </c>
      <c r="IT17" s="141">
        <v>482962</v>
      </c>
      <c r="IU17" s="320">
        <v>482962</v>
      </c>
      <c r="IV17" s="142">
        <v>0</v>
      </c>
      <c r="IW17" s="119">
        <v>0</v>
      </c>
      <c r="IX17" s="120">
        <v>0</v>
      </c>
      <c r="IY17" s="144"/>
      <c r="IZ17" s="119">
        <v>0</v>
      </c>
      <c r="JA17" s="119">
        <v>0</v>
      </c>
      <c r="JB17" s="119">
        <v>0</v>
      </c>
      <c r="JC17" s="119">
        <v>16836</v>
      </c>
      <c r="JD17" s="119">
        <v>0</v>
      </c>
      <c r="JE17" s="120">
        <v>16836</v>
      </c>
      <c r="JF17" s="121">
        <v>16836</v>
      </c>
      <c r="JG17" s="142">
        <v>0</v>
      </c>
      <c r="JH17" s="119">
        <v>0</v>
      </c>
      <c r="JI17" s="141">
        <v>0</v>
      </c>
      <c r="JJ17" s="118">
        <v>0</v>
      </c>
      <c r="JK17" s="119">
        <v>616497</v>
      </c>
      <c r="JL17" s="119">
        <v>352396</v>
      </c>
      <c r="JM17" s="119">
        <v>285290</v>
      </c>
      <c r="JN17" s="119">
        <v>152569</v>
      </c>
      <c r="JO17" s="119">
        <v>458349</v>
      </c>
      <c r="JP17" s="120">
        <v>1865101</v>
      </c>
      <c r="JQ17" s="320">
        <v>1865101</v>
      </c>
      <c r="JR17" s="142">
        <v>0</v>
      </c>
      <c r="JS17" s="119">
        <v>0</v>
      </c>
      <c r="JT17" s="141">
        <v>0</v>
      </c>
      <c r="JU17" s="118">
        <v>0</v>
      </c>
      <c r="JV17" s="119">
        <v>0</v>
      </c>
      <c r="JW17" s="119">
        <v>200829</v>
      </c>
      <c r="JX17" s="119">
        <v>169457</v>
      </c>
      <c r="JY17" s="119">
        <v>0</v>
      </c>
      <c r="JZ17" s="119">
        <v>0</v>
      </c>
      <c r="KA17" s="120">
        <v>370286</v>
      </c>
      <c r="KB17" s="320">
        <v>370286</v>
      </c>
      <c r="KC17" s="234">
        <v>0</v>
      </c>
      <c r="KD17" s="230">
        <v>0</v>
      </c>
      <c r="KE17" s="120">
        <v>0</v>
      </c>
      <c r="KF17" s="118">
        <v>0</v>
      </c>
      <c r="KG17" s="119">
        <v>106242</v>
      </c>
      <c r="KH17" s="119">
        <v>510271</v>
      </c>
      <c r="KI17" s="119">
        <v>475297</v>
      </c>
      <c r="KJ17" s="119">
        <v>265201</v>
      </c>
      <c r="KK17" s="119">
        <v>0</v>
      </c>
      <c r="KL17" s="120">
        <v>1357011</v>
      </c>
      <c r="KM17" s="143">
        <v>1357011</v>
      </c>
      <c r="KN17" s="232">
        <v>0</v>
      </c>
      <c r="KO17" s="236">
        <v>0</v>
      </c>
      <c r="KP17" s="237">
        <v>0</v>
      </c>
      <c r="KQ17" s="140"/>
      <c r="KR17" s="119">
        <v>0</v>
      </c>
      <c r="KS17" s="119">
        <v>237824</v>
      </c>
      <c r="KT17" s="119">
        <v>780596</v>
      </c>
      <c r="KU17" s="119">
        <v>785503</v>
      </c>
      <c r="KV17" s="119">
        <v>273237</v>
      </c>
      <c r="KW17" s="120">
        <v>2077160</v>
      </c>
      <c r="KX17" s="320">
        <v>2077160</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189933</v>
      </c>
      <c r="MA17" s="119">
        <v>0</v>
      </c>
      <c r="MB17" s="119">
        <v>281642</v>
      </c>
      <c r="MC17" s="119">
        <v>0</v>
      </c>
      <c r="MD17" s="120">
        <v>471575</v>
      </c>
      <c r="ME17" s="121">
        <v>471575</v>
      </c>
      <c r="MF17" s="142">
        <v>0</v>
      </c>
      <c r="MG17" s="119">
        <v>0</v>
      </c>
      <c r="MH17" s="120">
        <v>0</v>
      </c>
      <c r="MI17" s="145"/>
      <c r="MJ17" s="119">
        <v>240892</v>
      </c>
      <c r="MK17" s="119">
        <v>744906</v>
      </c>
      <c r="ML17" s="119">
        <v>3112491</v>
      </c>
      <c r="MM17" s="119">
        <v>5017063</v>
      </c>
      <c r="MN17" s="119">
        <v>3524780</v>
      </c>
      <c r="MO17" s="120">
        <v>12640132</v>
      </c>
      <c r="MP17" s="143">
        <v>12640132</v>
      </c>
      <c r="MQ17" s="142">
        <v>0</v>
      </c>
      <c r="MR17" s="119">
        <v>0</v>
      </c>
      <c r="MS17" s="120">
        <v>0</v>
      </c>
      <c r="MT17" s="145"/>
      <c r="MU17" s="119">
        <v>0</v>
      </c>
      <c r="MV17" s="119">
        <v>0</v>
      </c>
      <c r="MW17" s="119">
        <v>1488858</v>
      </c>
      <c r="MX17" s="119">
        <v>3882530</v>
      </c>
      <c r="MY17" s="119">
        <v>1401109</v>
      </c>
      <c r="MZ17" s="120">
        <v>6772497</v>
      </c>
      <c r="NA17" s="143">
        <v>6772497</v>
      </c>
      <c r="NB17" s="142">
        <v>0</v>
      </c>
      <c r="NC17" s="119">
        <v>0</v>
      </c>
      <c r="ND17" s="120">
        <v>0</v>
      </c>
      <c r="NE17" s="145"/>
      <c r="NF17" s="119">
        <v>240892</v>
      </c>
      <c r="NG17" s="119">
        <v>744906</v>
      </c>
      <c r="NH17" s="119">
        <v>1623633</v>
      </c>
      <c r="NI17" s="119">
        <v>1134533</v>
      </c>
      <c r="NJ17" s="119">
        <v>2048566</v>
      </c>
      <c r="NK17" s="120">
        <v>5792530</v>
      </c>
      <c r="NL17" s="320">
        <v>5792530</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75105</v>
      </c>
      <c r="OG17" s="120">
        <v>75105</v>
      </c>
      <c r="OH17" s="121">
        <v>75105</v>
      </c>
      <c r="OI17" s="142">
        <v>401243</v>
      </c>
      <c r="OJ17" s="119">
        <v>762119</v>
      </c>
      <c r="OK17" s="141">
        <v>1163362</v>
      </c>
      <c r="OL17" s="118">
        <v>0</v>
      </c>
      <c r="OM17" s="119">
        <v>8189371</v>
      </c>
      <c r="ON17" s="119">
        <v>8357493</v>
      </c>
      <c r="OO17" s="119">
        <v>10990511</v>
      </c>
      <c r="OP17" s="119">
        <v>13608003</v>
      </c>
      <c r="OQ17" s="119">
        <v>8549052</v>
      </c>
      <c r="OR17" s="120">
        <v>49694430</v>
      </c>
      <c r="OS17" s="143">
        <v>50857792</v>
      </c>
    </row>
    <row r="18" spans="2:409" ht="21" customHeight="1" x14ac:dyDescent="0.2">
      <c r="B18" s="126" t="s">
        <v>12</v>
      </c>
      <c r="C18" s="110">
        <v>990877</v>
      </c>
      <c r="D18" s="114">
        <v>1666674</v>
      </c>
      <c r="E18" s="113">
        <v>2657551</v>
      </c>
      <c r="F18" s="109">
        <v>0</v>
      </c>
      <c r="G18" s="114">
        <v>7090565</v>
      </c>
      <c r="H18" s="170">
        <v>8081052</v>
      </c>
      <c r="I18" s="170">
        <v>7926604</v>
      </c>
      <c r="J18" s="170">
        <v>8003048</v>
      </c>
      <c r="K18" s="170">
        <v>4256681</v>
      </c>
      <c r="L18" s="112">
        <v>35357950</v>
      </c>
      <c r="M18" s="116">
        <v>38015501</v>
      </c>
      <c r="N18" s="110">
        <v>444927</v>
      </c>
      <c r="O18" s="114">
        <v>483562</v>
      </c>
      <c r="P18" s="113">
        <v>928489</v>
      </c>
      <c r="Q18" s="110">
        <v>0</v>
      </c>
      <c r="R18" s="114">
        <v>2277188</v>
      </c>
      <c r="S18" s="114">
        <v>2612284</v>
      </c>
      <c r="T18" s="114">
        <v>2731643</v>
      </c>
      <c r="U18" s="114">
        <v>3975241</v>
      </c>
      <c r="V18" s="114">
        <v>1960129</v>
      </c>
      <c r="W18" s="113">
        <v>13556485</v>
      </c>
      <c r="X18" s="116">
        <v>14484974</v>
      </c>
      <c r="Y18" s="110">
        <v>0</v>
      </c>
      <c r="Z18" s="114">
        <v>0</v>
      </c>
      <c r="AA18" s="113">
        <v>0</v>
      </c>
      <c r="AB18" s="110">
        <v>0</v>
      </c>
      <c r="AC18" s="114">
        <v>1396816</v>
      </c>
      <c r="AD18" s="114">
        <v>1056721</v>
      </c>
      <c r="AE18" s="114">
        <v>1441270</v>
      </c>
      <c r="AF18" s="114">
        <v>2845292</v>
      </c>
      <c r="AG18" s="114">
        <v>1350164</v>
      </c>
      <c r="AH18" s="113">
        <v>8090263</v>
      </c>
      <c r="AI18" s="116">
        <v>8090263</v>
      </c>
      <c r="AJ18" s="110">
        <v>0</v>
      </c>
      <c r="AK18" s="114">
        <v>0</v>
      </c>
      <c r="AL18" s="113">
        <v>0</v>
      </c>
      <c r="AM18" s="110">
        <v>0</v>
      </c>
      <c r="AN18" s="114">
        <v>0</v>
      </c>
      <c r="AO18" s="114">
        <v>58456</v>
      </c>
      <c r="AP18" s="114">
        <v>107598</v>
      </c>
      <c r="AQ18" s="114">
        <v>188121</v>
      </c>
      <c r="AR18" s="114">
        <v>130470</v>
      </c>
      <c r="AS18" s="113">
        <v>484645</v>
      </c>
      <c r="AT18" s="116">
        <v>484645</v>
      </c>
      <c r="AU18" s="110">
        <v>373266</v>
      </c>
      <c r="AV18" s="114">
        <v>418002</v>
      </c>
      <c r="AW18" s="113">
        <v>791268</v>
      </c>
      <c r="AX18" s="110">
        <v>0</v>
      </c>
      <c r="AY18" s="114">
        <v>639738</v>
      </c>
      <c r="AZ18" s="114">
        <v>978590</v>
      </c>
      <c r="BA18" s="114">
        <v>830427</v>
      </c>
      <c r="BB18" s="114">
        <v>505504</v>
      </c>
      <c r="BC18" s="114">
        <v>291487</v>
      </c>
      <c r="BD18" s="113">
        <v>3245746</v>
      </c>
      <c r="BE18" s="116">
        <v>4037014</v>
      </c>
      <c r="BF18" s="110">
        <v>21133</v>
      </c>
      <c r="BG18" s="114">
        <v>0</v>
      </c>
      <c r="BH18" s="112">
        <v>21133</v>
      </c>
      <c r="BI18" s="111">
        <v>0</v>
      </c>
      <c r="BJ18" s="114">
        <v>7114</v>
      </c>
      <c r="BK18" s="114">
        <v>145277</v>
      </c>
      <c r="BL18" s="114">
        <v>54980</v>
      </c>
      <c r="BM18" s="114">
        <v>43388</v>
      </c>
      <c r="BN18" s="114">
        <v>0</v>
      </c>
      <c r="BO18" s="113">
        <v>250759</v>
      </c>
      <c r="BP18" s="116">
        <v>271892</v>
      </c>
      <c r="BQ18" s="110">
        <v>50528</v>
      </c>
      <c r="BR18" s="114">
        <v>65560</v>
      </c>
      <c r="BS18" s="113">
        <v>116088</v>
      </c>
      <c r="BT18" s="110">
        <v>0</v>
      </c>
      <c r="BU18" s="114">
        <v>233520</v>
      </c>
      <c r="BV18" s="114">
        <v>373240</v>
      </c>
      <c r="BW18" s="114">
        <v>297368</v>
      </c>
      <c r="BX18" s="114">
        <v>392936</v>
      </c>
      <c r="BY18" s="114">
        <v>188008</v>
      </c>
      <c r="BZ18" s="113">
        <v>1485072</v>
      </c>
      <c r="CA18" s="116">
        <v>1601160</v>
      </c>
      <c r="CB18" s="110">
        <v>290476</v>
      </c>
      <c r="CC18" s="114">
        <v>272519</v>
      </c>
      <c r="CD18" s="113">
        <v>562995</v>
      </c>
      <c r="CE18" s="110">
        <v>0</v>
      </c>
      <c r="CF18" s="114">
        <v>2681107</v>
      </c>
      <c r="CG18" s="114">
        <v>2300876</v>
      </c>
      <c r="CH18" s="114">
        <v>1852122</v>
      </c>
      <c r="CI18" s="114">
        <v>830753</v>
      </c>
      <c r="CJ18" s="114">
        <v>362663</v>
      </c>
      <c r="CK18" s="113">
        <v>8027521</v>
      </c>
      <c r="CL18" s="116">
        <v>8590516</v>
      </c>
      <c r="CM18" s="110">
        <v>0</v>
      </c>
      <c r="CN18" s="114">
        <v>0</v>
      </c>
      <c r="CO18" s="113">
        <v>0</v>
      </c>
      <c r="CP18" s="111">
        <v>0</v>
      </c>
      <c r="CQ18" s="114">
        <v>2413935</v>
      </c>
      <c r="CR18" s="114">
        <v>1552553</v>
      </c>
      <c r="CS18" s="114">
        <v>1170206</v>
      </c>
      <c r="CT18" s="114">
        <v>497521</v>
      </c>
      <c r="CU18" s="114">
        <v>100810</v>
      </c>
      <c r="CV18" s="113">
        <v>5735025</v>
      </c>
      <c r="CW18" s="116">
        <v>5735025</v>
      </c>
      <c r="CX18" s="110">
        <v>290476</v>
      </c>
      <c r="CY18" s="114">
        <v>272519</v>
      </c>
      <c r="CZ18" s="113">
        <v>562995</v>
      </c>
      <c r="DA18" s="110">
        <v>0</v>
      </c>
      <c r="DB18" s="114">
        <v>267172</v>
      </c>
      <c r="DC18" s="114">
        <v>748323</v>
      </c>
      <c r="DD18" s="114">
        <v>681916</v>
      </c>
      <c r="DE18" s="114">
        <v>333232</v>
      </c>
      <c r="DF18" s="114">
        <v>261853</v>
      </c>
      <c r="DG18" s="113">
        <v>2292496</v>
      </c>
      <c r="DH18" s="116">
        <v>2855491</v>
      </c>
      <c r="DI18" s="110">
        <v>18922</v>
      </c>
      <c r="DJ18" s="114">
        <v>69283</v>
      </c>
      <c r="DK18" s="112">
        <v>88205</v>
      </c>
      <c r="DL18" s="111">
        <v>0</v>
      </c>
      <c r="DM18" s="114">
        <v>501279</v>
      </c>
      <c r="DN18" s="114">
        <v>395783</v>
      </c>
      <c r="DO18" s="114">
        <v>396621</v>
      </c>
      <c r="DP18" s="114">
        <v>611096</v>
      </c>
      <c r="DQ18" s="114">
        <v>283370</v>
      </c>
      <c r="DR18" s="113">
        <v>2188149</v>
      </c>
      <c r="DS18" s="116">
        <v>2276354</v>
      </c>
      <c r="DT18" s="110">
        <v>18922</v>
      </c>
      <c r="DU18" s="114">
        <v>69283</v>
      </c>
      <c r="DV18" s="113">
        <v>88205</v>
      </c>
      <c r="DW18" s="110">
        <v>0</v>
      </c>
      <c r="DX18" s="114">
        <v>501279</v>
      </c>
      <c r="DY18" s="114">
        <v>327349</v>
      </c>
      <c r="DZ18" s="114">
        <v>315750</v>
      </c>
      <c r="EA18" s="114">
        <v>611096</v>
      </c>
      <c r="EB18" s="114">
        <v>283370</v>
      </c>
      <c r="EC18" s="113">
        <v>2038844</v>
      </c>
      <c r="ED18" s="116">
        <v>2127049</v>
      </c>
      <c r="EE18" s="110">
        <v>0</v>
      </c>
      <c r="EF18" s="112">
        <v>0</v>
      </c>
      <c r="EG18" s="113">
        <v>0</v>
      </c>
      <c r="EH18" s="110">
        <v>0</v>
      </c>
      <c r="EI18" s="114">
        <v>0</v>
      </c>
      <c r="EJ18" s="114">
        <v>68434</v>
      </c>
      <c r="EK18" s="114">
        <v>80871</v>
      </c>
      <c r="EL18" s="114">
        <v>0</v>
      </c>
      <c r="EM18" s="114">
        <v>0</v>
      </c>
      <c r="EN18" s="112">
        <v>149305</v>
      </c>
      <c r="EO18" s="116">
        <v>149305</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80056</v>
      </c>
      <c r="FM18" s="114">
        <v>371072</v>
      </c>
      <c r="FN18" s="113">
        <v>551128</v>
      </c>
      <c r="FO18" s="110">
        <v>0</v>
      </c>
      <c r="FP18" s="114">
        <v>426872</v>
      </c>
      <c r="FQ18" s="114">
        <v>1091992</v>
      </c>
      <c r="FR18" s="114">
        <v>937040</v>
      </c>
      <c r="FS18" s="114">
        <v>707624</v>
      </c>
      <c r="FT18" s="114">
        <v>455560</v>
      </c>
      <c r="FU18" s="113">
        <v>3619088</v>
      </c>
      <c r="FV18" s="116">
        <v>4170216</v>
      </c>
      <c r="FW18" s="115">
        <v>64328</v>
      </c>
      <c r="FX18" s="114">
        <v>212432</v>
      </c>
      <c r="FY18" s="112">
        <v>276760</v>
      </c>
      <c r="FZ18" s="111">
        <v>0</v>
      </c>
      <c r="GA18" s="114">
        <v>168152</v>
      </c>
      <c r="GB18" s="114">
        <v>1071992</v>
      </c>
      <c r="GC18" s="114">
        <v>857040</v>
      </c>
      <c r="GD18" s="114">
        <v>707624</v>
      </c>
      <c r="GE18" s="114">
        <v>389480</v>
      </c>
      <c r="GF18" s="113">
        <v>3194288</v>
      </c>
      <c r="GG18" s="318">
        <v>3471048</v>
      </c>
      <c r="GH18" s="115">
        <v>54928</v>
      </c>
      <c r="GI18" s="114">
        <v>51440</v>
      </c>
      <c r="GJ18" s="112">
        <v>106368</v>
      </c>
      <c r="GK18" s="111">
        <v>0</v>
      </c>
      <c r="GL18" s="114">
        <v>69120</v>
      </c>
      <c r="GM18" s="114">
        <v>20000</v>
      </c>
      <c r="GN18" s="114">
        <v>80000</v>
      </c>
      <c r="GO18" s="114">
        <v>0</v>
      </c>
      <c r="GP18" s="114">
        <v>29280</v>
      </c>
      <c r="GQ18" s="113">
        <v>198400</v>
      </c>
      <c r="GR18" s="116">
        <v>304768</v>
      </c>
      <c r="GS18" s="110">
        <v>60800</v>
      </c>
      <c r="GT18" s="114">
        <v>107200</v>
      </c>
      <c r="GU18" s="113">
        <v>168000</v>
      </c>
      <c r="GV18" s="110">
        <v>0</v>
      </c>
      <c r="GW18" s="114">
        <v>189600</v>
      </c>
      <c r="GX18" s="114">
        <v>0</v>
      </c>
      <c r="GY18" s="114">
        <v>0</v>
      </c>
      <c r="GZ18" s="114">
        <v>0</v>
      </c>
      <c r="HA18" s="114">
        <v>36800</v>
      </c>
      <c r="HB18" s="112">
        <v>226400</v>
      </c>
      <c r="HC18" s="116">
        <v>394400</v>
      </c>
      <c r="HD18" s="110">
        <v>56496</v>
      </c>
      <c r="HE18" s="114">
        <v>470238</v>
      </c>
      <c r="HF18" s="112">
        <v>526734</v>
      </c>
      <c r="HG18" s="111">
        <v>0</v>
      </c>
      <c r="HH18" s="114">
        <v>1204119</v>
      </c>
      <c r="HI18" s="114">
        <v>1680117</v>
      </c>
      <c r="HJ18" s="114">
        <v>2009178</v>
      </c>
      <c r="HK18" s="114">
        <v>1878334</v>
      </c>
      <c r="HL18" s="114">
        <v>1194959</v>
      </c>
      <c r="HM18" s="113">
        <v>7966707</v>
      </c>
      <c r="HN18" s="109">
        <v>8493441</v>
      </c>
      <c r="HO18" s="328"/>
      <c r="HP18" s="329"/>
      <c r="HQ18" s="330"/>
      <c r="HR18" s="331"/>
      <c r="HS18" s="329"/>
      <c r="HT18" s="329"/>
      <c r="HU18" s="329"/>
      <c r="HV18" s="329"/>
      <c r="HW18" s="329"/>
      <c r="HX18" s="332"/>
      <c r="HY18" s="333"/>
      <c r="HZ18" s="150">
        <v>0</v>
      </c>
      <c r="IA18" s="135">
        <v>0</v>
      </c>
      <c r="IB18" s="150">
        <v>0</v>
      </c>
      <c r="IC18" s="134">
        <v>0</v>
      </c>
      <c r="ID18" s="135">
        <v>2224250</v>
      </c>
      <c r="IE18" s="136">
        <v>2504004</v>
      </c>
      <c r="IF18" s="137">
        <v>3319063</v>
      </c>
      <c r="IG18" s="135">
        <v>3637034</v>
      </c>
      <c r="IH18" s="137">
        <v>1641659</v>
      </c>
      <c r="II18" s="138">
        <v>13326010</v>
      </c>
      <c r="IJ18" s="150">
        <v>13326010</v>
      </c>
      <c r="IK18" s="232">
        <v>0</v>
      </c>
      <c r="IL18" s="236">
        <v>0</v>
      </c>
      <c r="IM18" s="237">
        <v>0</v>
      </c>
      <c r="IN18" s="140"/>
      <c r="IO18" s="119">
        <v>72177</v>
      </c>
      <c r="IP18" s="119">
        <v>106948</v>
      </c>
      <c r="IQ18" s="119">
        <v>0</v>
      </c>
      <c r="IR18" s="119">
        <v>233379</v>
      </c>
      <c r="IS18" s="119">
        <v>0</v>
      </c>
      <c r="IT18" s="141">
        <v>412504</v>
      </c>
      <c r="IU18" s="320">
        <v>412504</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182351</v>
      </c>
      <c r="JL18" s="119">
        <v>763686</v>
      </c>
      <c r="JM18" s="119">
        <v>935350</v>
      </c>
      <c r="JN18" s="119">
        <v>439440</v>
      </c>
      <c r="JO18" s="119">
        <v>528424</v>
      </c>
      <c r="JP18" s="120">
        <v>3849251</v>
      </c>
      <c r="JQ18" s="320">
        <v>3849251</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0</v>
      </c>
      <c r="KH18" s="119">
        <v>0</v>
      </c>
      <c r="KI18" s="119">
        <v>1479038</v>
      </c>
      <c r="KJ18" s="119">
        <v>1057960</v>
      </c>
      <c r="KK18" s="119">
        <v>301451</v>
      </c>
      <c r="KL18" s="120">
        <v>2838449</v>
      </c>
      <c r="KM18" s="143">
        <v>2838449</v>
      </c>
      <c r="KN18" s="232">
        <v>0</v>
      </c>
      <c r="KO18" s="236">
        <v>0</v>
      </c>
      <c r="KP18" s="237">
        <v>0</v>
      </c>
      <c r="KQ18" s="140"/>
      <c r="KR18" s="119">
        <v>969722</v>
      </c>
      <c r="KS18" s="119">
        <v>500043</v>
      </c>
      <c r="KT18" s="119">
        <v>904675</v>
      </c>
      <c r="KU18" s="119">
        <v>760967</v>
      </c>
      <c r="KV18" s="119">
        <v>534520</v>
      </c>
      <c r="KW18" s="120">
        <v>3669927</v>
      </c>
      <c r="KX18" s="320">
        <v>3669927</v>
      </c>
      <c r="KY18" s="142">
        <v>0</v>
      </c>
      <c r="KZ18" s="119">
        <v>0</v>
      </c>
      <c r="LA18" s="120">
        <v>0</v>
      </c>
      <c r="LB18" s="145"/>
      <c r="LC18" s="119">
        <v>0</v>
      </c>
      <c r="LD18" s="119">
        <v>919095</v>
      </c>
      <c r="LE18" s="119">
        <v>0</v>
      </c>
      <c r="LF18" s="119">
        <v>445236</v>
      </c>
      <c r="LG18" s="119">
        <v>0</v>
      </c>
      <c r="LH18" s="120">
        <v>1364331</v>
      </c>
      <c r="LI18" s="121">
        <v>1364331</v>
      </c>
      <c r="LJ18" s="142">
        <v>0</v>
      </c>
      <c r="LK18" s="119">
        <v>0</v>
      </c>
      <c r="LL18" s="120">
        <v>0</v>
      </c>
      <c r="LM18" s="145"/>
      <c r="LN18" s="119">
        <v>0</v>
      </c>
      <c r="LO18" s="119">
        <v>0</v>
      </c>
      <c r="LP18" s="119">
        <v>0</v>
      </c>
      <c r="LQ18" s="119">
        <v>0</v>
      </c>
      <c r="LR18" s="119">
        <v>297047</v>
      </c>
      <c r="LS18" s="120">
        <v>297047</v>
      </c>
      <c r="LT18" s="320">
        <v>297047</v>
      </c>
      <c r="LU18" s="142">
        <v>0</v>
      </c>
      <c r="LV18" s="119">
        <v>0</v>
      </c>
      <c r="LW18" s="120">
        <v>0</v>
      </c>
      <c r="LX18" s="145"/>
      <c r="LY18" s="119">
        <v>0</v>
      </c>
      <c r="LZ18" s="119">
        <v>214232</v>
      </c>
      <c r="MA18" s="119">
        <v>0</v>
      </c>
      <c r="MB18" s="119">
        <v>700052</v>
      </c>
      <c r="MC18" s="119">
        <v>-19783</v>
      </c>
      <c r="MD18" s="120">
        <v>894501</v>
      </c>
      <c r="ME18" s="121">
        <v>894501</v>
      </c>
      <c r="MF18" s="142">
        <v>0</v>
      </c>
      <c r="MG18" s="119">
        <v>0</v>
      </c>
      <c r="MH18" s="120">
        <v>0</v>
      </c>
      <c r="MI18" s="145"/>
      <c r="MJ18" s="119">
        <v>241561</v>
      </c>
      <c r="MK18" s="119">
        <v>1143386</v>
      </c>
      <c r="ML18" s="119">
        <v>3366734</v>
      </c>
      <c r="MM18" s="119">
        <v>7186028</v>
      </c>
      <c r="MN18" s="119">
        <v>3711461</v>
      </c>
      <c r="MO18" s="120">
        <v>15649170</v>
      </c>
      <c r="MP18" s="143">
        <v>15649170</v>
      </c>
      <c r="MQ18" s="142">
        <v>0</v>
      </c>
      <c r="MR18" s="119">
        <v>0</v>
      </c>
      <c r="MS18" s="120">
        <v>0</v>
      </c>
      <c r="MT18" s="145"/>
      <c r="MU18" s="119">
        <v>0</v>
      </c>
      <c r="MV18" s="119">
        <v>0</v>
      </c>
      <c r="MW18" s="119">
        <v>1997657</v>
      </c>
      <c r="MX18" s="119">
        <v>4229144</v>
      </c>
      <c r="MY18" s="119">
        <v>1554552</v>
      </c>
      <c r="MZ18" s="120">
        <v>7781353</v>
      </c>
      <c r="NA18" s="143">
        <v>7781353</v>
      </c>
      <c r="NB18" s="142">
        <v>0</v>
      </c>
      <c r="NC18" s="119">
        <v>0</v>
      </c>
      <c r="ND18" s="120">
        <v>0</v>
      </c>
      <c r="NE18" s="145"/>
      <c r="NF18" s="119">
        <v>241561</v>
      </c>
      <c r="NG18" s="119">
        <v>1143386</v>
      </c>
      <c r="NH18" s="119">
        <v>1369077</v>
      </c>
      <c r="NI18" s="119">
        <v>2611119</v>
      </c>
      <c r="NJ18" s="119">
        <v>2156909</v>
      </c>
      <c r="NK18" s="120">
        <v>7522052</v>
      </c>
      <c r="NL18" s="320">
        <v>7522052</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45765</v>
      </c>
      <c r="OF18" s="119">
        <v>0</v>
      </c>
      <c r="OG18" s="120">
        <v>345765</v>
      </c>
      <c r="OH18" s="121">
        <v>345765</v>
      </c>
      <c r="OI18" s="142">
        <v>990877</v>
      </c>
      <c r="OJ18" s="119">
        <v>1666674</v>
      </c>
      <c r="OK18" s="141">
        <v>2657551</v>
      </c>
      <c r="OL18" s="118">
        <v>0</v>
      </c>
      <c r="OM18" s="119">
        <v>9556376</v>
      </c>
      <c r="ON18" s="119">
        <v>11728442</v>
      </c>
      <c r="OO18" s="119">
        <v>14612401</v>
      </c>
      <c r="OP18" s="119">
        <v>18826110</v>
      </c>
      <c r="OQ18" s="119">
        <v>9609801</v>
      </c>
      <c r="OR18" s="120">
        <v>64333130</v>
      </c>
      <c r="OS18" s="143">
        <v>66990681</v>
      </c>
    </row>
    <row r="19" spans="2:409" ht="21" customHeight="1" x14ac:dyDescent="0.2">
      <c r="B19" s="126" t="s">
        <v>13</v>
      </c>
      <c r="C19" s="110">
        <v>185433</v>
      </c>
      <c r="D19" s="114">
        <v>178592</v>
      </c>
      <c r="E19" s="113">
        <v>364025</v>
      </c>
      <c r="F19" s="110">
        <v>0</v>
      </c>
      <c r="G19" s="170">
        <v>3186737</v>
      </c>
      <c r="H19" s="114">
        <v>5100420</v>
      </c>
      <c r="I19" s="114">
        <v>3212565</v>
      </c>
      <c r="J19" s="114">
        <v>5290398</v>
      </c>
      <c r="K19" s="114">
        <v>3674067</v>
      </c>
      <c r="L19" s="112">
        <v>20464187</v>
      </c>
      <c r="M19" s="116">
        <v>20828212</v>
      </c>
      <c r="N19" s="110">
        <v>54972</v>
      </c>
      <c r="O19" s="114">
        <v>87026</v>
      </c>
      <c r="P19" s="113">
        <v>141998</v>
      </c>
      <c r="Q19" s="110">
        <v>0</v>
      </c>
      <c r="R19" s="114">
        <v>986540</v>
      </c>
      <c r="S19" s="114">
        <v>1657603</v>
      </c>
      <c r="T19" s="114">
        <v>967139</v>
      </c>
      <c r="U19" s="114">
        <v>2135859</v>
      </c>
      <c r="V19" s="114">
        <v>2058851</v>
      </c>
      <c r="W19" s="113">
        <v>7805992</v>
      </c>
      <c r="X19" s="116">
        <v>7947990</v>
      </c>
      <c r="Y19" s="110">
        <v>0</v>
      </c>
      <c r="Z19" s="114">
        <v>0</v>
      </c>
      <c r="AA19" s="113">
        <v>0</v>
      </c>
      <c r="AB19" s="110">
        <v>0</v>
      </c>
      <c r="AC19" s="114">
        <v>306281</v>
      </c>
      <c r="AD19" s="114">
        <v>939295</v>
      </c>
      <c r="AE19" s="114">
        <v>351592</v>
      </c>
      <c r="AF19" s="114">
        <v>1431033</v>
      </c>
      <c r="AG19" s="114">
        <v>1104956</v>
      </c>
      <c r="AH19" s="113">
        <v>4133157</v>
      </c>
      <c r="AI19" s="116">
        <v>4133157</v>
      </c>
      <c r="AJ19" s="110">
        <v>0</v>
      </c>
      <c r="AK19" s="114">
        <v>0</v>
      </c>
      <c r="AL19" s="113">
        <v>0</v>
      </c>
      <c r="AM19" s="110">
        <v>0</v>
      </c>
      <c r="AN19" s="114">
        <v>0</v>
      </c>
      <c r="AO19" s="114">
        <v>0</v>
      </c>
      <c r="AP19" s="114">
        <v>47090</v>
      </c>
      <c r="AQ19" s="114">
        <v>25673</v>
      </c>
      <c r="AR19" s="114">
        <v>403022</v>
      </c>
      <c r="AS19" s="113">
        <v>475785</v>
      </c>
      <c r="AT19" s="116">
        <v>475785</v>
      </c>
      <c r="AU19" s="110">
        <v>7655</v>
      </c>
      <c r="AV19" s="114">
        <v>40808</v>
      </c>
      <c r="AW19" s="113">
        <v>48463</v>
      </c>
      <c r="AX19" s="110">
        <v>0</v>
      </c>
      <c r="AY19" s="114">
        <v>415102</v>
      </c>
      <c r="AZ19" s="114">
        <v>430420</v>
      </c>
      <c r="BA19" s="114">
        <v>416505</v>
      </c>
      <c r="BB19" s="114">
        <v>452099</v>
      </c>
      <c r="BC19" s="114">
        <v>408561</v>
      </c>
      <c r="BD19" s="113">
        <v>2122687</v>
      </c>
      <c r="BE19" s="116">
        <v>2171150</v>
      </c>
      <c r="BF19" s="110">
        <v>25445</v>
      </c>
      <c r="BG19" s="114">
        <v>21794</v>
      </c>
      <c r="BH19" s="112">
        <v>47239</v>
      </c>
      <c r="BI19" s="111">
        <v>0</v>
      </c>
      <c r="BJ19" s="114">
        <v>74549</v>
      </c>
      <c r="BK19" s="114">
        <v>0</v>
      </c>
      <c r="BL19" s="114">
        <v>0</v>
      </c>
      <c r="BM19" s="114">
        <v>10966</v>
      </c>
      <c r="BN19" s="114">
        <v>0</v>
      </c>
      <c r="BO19" s="113">
        <v>85515</v>
      </c>
      <c r="BP19" s="116">
        <v>132754</v>
      </c>
      <c r="BQ19" s="110">
        <v>21872</v>
      </c>
      <c r="BR19" s="114">
        <v>24424</v>
      </c>
      <c r="BS19" s="113">
        <v>46296</v>
      </c>
      <c r="BT19" s="110">
        <v>0</v>
      </c>
      <c r="BU19" s="114">
        <v>190608</v>
      </c>
      <c r="BV19" s="114">
        <v>287888</v>
      </c>
      <c r="BW19" s="114">
        <v>151952</v>
      </c>
      <c r="BX19" s="114">
        <v>216088</v>
      </c>
      <c r="BY19" s="114">
        <v>142312</v>
      </c>
      <c r="BZ19" s="113">
        <v>988848</v>
      </c>
      <c r="CA19" s="116">
        <v>1035144</v>
      </c>
      <c r="CB19" s="110">
        <v>0</v>
      </c>
      <c r="CC19" s="114">
        <v>39134</v>
      </c>
      <c r="CD19" s="113">
        <v>39134</v>
      </c>
      <c r="CE19" s="110">
        <v>0</v>
      </c>
      <c r="CF19" s="114">
        <v>539380</v>
      </c>
      <c r="CG19" s="114">
        <v>1049421</v>
      </c>
      <c r="CH19" s="114">
        <v>723510</v>
      </c>
      <c r="CI19" s="114">
        <v>836459</v>
      </c>
      <c r="CJ19" s="114">
        <v>416354</v>
      </c>
      <c r="CK19" s="113">
        <v>3565124</v>
      </c>
      <c r="CL19" s="116">
        <v>3604258</v>
      </c>
      <c r="CM19" s="110">
        <v>0</v>
      </c>
      <c r="CN19" s="114">
        <v>0</v>
      </c>
      <c r="CO19" s="113">
        <v>0</v>
      </c>
      <c r="CP19" s="111">
        <v>0</v>
      </c>
      <c r="CQ19" s="114">
        <v>518757</v>
      </c>
      <c r="CR19" s="114">
        <v>893545</v>
      </c>
      <c r="CS19" s="114">
        <v>621468</v>
      </c>
      <c r="CT19" s="114">
        <v>617915</v>
      </c>
      <c r="CU19" s="114">
        <v>339203</v>
      </c>
      <c r="CV19" s="113">
        <v>2990888</v>
      </c>
      <c r="CW19" s="116">
        <v>2990888</v>
      </c>
      <c r="CX19" s="110">
        <v>0</v>
      </c>
      <c r="CY19" s="114">
        <v>39134</v>
      </c>
      <c r="CZ19" s="113">
        <v>39134</v>
      </c>
      <c r="DA19" s="110">
        <v>0</v>
      </c>
      <c r="DB19" s="114">
        <v>20623</v>
      </c>
      <c r="DC19" s="114">
        <v>155876</v>
      </c>
      <c r="DD19" s="114">
        <v>102042</v>
      </c>
      <c r="DE19" s="114">
        <v>218544</v>
      </c>
      <c r="DF19" s="114">
        <v>77151</v>
      </c>
      <c r="DG19" s="113">
        <v>574236</v>
      </c>
      <c r="DH19" s="116">
        <v>613370</v>
      </c>
      <c r="DI19" s="110">
        <v>0</v>
      </c>
      <c r="DJ19" s="114">
        <v>0</v>
      </c>
      <c r="DK19" s="112">
        <v>0</v>
      </c>
      <c r="DL19" s="111">
        <v>0</v>
      </c>
      <c r="DM19" s="114">
        <v>179886</v>
      </c>
      <c r="DN19" s="114">
        <v>261365</v>
      </c>
      <c r="DO19" s="114">
        <v>278103</v>
      </c>
      <c r="DP19" s="114">
        <v>680259</v>
      </c>
      <c r="DQ19" s="114">
        <v>54092</v>
      </c>
      <c r="DR19" s="113">
        <v>1453705</v>
      </c>
      <c r="DS19" s="116">
        <v>1453705</v>
      </c>
      <c r="DT19" s="110">
        <v>0</v>
      </c>
      <c r="DU19" s="114">
        <v>0</v>
      </c>
      <c r="DV19" s="113">
        <v>0</v>
      </c>
      <c r="DW19" s="110">
        <v>0</v>
      </c>
      <c r="DX19" s="114">
        <v>24867</v>
      </c>
      <c r="DY19" s="114">
        <v>261365</v>
      </c>
      <c r="DZ19" s="114">
        <v>252698</v>
      </c>
      <c r="EA19" s="114">
        <v>680259</v>
      </c>
      <c r="EB19" s="114">
        <v>54092</v>
      </c>
      <c r="EC19" s="113">
        <v>1273281</v>
      </c>
      <c r="ED19" s="116">
        <v>1273281</v>
      </c>
      <c r="EE19" s="110">
        <v>0</v>
      </c>
      <c r="EF19" s="112">
        <v>0</v>
      </c>
      <c r="EG19" s="113">
        <v>0</v>
      </c>
      <c r="EH19" s="110">
        <v>0</v>
      </c>
      <c r="EI19" s="114">
        <v>155019</v>
      </c>
      <c r="EJ19" s="114">
        <v>0</v>
      </c>
      <c r="EK19" s="114">
        <v>25405</v>
      </c>
      <c r="EL19" s="114">
        <v>0</v>
      </c>
      <c r="EM19" s="114">
        <v>0</v>
      </c>
      <c r="EN19" s="112">
        <v>180424</v>
      </c>
      <c r="EO19" s="116">
        <v>180424</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23728</v>
      </c>
      <c r="FM19" s="114">
        <v>52432</v>
      </c>
      <c r="FN19" s="113">
        <v>76160</v>
      </c>
      <c r="FO19" s="110">
        <v>0</v>
      </c>
      <c r="FP19" s="114">
        <v>332304</v>
      </c>
      <c r="FQ19" s="114">
        <v>362088</v>
      </c>
      <c r="FR19" s="114">
        <v>280080</v>
      </c>
      <c r="FS19" s="114">
        <v>375120</v>
      </c>
      <c r="FT19" s="114">
        <v>186768</v>
      </c>
      <c r="FU19" s="113">
        <v>1536360</v>
      </c>
      <c r="FV19" s="116">
        <v>1612520</v>
      </c>
      <c r="FW19" s="115">
        <v>8240</v>
      </c>
      <c r="FX19" s="114">
        <v>52432</v>
      </c>
      <c r="FY19" s="112">
        <v>60672</v>
      </c>
      <c r="FZ19" s="111">
        <v>0</v>
      </c>
      <c r="GA19" s="114">
        <v>123504</v>
      </c>
      <c r="GB19" s="114">
        <v>337448</v>
      </c>
      <c r="GC19" s="114">
        <v>280080</v>
      </c>
      <c r="GD19" s="114">
        <v>354704</v>
      </c>
      <c r="GE19" s="114">
        <v>186768</v>
      </c>
      <c r="GF19" s="113">
        <v>1282504</v>
      </c>
      <c r="GG19" s="318">
        <v>1343176</v>
      </c>
      <c r="GH19" s="115">
        <v>15488</v>
      </c>
      <c r="GI19" s="114">
        <v>0</v>
      </c>
      <c r="GJ19" s="112">
        <v>15488</v>
      </c>
      <c r="GK19" s="111">
        <v>0</v>
      </c>
      <c r="GL19" s="114">
        <v>0</v>
      </c>
      <c r="GM19" s="114">
        <v>24640</v>
      </c>
      <c r="GN19" s="114">
        <v>0</v>
      </c>
      <c r="GO19" s="114">
        <v>20416</v>
      </c>
      <c r="GP19" s="114">
        <v>0</v>
      </c>
      <c r="GQ19" s="113">
        <v>45056</v>
      </c>
      <c r="GR19" s="116">
        <v>60544</v>
      </c>
      <c r="GS19" s="110">
        <v>0</v>
      </c>
      <c r="GT19" s="114">
        <v>0</v>
      </c>
      <c r="GU19" s="113">
        <v>0</v>
      </c>
      <c r="GV19" s="110">
        <v>0</v>
      </c>
      <c r="GW19" s="114">
        <v>208800</v>
      </c>
      <c r="GX19" s="114">
        <v>0</v>
      </c>
      <c r="GY19" s="114">
        <v>0</v>
      </c>
      <c r="GZ19" s="114">
        <v>0</v>
      </c>
      <c r="HA19" s="114">
        <v>0</v>
      </c>
      <c r="HB19" s="112">
        <v>208800</v>
      </c>
      <c r="HC19" s="116">
        <v>208800</v>
      </c>
      <c r="HD19" s="110">
        <v>106733</v>
      </c>
      <c r="HE19" s="114">
        <v>0</v>
      </c>
      <c r="HF19" s="112">
        <v>106733</v>
      </c>
      <c r="HG19" s="111">
        <v>0</v>
      </c>
      <c r="HH19" s="114">
        <v>1148627</v>
      </c>
      <c r="HI19" s="114">
        <v>1769943</v>
      </c>
      <c r="HJ19" s="114">
        <v>963733</v>
      </c>
      <c r="HK19" s="114">
        <v>1262701</v>
      </c>
      <c r="HL19" s="114">
        <v>958002</v>
      </c>
      <c r="HM19" s="113">
        <v>6103006</v>
      </c>
      <c r="HN19" s="109">
        <v>6209739</v>
      </c>
      <c r="HO19" s="328"/>
      <c r="HP19" s="329"/>
      <c r="HQ19" s="330"/>
      <c r="HR19" s="331"/>
      <c r="HS19" s="329"/>
      <c r="HT19" s="329"/>
      <c r="HU19" s="329"/>
      <c r="HV19" s="329"/>
      <c r="HW19" s="329"/>
      <c r="HX19" s="332"/>
      <c r="HY19" s="333"/>
      <c r="HZ19" s="131">
        <v>0</v>
      </c>
      <c r="IA19" s="132">
        <v>0</v>
      </c>
      <c r="IB19" s="133">
        <v>0</v>
      </c>
      <c r="IC19" s="146">
        <v>0</v>
      </c>
      <c r="ID19" s="132">
        <v>697031</v>
      </c>
      <c r="IE19" s="147">
        <v>1128217</v>
      </c>
      <c r="IF19" s="133">
        <v>514707</v>
      </c>
      <c r="IG19" s="132">
        <v>838267</v>
      </c>
      <c r="IH19" s="133">
        <v>236966</v>
      </c>
      <c r="II19" s="148">
        <v>3415188</v>
      </c>
      <c r="IJ19" s="139">
        <v>3415188</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61782</v>
      </c>
      <c r="JL19" s="119">
        <v>371421</v>
      </c>
      <c r="JM19" s="119">
        <v>352173</v>
      </c>
      <c r="JN19" s="119">
        <v>111605</v>
      </c>
      <c r="JO19" s="119">
        <v>181058</v>
      </c>
      <c r="JP19" s="120">
        <v>1378039</v>
      </c>
      <c r="JQ19" s="320">
        <v>1378039</v>
      </c>
      <c r="JR19" s="142">
        <v>0</v>
      </c>
      <c r="JS19" s="119">
        <v>0</v>
      </c>
      <c r="JT19" s="141">
        <v>0</v>
      </c>
      <c r="JU19" s="118">
        <v>0</v>
      </c>
      <c r="JV19" s="119">
        <v>0</v>
      </c>
      <c r="JW19" s="119">
        <v>196721</v>
      </c>
      <c r="JX19" s="119">
        <v>162534</v>
      </c>
      <c r="JY19" s="119">
        <v>26615</v>
      </c>
      <c r="JZ19" s="119">
        <v>55908</v>
      </c>
      <c r="KA19" s="120">
        <v>441778</v>
      </c>
      <c r="KB19" s="320">
        <v>441778</v>
      </c>
      <c r="KC19" s="234">
        <v>0</v>
      </c>
      <c r="KD19" s="230">
        <v>0</v>
      </c>
      <c r="KE19" s="120">
        <v>0</v>
      </c>
      <c r="KF19" s="118">
        <v>0</v>
      </c>
      <c r="KG19" s="119">
        <v>105258</v>
      </c>
      <c r="KH19" s="119">
        <v>308456</v>
      </c>
      <c r="KI19" s="119">
        <v>0</v>
      </c>
      <c r="KJ19" s="119">
        <v>0</v>
      </c>
      <c r="KK19" s="119">
        <v>0</v>
      </c>
      <c r="KL19" s="120">
        <v>413714</v>
      </c>
      <c r="KM19" s="143">
        <v>413714</v>
      </c>
      <c r="KN19" s="232">
        <v>0</v>
      </c>
      <c r="KO19" s="236">
        <v>0</v>
      </c>
      <c r="KP19" s="237">
        <v>0</v>
      </c>
      <c r="KQ19" s="140"/>
      <c r="KR19" s="119">
        <v>229991</v>
      </c>
      <c r="KS19" s="119">
        <v>251619</v>
      </c>
      <c r="KT19" s="119">
        <v>0</v>
      </c>
      <c r="KU19" s="119">
        <v>263727</v>
      </c>
      <c r="KV19" s="119">
        <v>0</v>
      </c>
      <c r="KW19" s="120">
        <v>745337</v>
      </c>
      <c r="KX19" s="320">
        <v>745337</v>
      </c>
      <c r="KY19" s="142">
        <v>0</v>
      </c>
      <c r="KZ19" s="119">
        <v>0</v>
      </c>
      <c r="LA19" s="120">
        <v>0</v>
      </c>
      <c r="LB19" s="145"/>
      <c r="LC19" s="119">
        <v>0</v>
      </c>
      <c r="LD19" s="119">
        <v>0</v>
      </c>
      <c r="LE19" s="119">
        <v>0</v>
      </c>
      <c r="LF19" s="119">
        <v>436320</v>
      </c>
      <c r="LG19" s="119">
        <v>0</v>
      </c>
      <c r="LH19" s="120">
        <v>436320</v>
      </c>
      <c r="LI19" s="121">
        <v>43632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795882</v>
      </c>
      <c r="ML19" s="119">
        <v>1086098</v>
      </c>
      <c r="MM19" s="119">
        <v>4002680</v>
      </c>
      <c r="MN19" s="119">
        <v>2426063</v>
      </c>
      <c r="MO19" s="120">
        <v>8310723</v>
      </c>
      <c r="MP19" s="143">
        <v>8310723</v>
      </c>
      <c r="MQ19" s="142">
        <v>0</v>
      </c>
      <c r="MR19" s="119">
        <v>0</v>
      </c>
      <c r="MS19" s="120">
        <v>0</v>
      </c>
      <c r="MT19" s="145"/>
      <c r="MU19" s="119">
        <v>0</v>
      </c>
      <c r="MV19" s="119">
        <v>0</v>
      </c>
      <c r="MW19" s="119">
        <v>499527</v>
      </c>
      <c r="MX19" s="119">
        <v>3002352</v>
      </c>
      <c r="MY19" s="119">
        <v>2049170</v>
      </c>
      <c r="MZ19" s="120">
        <v>5551049</v>
      </c>
      <c r="NA19" s="143">
        <v>5551049</v>
      </c>
      <c r="NB19" s="142">
        <v>0</v>
      </c>
      <c r="NC19" s="119">
        <v>0</v>
      </c>
      <c r="ND19" s="120">
        <v>0</v>
      </c>
      <c r="NE19" s="145"/>
      <c r="NF19" s="119">
        <v>0</v>
      </c>
      <c r="NG19" s="119">
        <v>795882</v>
      </c>
      <c r="NH19" s="119">
        <v>586571</v>
      </c>
      <c r="NI19" s="119">
        <v>1000328</v>
      </c>
      <c r="NJ19" s="119">
        <v>376893</v>
      </c>
      <c r="NK19" s="120">
        <v>2759674</v>
      </c>
      <c r="NL19" s="320">
        <v>2759674</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85433</v>
      </c>
      <c r="OJ19" s="119">
        <v>178592</v>
      </c>
      <c r="OK19" s="141">
        <v>364025</v>
      </c>
      <c r="OL19" s="118">
        <v>0</v>
      </c>
      <c r="OM19" s="119">
        <v>3883768</v>
      </c>
      <c r="ON19" s="119">
        <v>7024519</v>
      </c>
      <c r="OO19" s="119">
        <v>4813370</v>
      </c>
      <c r="OP19" s="119">
        <v>10131345</v>
      </c>
      <c r="OQ19" s="119">
        <v>6337096</v>
      </c>
      <c r="OR19" s="120">
        <v>32190098</v>
      </c>
      <c r="OS19" s="143">
        <v>32554123</v>
      </c>
    </row>
    <row r="20" spans="2:409" ht="21" customHeight="1" x14ac:dyDescent="0.2">
      <c r="B20" s="126" t="s">
        <v>15</v>
      </c>
      <c r="C20" s="110">
        <v>153031</v>
      </c>
      <c r="D20" s="114">
        <v>296715</v>
      </c>
      <c r="E20" s="113">
        <v>449746</v>
      </c>
      <c r="F20" s="109">
        <v>0</v>
      </c>
      <c r="G20" s="114">
        <v>1612592</v>
      </c>
      <c r="H20" s="114">
        <v>1614829</v>
      </c>
      <c r="I20" s="114">
        <v>2259040</v>
      </c>
      <c r="J20" s="114">
        <v>1997234</v>
      </c>
      <c r="K20" s="114">
        <v>837652</v>
      </c>
      <c r="L20" s="109">
        <v>8321347</v>
      </c>
      <c r="M20" s="116">
        <v>8771093</v>
      </c>
      <c r="N20" s="110">
        <v>2728</v>
      </c>
      <c r="O20" s="114">
        <v>51755</v>
      </c>
      <c r="P20" s="113">
        <v>54483</v>
      </c>
      <c r="Q20" s="110">
        <v>0</v>
      </c>
      <c r="R20" s="114">
        <v>258984</v>
      </c>
      <c r="S20" s="114">
        <v>473746</v>
      </c>
      <c r="T20" s="114">
        <v>705254</v>
      </c>
      <c r="U20" s="114">
        <v>801448</v>
      </c>
      <c r="V20" s="114">
        <v>303658</v>
      </c>
      <c r="W20" s="113">
        <v>2543090</v>
      </c>
      <c r="X20" s="116">
        <v>2597573</v>
      </c>
      <c r="Y20" s="110">
        <v>0</v>
      </c>
      <c r="Z20" s="114">
        <v>0</v>
      </c>
      <c r="AA20" s="113">
        <v>0</v>
      </c>
      <c r="AB20" s="110">
        <v>0</v>
      </c>
      <c r="AC20" s="114">
        <v>112252</v>
      </c>
      <c r="AD20" s="114">
        <v>208621</v>
      </c>
      <c r="AE20" s="114">
        <v>475321</v>
      </c>
      <c r="AF20" s="114">
        <v>517815</v>
      </c>
      <c r="AG20" s="114">
        <v>281682</v>
      </c>
      <c r="AH20" s="113">
        <v>1595691</v>
      </c>
      <c r="AI20" s="116">
        <v>1595691</v>
      </c>
      <c r="AJ20" s="110">
        <v>0</v>
      </c>
      <c r="AK20" s="114">
        <v>0</v>
      </c>
      <c r="AL20" s="113">
        <v>0</v>
      </c>
      <c r="AM20" s="110">
        <v>0</v>
      </c>
      <c r="AN20" s="114">
        <v>0</v>
      </c>
      <c r="AO20" s="114">
        <v>0</v>
      </c>
      <c r="AP20" s="114">
        <v>0</v>
      </c>
      <c r="AQ20" s="114">
        <v>46763</v>
      </c>
      <c r="AR20" s="114">
        <v>0</v>
      </c>
      <c r="AS20" s="113">
        <v>46763</v>
      </c>
      <c r="AT20" s="116">
        <v>46763</v>
      </c>
      <c r="AU20" s="110">
        <v>0</v>
      </c>
      <c r="AV20" s="114">
        <v>51755</v>
      </c>
      <c r="AW20" s="113">
        <v>51755</v>
      </c>
      <c r="AX20" s="110">
        <v>0</v>
      </c>
      <c r="AY20" s="114">
        <v>24361</v>
      </c>
      <c r="AZ20" s="114">
        <v>117471</v>
      </c>
      <c r="BA20" s="114">
        <v>176093</v>
      </c>
      <c r="BB20" s="114">
        <v>171134</v>
      </c>
      <c r="BC20" s="114">
        <v>0</v>
      </c>
      <c r="BD20" s="113">
        <v>489059</v>
      </c>
      <c r="BE20" s="116">
        <v>540814</v>
      </c>
      <c r="BF20" s="110">
        <v>0</v>
      </c>
      <c r="BG20" s="114">
        <v>0</v>
      </c>
      <c r="BH20" s="112">
        <v>0</v>
      </c>
      <c r="BI20" s="111">
        <v>0</v>
      </c>
      <c r="BJ20" s="114">
        <v>21707</v>
      </c>
      <c r="BK20" s="114">
        <v>62078</v>
      </c>
      <c r="BL20" s="114">
        <v>0</v>
      </c>
      <c r="BM20" s="114">
        <v>0</v>
      </c>
      <c r="BN20" s="114">
        <v>0</v>
      </c>
      <c r="BO20" s="113">
        <v>83785</v>
      </c>
      <c r="BP20" s="116">
        <v>83785</v>
      </c>
      <c r="BQ20" s="110">
        <v>2728</v>
      </c>
      <c r="BR20" s="114">
        <v>0</v>
      </c>
      <c r="BS20" s="113">
        <v>2728</v>
      </c>
      <c r="BT20" s="110">
        <v>0</v>
      </c>
      <c r="BU20" s="114">
        <v>100664</v>
      </c>
      <c r="BV20" s="114">
        <v>85576</v>
      </c>
      <c r="BW20" s="114">
        <v>53840</v>
      </c>
      <c r="BX20" s="114">
        <v>65736</v>
      </c>
      <c r="BY20" s="114">
        <v>21976</v>
      </c>
      <c r="BZ20" s="113">
        <v>327792</v>
      </c>
      <c r="CA20" s="116">
        <v>330520</v>
      </c>
      <c r="CB20" s="110">
        <v>0</v>
      </c>
      <c r="CC20" s="114">
        <v>0</v>
      </c>
      <c r="CD20" s="113">
        <v>0</v>
      </c>
      <c r="CE20" s="110">
        <v>0</v>
      </c>
      <c r="CF20" s="114">
        <v>200788</v>
      </c>
      <c r="CG20" s="114">
        <v>222360</v>
      </c>
      <c r="CH20" s="114">
        <v>496632</v>
      </c>
      <c r="CI20" s="114">
        <v>147205</v>
      </c>
      <c r="CJ20" s="114">
        <v>0</v>
      </c>
      <c r="CK20" s="113">
        <v>1066985</v>
      </c>
      <c r="CL20" s="116">
        <v>1066985</v>
      </c>
      <c r="CM20" s="110">
        <v>0</v>
      </c>
      <c r="CN20" s="114">
        <v>0</v>
      </c>
      <c r="CO20" s="113">
        <v>0</v>
      </c>
      <c r="CP20" s="111">
        <v>0</v>
      </c>
      <c r="CQ20" s="114">
        <v>200788</v>
      </c>
      <c r="CR20" s="114">
        <v>113699</v>
      </c>
      <c r="CS20" s="114">
        <v>334221</v>
      </c>
      <c r="CT20" s="114">
        <v>147205</v>
      </c>
      <c r="CU20" s="114">
        <v>0</v>
      </c>
      <c r="CV20" s="113">
        <v>795913</v>
      </c>
      <c r="CW20" s="116">
        <v>795913</v>
      </c>
      <c r="CX20" s="110">
        <v>0</v>
      </c>
      <c r="CY20" s="114">
        <v>0</v>
      </c>
      <c r="CZ20" s="113">
        <v>0</v>
      </c>
      <c r="DA20" s="110">
        <v>0</v>
      </c>
      <c r="DB20" s="114">
        <v>0</v>
      </c>
      <c r="DC20" s="114">
        <v>108661</v>
      </c>
      <c r="DD20" s="114">
        <v>162411</v>
      </c>
      <c r="DE20" s="114">
        <v>0</v>
      </c>
      <c r="DF20" s="114">
        <v>0</v>
      </c>
      <c r="DG20" s="113">
        <v>271072</v>
      </c>
      <c r="DH20" s="116">
        <v>271072</v>
      </c>
      <c r="DI20" s="110">
        <v>0</v>
      </c>
      <c r="DJ20" s="114">
        <v>0</v>
      </c>
      <c r="DK20" s="112">
        <v>0</v>
      </c>
      <c r="DL20" s="111">
        <v>0</v>
      </c>
      <c r="DM20" s="114">
        <v>0</v>
      </c>
      <c r="DN20" s="114">
        <v>0</v>
      </c>
      <c r="DO20" s="114">
        <v>90176</v>
      </c>
      <c r="DP20" s="114">
        <v>565553</v>
      </c>
      <c r="DQ20" s="114">
        <v>259848</v>
      </c>
      <c r="DR20" s="113">
        <v>915577</v>
      </c>
      <c r="DS20" s="116">
        <v>915577</v>
      </c>
      <c r="DT20" s="110">
        <v>0</v>
      </c>
      <c r="DU20" s="114">
        <v>0</v>
      </c>
      <c r="DV20" s="113">
        <v>0</v>
      </c>
      <c r="DW20" s="110">
        <v>0</v>
      </c>
      <c r="DX20" s="114">
        <v>0</v>
      </c>
      <c r="DY20" s="114">
        <v>0</v>
      </c>
      <c r="DZ20" s="114">
        <v>90176</v>
      </c>
      <c r="EA20" s="114">
        <v>565553</v>
      </c>
      <c r="EB20" s="114">
        <v>259848</v>
      </c>
      <c r="EC20" s="113">
        <v>915577</v>
      </c>
      <c r="ED20" s="116">
        <v>915577</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1600</v>
      </c>
      <c r="FM20" s="114">
        <v>44080</v>
      </c>
      <c r="FN20" s="113">
        <v>45680</v>
      </c>
      <c r="FO20" s="110">
        <v>0</v>
      </c>
      <c r="FP20" s="114">
        <v>54880</v>
      </c>
      <c r="FQ20" s="114">
        <v>187896</v>
      </c>
      <c r="FR20" s="114">
        <v>162019</v>
      </c>
      <c r="FS20" s="114">
        <v>119064</v>
      </c>
      <c r="FT20" s="114">
        <v>30000</v>
      </c>
      <c r="FU20" s="113">
        <v>553859</v>
      </c>
      <c r="FV20" s="116">
        <v>599539</v>
      </c>
      <c r="FW20" s="115">
        <v>1600</v>
      </c>
      <c r="FX20" s="114">
        <v>44080</v>
      </c>
      <c r="FY20" s="112">
        <v>45680</v>
      </c>
      <c r="FZ20" s="111">
        <v>0</v>
      </c>
      <c r="GA20" s="114">
        <v>19200</v>
      </c>
      <c r="GB20" s="114">
        <v>167096</v>
      </c>
      <c r="GC20" s="114">
        <v>129776</v>
      </c>
      <c r="GD20" s="114">
        <v>119064</v>
      </c>
      <c r="GE20" s="114">
        <v>30000</v>
      </c>
      <c r="GF20" s="113">
        <v>465136</v>
      </c>
      <c r="GG20" s="318">
        <v>510816</v>
      </c>
      <c r="GH20" s="115">
        <v>0</v>
      </c>
      <c r="GI20" s="114">
        <v>0</v>
      </c>
      <c r="GJ20" s="112">
        <v>0</v>
      </c>
      <c r="GK20" s="111">
        <v>0</v>
      </c>
      <c r="GL20" s="114">
        <v>0</v>
      </c>
      <c r="GM20" s="114">
        <v>0</v>
      </c>
      <c r="GN20" s="114">
        <v>32243</v>
      </c>
      <c r="GO20" s="114">
        <v>0</v>
      </c>
      <c r="GP20" s="114">
        <v>0</v>
      </c>
      <c r="GQ20" s="113">
        <v>32243</v>
      </c>
      <c r="GR20" s="116">
        <v>32243</v>
      </c>
      <c r="GS20" s="110">
        <v>0</v>
      </c>
      <c r="GT20" s="114">
        <v>0</v>
      </c>
      <c r="GU20" s="113">
        <v>0</v>
      </c>
      <c r="GV20" s="110">
        <v>0</v>
      </c>
      <c r="GW20" s="114">
        <v>35680</v>
      </c>
      <c r="GX20" s="114">
        <v>20800</v>
      </c>
      <c r="GY20" s="114">
        <v>0</v>
      </c>
      <c r="GZ20" s="114">
        <v>0</v>
      </c>
      <c r="HA20" s="114">
        <v>0</v>
      </c>
      <c r="HB20" s="112">
        <v>56480</v>
      </c>
      <c r="HC20" s="116">
        <v>56480</v>
      </c>
      <c r="HD20" s="110">
        <v>148703</v>
      </c>
      <c r="HE20" s="114">
        <v>200880</v>
      </c>
      <c r="HF20" s="112">
        <v>349583</v>
      </c>
      <c r="HG20" s="111">
        <v>0</v>
      </c>
      <c r="HH20" s="114">
        <v>1097940</v>
      </c>
      <c r="HI20" s="114">
        <v>730827</v>
      </c>
      <c r="HJ20" s="114">
        <v>804959</v>
      </c>
      <c r="HK20" s="114">
        <v>363964</v>
      </c>
      <c r="HL20" s="114">
        <v>244146</v>
      </c>
      <c r="HM20" s="113">
        <v>3241836</v>
      </c>
      <c r="HN20" s="109">
        <v>3591419</v>
      </c>
      <c r="HO20" s="328"/>
      <c r="HP20" s="329"/>
      <c r="HQ20" s="330"/>
      <c r="HR20" s="331"/>
      <c r="HS20" s="329"/>
      <c r="HT20" s="329"/>
      <c r="HU20" s="329"/>
      <c r="HV20" s="329"/>
      <c r="HW20" s="329"/>
      <c r="HX20" s="332"/>
      <c r="HY20" s="333"/>
      <c r="HZ20" s="150">
        <v>0</v>
      </c>
      <c r="IA20" s="135">
        <v>0</v>
      </c>
      <c r="IB20" s="150">
        <v>0</v>
      </c>
      <c r="IC20" s="134">
        <v>0</v>
      </c>
      <c r="ID20" s="135">
        <v>811833</v>
      </c>
      <c r="IE20" s="136">
        <v>835479</v>
      </c>
      <c r="IF20" s="137">
        <v>343935</v>
      </c>
      <c r="IG20" s="135">
        <v>838464</v>
      </c>
      <c r="IH20" s="137">
        <v>270281</v>
      </c>
      <c r="II20" s="138">
        <v>3099992</v>
      </c>
      <c r="IJ20" s="150">
        <v>3099992</v>
      </c>
      <c r="IK20" s="232">
        <v>0</v>
      </c>
      <c r="IL20" s="236">
        <v>0</v>
      </c>
      <c r="IM20" s="237">
        <v>0</v>
      </c>
      <c r="IN20" s="140"/>
      <c r="IO20" s="119">
        <v>0</v>
      </c>
      <c r="IP20" s="119">
        <v>0</v>
      </c>
      <c r="IQ20" s="119">
        <v>0</v>
      </c>
      <c r="IR20" s="119">
        <v>0</v>
      </c>
      <c r="IS20" s="119">
        <v>0</v>
      </c>
      <c r="IT20" s="141">
        <v>0</v>
      </c>
      <c r="IU20" s="320">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20903</v>
      </c>
      <c r="JL20" s="119">
        <v>440507</v>
      </c>
      <c r="JM20" s="119">
        <v>105296</v>
      </c>
      <c r="JN20" s="119">
        <v>128413</v>
      </c>
      <c r="JO20" s="119">
        <v>0</v>
      </c>
      <c r="JP20" s="120">
        <v>795119</v>
      </c>
      <c r="JQ20" s="320">
        <v>795119</v>
      </c>
      <c r="JR20" s="142">
        <v>0</v>
      </c>
      <c r="JS20" s="119">
        <v>0</v>
      </c>
      <c r="JT20" s="141">
        <v>0</v>
      </c>
      <c r="JU20" s="118">
        <v>0</v>
      </c>
      <c r="JV20" s="119">
        <v>0</v>
      </c>
      <c r="JW20" s="119">
        <v>0</v>
      </c>
      <c r="JX20" s="119">
        <v>0</v>
      </c>
      <c r="JY20" s="119">
        <v>82729</v>
      </c>
      <c r="JZ20" s="119">
        <v>0</v>
      </c>
      <c r="KA20" s="120">
        <v>82729</v>
      </c>
      <c r="KB20" s="320">
        <v>82729</v>
      </c>
      <c r="KC20" s="234">
        <v>0</v>
      </c>
      <c r="KD20" s="230">
        <v>0</v>
      </c>
      <c r="KE20" s="120">
        <v>0</v>
      </c>
      <c r="KF20" s="118">
        <v>0</v>
      </c>
      <c r="KG20" s="119">
        <v>0</v>
      </c>
      <c r="KH20" s="119">
        <v>150892</v>
      </c>
      <c r="KI20" s="119">
        <v>238639</v>
      </c>
      <c r="KJ20" s="119">
        <v>260232</v>
      </c>
      <c r="KK20" s="119">
        <v>270281</v>
      </c>
      <c r="KL20" s="120">
        <v>920044</v>
      </c>
      <c r="KM20" s="143">
        <v>920044</v>
      </c>
      <c r="KN20" s="232">
        <v>0</v>
      </c>
      <c r="KO20" s="236">
        <v>0</v>
      </c>
      <c r="KP20" s="237">
        <v>0</v>
      </c>
      <c r="KQ20" s="140"/>
      <c r="KR20" s="119">
        <v>690930</v>
      </c>
      <c r="KS20" s="119">
        <v>244080</v>
      </c>
      <c r="KT20" s="119">
        <v>0</v>
      </c>
      <c r="KU20" s="119">
        <v>0</v>
      </c>
      <c r="KV20" s="119">
        <v>0</v>
      </c>
      <c r="KW20" s="120">
        <v>935010</v>
      </c>
      <c r="KX20" s="320">
        <v>935010</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367090</v>
      </c>
      <c r="LR20" s="119">
        <v>0</v>
      </c>
      <c r="LS20" s="120">
        <v>367090</v>
      </c>
      <c r="LT20" s="320">
        <v>36709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38584</v>
      </c>
      <c r="MK20" s="119">
        <v>251631</v>
      </c>
      <c r="ML20" s="119">
        <v>820212</v>
      </c>
      <c r="MM20" s="119">
        <v>2682995</v>
      </c>
      <c r="MN20" s="119">
        <v>1516079</v>
      </c>
      <c r="MO20" s="120">
        <v>5509501</v>
      </c>
      <c r="MP20" s="143">
        <v>5509501</v>
      </c>
      <c r="MQ20" s="142">
        <v>0</v>
      </c>
      <c r="MR20" s="119">
        <v>0</v>
      </c>
      <c r="MS20" s="120">
        <v>0</v>
      </c>
      <c r="MT20" s="145"/>
      <c r="MU20" s="119">
        <v>0</v>
      </c>
      <c r="MV20" s="119">
        <v>0</v>
      </c>
      <c r="MW20" s="119">
        <v>386997</v>
      </c>
      <c r="MX20" s="119">
        <v>1495850</v>
      </c>
      <c r="MY20" s="119">
        <v>588306</v>
      </c>
      <c r="MZ20" s="120">
        <v>2471153</v>
      </c>
      <c r="NA20" s="143">
        <v>2471153</v>
      </c>
      <c r="NB20" s="142">
        <v>0</v>
      </c>
      <c r="NC20" s="119">
        <v>0</v>
      </c>
      <c r="ND20" s="120">
        <v>0</v>
      </c>
      <c r="NE20" s="145"/>
      <c r="NF20" s="119">
        <v>238584</v>
      </c>
      <c r="NG20" s="119">
        <v>251631</v>
      </c>
      <c r="NH20" s="119">
        <v>433215</v>
      </c>
      <c r="NI20" s="119">
        <v>1187145</v>
      </c>
      <c r="NJ20" s="119">
        <v>927773</v>
      </c>
      <c r="NK20" s="120">
        <v>3038348</v>
      </c>
      <c r="NL20" s="320">
        <v>3038348</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153031</v>
      </c>
      <c r="OJ20" s="119">
        <v>296715</v>
      </c>
      <c r="OK20" s="141">
        <v>449746</v>
      </c>
      <c r="OL20" s="118">
        <v>0</v>
      </c>
      <c r="OM20" s="119">
        <v>2663009</v>
      </c>
      <c r="ON20" s="119">
        <v>2701939</v>
      </c>
      <c r="OO20" s="119">
        <v>3423187</v>
      </c>
      <c r="OP20" s="119">
        <v>5518693</v>
      </c>
      <c r="OQ20" s="119">
        <v>2624012</v>
      </c>
      <c r="OR20" s="120">
        <v>16930840</v>
      </c>
      <c r="OS20" s="143">
        <v>17380586</v>
      </c>
    </row>
    <row r="21" spans="2:409" ht="21" customHeight="1" x14ac:dyDescent="0.2">
      <c r="B21" s="126" t="s">
        <v>16</v>
      </c>
      <c r="C21" s="110">
        <v>325908</v>
      </c>
      <c r="D21" s="114">
        <v>504796</v>
      </c>
      <c r="E21" s="113">
        <v>830704</v>
      </c>
      <c r="F21" s="109">
        <v>0</v>
      </c>
      <c r="G21" s="114">
        <v>4322228</v>
      </c>
      <c r="H21" s="114">
        <v>7352239</v>
      </c>
      <c r="I21" s="114">
        <v>4030352</v>
      </c>
      <c r="J21" s="114">
        <v>5534639</v>
      </c>
      <c r="K21" s="114">
        <v>1853041</v>
      </c>
      <c r="L21" s="109">
        <v>23092499</v>
      </c>
      <c r="M21" s="116">
        <v>23923203</v>
      </c>
      <c r="N21" s="110">
        <v>96789</v>
      </c>
      <c r="O21" s="114">
        <v>107733</v>
      </c>
      <c r="P21" s="113">
        <v>204522</v>
      </c>
      <c r="Q21" s="110">
        <v>0</v>
      </c>
      <c r="R21" s="114">
        <v>1143324</v>
      </c>
      <c r="S21" s="114">
        <v>1114771</v>
      </c>
      <c r="T21" s="114">
        <v>749474</v>
      </c>
      <c r="U21" s="114">
        <v>931626</v>
      </c>
      <c r="V21" s="114">
        <v>724825</v>
      </c>
      <c r="W21" s="113">
        <v>4664020</v>
      </c>
      <c r="X21" s="116">
        <v>4868542</v>
      </c>
      <c r="Y21" s="110">
        <v>0</v>
      </c>
      <c r="Z21" s="114">
        <v>0</v>
      </c>
      <c r="AA21" s="113">
        <v>0</v>
      </c>
      <c r="AB21" s="110">
        <v>0</v>
      </c>
      <c r="AC21" s="114">
        <v>343180</v>
      </c>
      <c r="AD21" s="114">
        <v>264153</v>
      </c>
      <c r="AE21" s="114">
        <v>181949</v>
      </c>
      <c r="AF21" s="114">
        <v>116719</v>
      </c>
      <c r="AG21" s="114">
        <v>302703</v>
      </c>
      <c r="AH21" s="113">
        <v>1208704</v>
      </c>
      <c r="AI21" s="116">
        <v>1208704</v>
      </c>
      <c r="AJ21" s="110">
        <v>0</v>
      </c>
      <c r="AK21" s="114">
        <v>0</v>
      </c>
      <c r="AL21" s="113">
        <v>0</v>
      </c>
      <c r="AM21" s="110">
        <v>0</v>
      </c>
      <c r="AN21" s="114">
        <v>0</v>
      </c>
      <c r="AO21" s="114">
        <v>45539</v>
      </c>
      <c r="AP21" s="114">
        <v>0</v>
      </c>
      <c r="AQ21" s="114">
        <v>45539</v>
      </c>
      <c r="AR21" s="114">
        <v>89319</v>
      </c>
      <c r="AS21" s="113">
        <v>180397</v>
      </c>
      <c r="AT21" s="116">
        <v>180397</v>
      </c>
      <c r="AU21" s="110">
        <v>50413</v>
      </c>
      <c r="AV21" s="114">
        <v>100581</v>
      </c>
      <c r="AW21" s="113">
        <v>150994</v>
      </c>
      <c r="AX21" s="110">
        <v>0</v>
      </c>
      <c r="AY21" s="114">
        <v>578936</v>
      </c>
      <c r="AZ21" s="114">
        <v>513353</v>
      </c>
      <c r="BA21" s="114">
        <v>237869</v>
      </c>
      <c r="BB21" s="114">
        <v>502144</v>
      </c>
      <c r="BC21" s="114">
        <v>209131</v>
      </c>
      <c r="BD21" s="113">
        <v>2041433</v>
      </c>
      <c r="BE21" s="116">
        <v>2192427</v>
      </c>
      <c r="BF21" s="110">
        <v>0</v>
      </c>
      <c r="BG21" s="114">
        <v>0</v>
      </c>
      <c r="BH21" s="112">
        <v>0</v>
      </c>
      <c r="BI21" s="111">
        <v>0</v>
      </c>
      <c r="BJ21" s="114">
        <v>0</v>
      </c>
      <c r="BK21" s="114">
        <v>99694</v>
      </c>
      <c r="BL21" s="114">
        <v>0</v>
      </c>
      <c r="BM21" s="114">
        <v>0</v>
      </c>
      <c r="BN21" s="114">
        <v>0</v>
      </c>
      <c r="BO21" s="113">
        <v>99694</v>
      </c>
      <c r="BP21" s="116">
        <v>99694</v>
      </c>
      <c r="BQ21" s="110">
        <v>46376</v>
      </c>
      <c r="BR21" s="114">
        <v>7152</v>
      </c>
      <c r="BS21" s="113">
        <v>53528</v>
      </c>
      <c r="BT21" s="110">
        <v>0</v>
      </c>
      <c r="BU21" s="114">
        <v>221208</v>
      </c>
      <c r="BV21" s="114">
        <v>192032</v>
      </c>
      <c r="BW21" s="114">
        <v>329656</v>
      </c>
      <c r="BX21" s="114">
        <v>267224</v>
      </c>
      <c r="BY21" s="114">
        <v>123672</v>
      </c>
      <c r="BZ21" s="113">
        <v>1133792</v>
      </c>
      <c r="CA21" s="116">
        <v>1187320</v>
      </c>
      <c r="CB21" s="110">
        <v>79975</v>
      </c>
      <c r="CC21" s="114">
        <v>185903</v>
      </c>
      <c r="CD21" s="113">
        <v>265878</v>
      </c>
      <c r="CE21" s="110">
        <v>0</v>
      </c>
      <c r="CF21" s="114">
        <v>1724508</v>
      </c>
      <c r="CG21" s="114">
        <v>2839020</v>
      </c>
      <c r="CH21" s="114">
        <v>495339</v>
      </c>
      <c r="CI21" s="114">
        <v>870354</v>
      </c>
      <c r="CJ21" s="114">
        <v>0</v>
      </c>
      <c r="CK21" s="113">
        <v>5929221</v>
      </c>
      <c r="CL21" s="116">
        <v>6195099</v>
      </c>
      <c r="CM21" s="110">
        <v>0</v>
      </c>
      <c r="CN21" s="114">
        <v>0</v>
      </c>
      <c r="CO21" s="113">
        <v>0</v>
      </c>
      <c r="CP21" s="111">
        <v>0</v>
      </c>
      <c r="CQ21" s="114">
        <v>824239</v>
      </c>
      <c r="CR21" s="114">
        <v>1221092</v>
      </c>
      <c r="CS21" s="114">
        <v>389428</v>
      </c>
      <c r="CT21" s="114">
        <v>742521</v>
      </c>
      <c r="CU21" s="114">
        <v>0</v>
      </c>
      <c r="CV21" s="113">
        <v>3177280</v>
      </c>
      <c r="CW21" s="116">
        <v>3177280</v>
      </c>
      <c r="CX21" s="110">
        <v>79975</v>
      </c>
      <c r="CY21" s="114">
        <v>185903</v>
      </c>
      <c r="CZ21" s="113">
        <v>265878</v>
      </c>
      <c r="DA21" s="110">
        <v>0</v>
      </c>
      <c r="DB21" s="114">
        <v>900269</v>
      </c>
      <c r="DC21" s="114">
        <v>1617928</v>
      </c>
      <c r="DD21" s="114">
        <v>105911</v>
      </c>
      <c r="DE21" s="114">
        <v>127833</v>
      </c>
      <c r="DF21" s="114">
        <v>0</v>
      </c>
      <c r="DG21" s="113">
        <v>2751941</v>
      </c>
      <c r="DH21" s="116">
        <v>3017819</v>
      </c>
      <c r="DI21" s="110">
        <v>0</v>
      </c>
      <c r="DJ21" s="114">
        <v>0</v>
      </c>
      <c r="DK21" s="112">
        <v>0</v>
      </c>
      <c r="DL21" s="111">
        <v>0</v>
      </c>
      <c r="DM21" s="114">
        <v>115456</v>
      </c>
      <c r="DN21" s="114">
        <v>359985</v>
      </c>
      <c r="DO21" s="114">
        <v>217622</v>
      </c>
      <c r="DP21" s="114">
        <v>153968</v>
      </c>
      <c r="DQ21" s="114">
        <v>0</v>
      </c>
      <c r="DR21" s="113">
        <v>847031</v>
      </c>
      <c r="DS21" s="116">
        <v>847031</v>
      </c>
      <c r="DT21" s="110">
        <v>0</v>
      </c>
      <c r="DU21" s="114">
        <v>0</v>
      </c>
      <c r="DV21" s="113">
        <v>0</v>
      </c>
      <c r="DW21" s="110">
        <v>0</v>
      </c>
      <c r="DX21" s="114">
        <v>95886</v>
      </c>
      <c r="DY21" s="114">
        <v>306425</v>
      </c>
      <c r="DZ21" s="114">
        <v>172086</v>
      </c>
      <c r="EA21" s="114">
        <v>92250</v>
      </c>
      <c r="EB21" s="114">
        <v>0</v>
      </c>
      <c r="EC21" s="113">
        <v>666647</v>
      </c>
      <c r="ED21" s="116">
        <v>666647</v>
      </c>
      <c r="EE21" s="110">
        <v>0</v>
      </c>
      <c r="EF21" s="112">
        <v>0</v>
      </c>
      <c r="EG21" s="113">
        <v>0</v>
      </c>
      <c r="EH21" s="110">
        <v>0</v>
      </c>
      <c r="EI21" s="114">
        <v>19570</v>
      </c>
      <c r="EJ21" s="114">
        <v>53560</v>
      </c>
      <c r="EK21" s="114">
        <v>45536</v>
      </c>
      <c r="EL21" s="114">
        <v>61718</v>
      </c>
      <c r="EM21" s="114">
        <v>0</v>
      </c>
      <c r="EN21" s="112">
        <v>180384</v>
      </c>
      <c r="EO21" s="116">
        <v>180384</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40376</v>
      </c>
      <c r="FM21" s="114">
        <v>211160</v>
      </c>
      <c r="FN21" s="113">
        <v>251536</v>
      </c>
      <c r="FO21" s="110">
        <v>0</v>
      </c>
      <c r="FP21" s="114">
        <v>148096</v>
      </c>
      <c r="FQ21" s="114">
        <v>849400</v>
      </c>
      <c r="FR21" s="114">
        <v>225888</v>
      </c>
      <c r="FS21" s="114">
        <v>302368</v>
      </c>
      <c r="FT21" s="114">
        <v>198176</v>
      </c>
      <c r="FU21" s="113">
        <v>1723928</v>
      </c>
      <c r="FV21" s="116">
        <v>1975464</v>
      </c>
      <c r="FW21" s="115">
        <v>40376</v>
      </c>
      <c r="FX21" s="114">
        <v>119960</v>
      </c>
      <c r="FY21" s="112">
        <v>160336</v>
      </c>
      <c r="FZ21" s="111">
        <v>0</v>
      </c>
      <c r="GA21" s="114">
        <v>148096</v>
      </c>
      <c r="GB21" s="114">
        <v>517008</v>
      </c>
      <c r="GC21" s="114">
        <v>225888</v>
      </c>
      <c r="GD21" s="114">
        <v>302368</v>
      </c>
      <c r="GE21" s="114">
        <v>198176</v>
      </c>
      <c r="GF21" s="113">
        <v>1391536</v>
      </c>
      <c r="GG21" s="318">
        <v>1551872</v>
      </c>
      <c r="GH21" s="115">
        <v>0</v>
      </c>
      <c r="GI21" s="114">
        <v>0</v>
      </c>
      <c r="GJ21" s="112">
        <v>0</v>
      </c>
      <c r="GK21" s="111">
        <v>0</v>
      </c>
      <c r="GL21" s="114">
        <v>0</v>
      </c>
      <c r="GM21" s="114">
        <v>0</v>
      </c>
      <c r="GN21" s="114">
        <v>0</v>
      </c>
      <c r="GO21" s="114">
        <v>0</v>
      </c>
      <c r="GP21" s="114">
        <v>0</v>
      </c>
      <c r="GQ21" s="113">
        <v>0</v>
      </c>
      <c r="GR21" s="116">
        <v>0</v>
      </c>
      <c r="GS21" s="110">
        <v>0</v>
      </c>
      <c r="GT21" s="114">
        <v>91200</v>
      </c>
      <c r="GU21" s="113">
        <v>91200</v>
      </c>
      <c r="GV21" s="110">
        <v>0</v>
      </c>
      <c r="GW21" s="114">
        <v>0</v>
      </c>
      <c r="GX21" s="114">
        <v>332392</v>
      </c>
      <c r="GY21" s="114">
        <v>0</v>
      </c>
      <c r="GZ21" s="114">
        <v>0</v>
      </c>
      <c r="HA21" s="114">
        <v>0</v>
      </c>
      <c r="HB21" s="112">
        <v>332392</v>
      </c>
      <c r="HC21" s="116">
        <v>423592</v>
      </c>
      <c r="HD21" s="110">
        <v>108768</v>
      </c>
      <c r="HE21" s="114">
        <v>0</v>
      </c>
      <c r="HF21" s="112">
        <v>108768</v>
      </c>
      <c r="HG21" s="111">
        <v>0</v>
      </c>
      <c r="HH21" s="114">
        <v>1190844</v>
      </c>
      <c r="HI21" s="114">
        <v>2189063</v>
      </c>
      <c r="HJ21" s="114">
        <v>2342029</v>
      </c>
      <c r="HK21" s="114">
        <v>3276323</v>
      </c>
      <c r="HL21" s="114">
        <v>930040</v>
      </c>
      <c r="HM21" s="113">
        <v>9928299</v>
      </c>
      <c r="HN21" s="109">
        <v>10037067</v>
      </c>
      <c r="HO21" s="328"/>
      <c r="HP21" s="329"/>
      <c r="HQ21" s="330"/>
      <c r="HR21" s="331"/>
      <c r="HS21" s="329"/>
      <c r="HT21" s="329"/>
      <c r="HU21" s="329"/>
      <c r="HV21" s="329"/>
      <c r="HW21" s="329"/>
      <c r="HX21" s="332"/>
      <c r="HY21" s="333"/>
      <c r="HZ21" s="131">
        <v>0</v>
      </c>
      <c r="IA21" s="132">
        <v>0</v>
      </c>
      <c r="IB21" s="133">
        <v>0</v>
      </c>
      <c r="IC21" s="146">
        <v>0</v>
      </c>
      <c r="ID21" s="132">
        <v>616115</v>
      </c>
      <c r="IE21" s="147">
        <v>1656323</v>
      </c>
      <c r="IF21" s="133">
        <v>2573876</v>
      </c>
      <c r="IG21" s="132">
        <v>471762</v>
      </c>
      <c r="IH21" s="133">
        <v>453235</v>
      </c>
      <c r="II21" s="148">
        <v>5771311</v>
      </c>
      <c r="IJ21" s="139">
        <v>5771311</v>
      </c>
      <c r="IK21" s="232">
        <v>0</v>
      </c>
      <c r="IL21" s="236">
        <v>0</v>
      </c>
      <c r="IM21" s="237">
        <v>0</v>
      </c>
      <c r="IN21" s="140"/>
      <c r="IO21" s="119">
        <v>70664</v>
      </c>
      <c r="IP21" s="119">
        <v>0</v>
      </c>
      <c r="IQ21" s="119">
        <v>347598</v>
      </c>
      <c r="IR21" s="119">
        <v>0</v>
      </c>
      <c r="IS21" s="119">
        <v>0</v>
      </c>
      <c r="IT21" s="141">
        <v>418262</v>
      </c>
      <c r="IU21" s="320">
        <v>418262</v>
      </c>
      <c r="IV21" s="142">
        <v>0</v>
      </c>
      <c r="IW21" s="119">
        <v>0</v>
      </c>
      <c r="IX21" s="120">
        <v>0</v>
      </c>
      <c r="IY21" s="144"/>
      <c r="IZ21" s="119">
        <v>0</v>
      </c>
      <c r="JA21" s="119">
        <v>0</v>
      </c>
      <c r="JB21" s="119">
        <v>22348</v>
      </c>
      <c r="JC21" s="119">
        <v>0</v>
      </c>
      <c r="JD21" s="119">
        <v>0</v>
      </c>
      <c r="JE21" s="120">
        <v>22348</v>
      </c>
      <c r="JF21" s="121">
        <v>22348</v>
      </c>
      <c r="JG21" s="142">
        <v>0</v>
      </c>
      <c r="JH21" s="119">
        <v>0</v>
      </c>
      <c r="JI21" s="141">
        <v>0</v>
      </c>
      <c r="JJ21" s="118">
        <v>0</v>
      </c>
      <c r="JK21" s="119">
        <v>311978</v>
      </c>
      <c r="JL21" s="119">
        <v>430174</v>
      </c>
      <c r="JM21" s="119">
        <v>363323</v>
      </c>
      <c r="JN21" s="119">
        <v>26020</v>
      </c>
      <c r="JO21" s="119">
        <v>0</v>
      </c>
      <c r="JP21" s="120">
        <v>1131495</v>
      </c>
      <c r="JQ21" s="320">
        <v>1131495</v>
      </c>
      <c r="JR21" s="142">
        <v>0</v>
      </c>
      <c r="JS21" s="119">
        <v>0</v>
      </c>
      <c r="JT21" s="141">
        <v>0</v>
      </c>
      <c r="JU21" s="118">
        <v>0</v>
      </c>
      <c r="JV21" s="119">
        <v>0</v>
      </c>
      <c r="JW21" s="119">
        <v>0</v>
      </c>
      <c r="JX21" s="119">
        <v>93672</v>
      </c>
      <c r="JY21" s="119">
        <v>0</v>
      </c>
      <c r="JZ21" s="119">
        <v>0</v>
      </c>
      <c r="KA21" s="120">
        <v>93672</v>
      </c>
      <c r="KB21" s="320">
        <v>93672</v>
      </c>
      <c r="KC21" s="234">
        <v>0</v>
      </c>
      <c r="KD21" s="230">
        <v>0</v>
      </c>
      <c r="KE21" s="120">
        <v>0</v>
      </c>
      <c r="KF21" s="118">
        <v>0</v>
      </c>
      <c r="KG21" s="119">
        <v>0</v>
      </c>
      <c r="KH21" s="119">
        <v>320295</v>
      </c>
      <c r="KI21" s="119">
        <v>249498</v>
      </c>
      <c r="KJ21" s="119">
        <v>0</v>
      </c>
      <c r="KK21" s="119">
        <v>0</v>
      </c>
      <c r="KL21" s="120">
        <v>569793</v>
      </c>
      <c r="KM21" s="143">
        <v>569793</v>
      </c>
      <c r="KN21" s="232">
        <v>0</v>
      </c>
      <c r="KO21" s="236">
        <v>0</v>
      </c>
      <c r="KP21" s="237">
        <v>0</v>
      </c>
      <c r="KQ21" s="140"/>
      <c r="KR21" s="119">
        <v>233473</v>
      </c>
      <c r="KS21" s="119">
        <v>737096</v>
      </c>
      <c r="KT21" s="119">
        <v>1261046</v>
      </c>
      <c r="KU21" s="119">
        <v>445742</v>
      </c>
      <c r="KV21" s="119">
        <v>453235</v>
      </c>
      <c r="KW21" s="120">
        <v>3130592</v>
      </c>
      <c r="KX21" s="320">
        <v>3130592</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168758</v>
      </c>
      <c r="MA21" s="119">
        <v>236391</v>
      </c>
      <c r="MB21" s="119">
        <v>0</v>
      </c>
      <c r="MC21" s="119">
        <v>0</v>
      </c>
      <c r="MD21" s="120">
        <v>405149</v>
      </c>
      <c r="ME21" s="121">
        <v>405149</v>
      </c>
      <c r="MF21" s="142">
        <v>0</v>
      </c>
      <c r="MG21" s="119">
        <v>0</v>
      </c>
      <c r="MH21" s="120">
        <v>0</v>
      </c>
      <c r="MI21" s="145"/>
      <c r="MJ21" s="119">
        <v>0</v>
      </c>
      <c r="MK21" s="119">
        <v>1214191</v>
      </c>
      <c r="ML21" s="119">
        <v>3387580</v>
      </c>
      <c r="MM21" s="119">
        <v>3856205</v>
      </c>
      <c r="MN21" s="119">
        <v>1730858</v>
      </c>
      <c r="MO21" s="120">
        <v>10188834</v>
      </c>
      <c r="MP21" s="143">
        <v>10188834</v>
      </c>
      <c r="MQ21" s="142">
        <v>0</v>
      </c>
      <c r="MR21" s="119">
        <v>0</v>
      </c>
      <c r="MS21" s="120">
        <v>0</v>
      </c>
      <c r="MT21" s="145"/>
      <c r="MU21" s="119">
        <v>0</v>
      </c>
      <c r="MV21" s="119">
        <v>212013</v>
      </c>
      <c r="MW21" s="119">
        <v>1143321</v>
      </c>
      <c r="MX21" s="119">
        <v>2376472</v>
      </c>
      <c r="MY21" s="119">
        <v>1042521</v>
      </c>
      <c r="MZ21" s="120">
        <v>4774327</v>
      </c>
      <c r="NA21" s="143">
        <v>4774327</v>
      </c>
      <c r="NB21" s="142">
        <v>0</v>
      </c>
      <c r="NC21" s="119">
        <v>0</v>
      </c>
      <c r="ND21" s="120">
        <v>0</v>
      </c>
      <c r="NE21" s="145"/>
      <c r="NF21" s="119">
        <v>0</v>
      </c>
      <c r="NG21" s="119">
        <v>1002178</v>
      </c>
      <c r="NH21" s="119">
        <v>2244259</v>
      </c>
      <c r="NI21" s="119">
        <v>1479733</v>
      </c>
      <c r="NJ21" s="119">
        <v>278349</v>
      </c>
      <c r="NK21" s="120">
        <v>5004519</v>
      </c>
      <c r="NL21" s="320">
        <v>5004519</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409988</v>
      </c>
      <c r="OG21" s="120">
        <v>409988</v>
      </c>
      <c r="OH21" s="121">
        <v>409988</v>
      </c>
      <c r="OI21" s="142">
        <v>325908</v>
      </c>
      <c r="OJ21" s="119">
        <v>504796</v>
      </c>
      <c r="OK21" s="141">
        <v>830704</v>
      </c>
      <c r="OL21" s="118">
        <v>0</v>
      </c>
      <c r="OM21" s="119">
        <v>4938343</v>
      </c>
      <c r="ON21" s="119">
        <v>10222753</v>
      </c>
      <c r="OO21" s="119">
        <v>9991808</v>
      </c>
      <c r="OP21" s="119">
        <v>9862606</v>
      </c>
      <c r="OQ21" s="119">
        <v>4037134</v>
      </c>
      <c r="OR21" s="120">
        <v>39052644</v>
      </c>
      <c r="OS21" s="143">
        <v>39883348</v>
      </c>
    </row>
    <row r="22" spans="2:409" ht="21" customHeight="1" x14ac:dyDescent="0.2">
      <c r="B22" s="126" t="s">
        <v>17</v>
      </c>
      <c r="C22" s="110">
        <v>568691</v>
      </c>
      <c r="D22" s="114">
        <v>764715</v>
      </c>
      <c r="E22" s="113">
        <v>1333406</v>
      </c>
      <c r="F22" s="109">
        <v>0</v>
      </c>
      <c r="G22" s="114">
        <v>4329549</v>
      </c>
      <c r="H22" s="114">
        <v>5662516</v>
      </c>
      <c r="I22" s="114">
        <v>4229163</v>
      </c>
      <c r="J22" s="114">
        <v>5092203</v>
      </c>
      <c r="K22" s="114">
        <v>4327693</v>
      </c>
      <c r="L22" s="109">
        <v>23641124</v>
      </c>
      <c r="M22" s="116">
        <v>24974530</v>
      </c>
      <c r="N22" s="110">
        <v>87042</v>
      </c>
      <c r="O22" s="114">
        <v>214546</v>
      </c>
      <c r="P22" s="113">
        <v>301588</v>
      </c>
      <c r="Q22" s="110">
        <v>0</v>
      </c>
      <c r="R22" s="114">
        <v>1121033</v>
      </c>
      <c r="S22" s="114">
        <v>1765799</v>
      </c>
      <c r="T22" s="114">
        <v>1546810</v>
      </c>
      <c r="U22" s="114">
        <v>1383203</v>
      </c>
      <c r="V22" s="114">
        <v>1977811</v>
      </c>
      <c r="W22" s="113">
        <v>7794656</v>
      </c>
      <c r="X22" s="116">
        <v>8096244</v>
      </c>
      <c r="Y22" s="110">
        <v>0</v>
      </c>
      <c r="Z22" s="114">
        <v>0</v>
      </c>
      <c r="AA22" s="113">
        <v>0</v>
      </c>
      <c r="AB22" s="110">
        <v>0</v>
      </c>
      <c r="AC22" s="114">
        <v>547881</v>
      </c>
      <c r="AD22" s="114">
        <v>858619</v>
      </c>
      <c r="AE22" s="114">
        <v>1123392</v>
      </c>
      <c r="AF22" s="114">
        <v>1029602</v>
      </c>
      <c r="AG22" s="114">
        <v>1147226</v>
      </c>
      <c r="AH22" s="113">
        <v>4706720</v>
      </c>
      <c r="AI22" s="116">
        <v>4706720</v>
      </c>
      <c r="AJ22" s="110">
        <v>0</v>
      </c>
      <c r="AK22" s="114">
        <v>0</v>
      </c>
      <c r="AL22" s="113">
        <v>0</v>
      </c>
      <c r="AM22" s="110">
        <v>0</v>
      </c>
      <c r="AN22" s="114">
        <v>0</v>
      </c>
      <c r="AO22" s="114">
        <v>71065</v>
      </c>
      <c r="AP22" s="114">
        <v>0</v>
      </c>
      <c r="AQ22" s="114">
        <v>36899</v>
      </c>
      <c r="AR22" s="114">
        <v>200968</v>
      </c>
      <c r="AS22" s="113">
        <v>308932</v>
      </c>
      <c r="AT22" s="116">
        <v>308932</v>
      </c>
      <c r="AU22" s="110">
        <v>46186</v>
      </c>
      <c r="AV22" s="114">
        <v>107946</v>
      </c>
      <c r="AW22" s="113">
        <v>154132</v>
      </c>
      <c r="AX22" s="110">
        <v>0</v>
      </c>
      <c r="AY22" s="114">
        <v>471912</v>
      </c>
      <c r="AZ22" s="114">
        <v>464512</v>
      </c>
      <c r="BA22" s="114">
        <v>226194</v>
      </c>
      <c r="BB22" s="114">
        <v>65966</v>
      </c>
      <c r="BC22" s="114">
        <v>451961</v>
      </c>
      <c r="BD22" s="113">
        <v>1680545</v>
      </c>
      <c r="BE22" s="116">
        <v>1834677</v>
      </c>
      <c r="BF22" s="110">
        <v>0</v>
      </c>
      <c r="BG22" s="114">
        <v>60496</v>
      </c>
      <c r="BH22" s="112">
        <v>60496</v>
      </c>
      <c r="BI22" s="111">
        <v>0</v>
      </c>
      <c r="BJ22" s="114">
        <v>0</v>
      </c>
      <c r="BK22" s="114">
        <v>114163</v>
      </c>
      <c r="BL22" s="114">
        <v>0</v>
      </c>
      <c r="BM22" s="114">
        <v>0</v>
      </c>
      <c r="BN22" s="114">
        <v>0</v>
      </c>
      <c r="BO22" s="113">
        <v>114163</v>
      </c>
      <c r="BP22" s="116">
        <v>174659</v>
      </c>
      <c r="BQ22" s="110">
        <v>40856</v>
      </c>
      <c r="BR22" s="114">
        <v>46104</v>
      </c>
      <c r="BS22" s="113">
        <v>86960</v>
      </c>
      <c r="BT22" s="110">
        <v>0</v>
      </c>
      <c r="BU22" s="114">
        <v>101240</v>
      </c>
      <c r="BV22" s="114">
        <v>257440</v>
      </c>
      <c r="BW22" s="114">
        <v>197224</v>
      </c>
      <c r="BX22" s="114">
        <v>250736</v>
      </c>
      <c r="BY22" s="114">
        <v>177656</v>
      </c>
      <c r="BZ22" s="113">
        <v>984296</v>
      </c>
      <c r="CA22" s="116">
        <v>1071256</v>
      </c>
      <c r="CB22" s="110">
        <v>88928</v>
      </c>
      <c r="CC22" s="114">
        <v>227889</v>
      </c>
      <c r="CD22" s="113">
        <v>316817</v>
      </c>
      <c r="CE22" s="110">
        <v>0</v>
      </c>
      <c r="CF22" s="114">
        <v>1318469</v>
      </c>
      <c r="CG22" s="114">
        <v>2158213</v>
      </c>
      <c r="CH22" s="114">
        <v>493971</v>
      </c>
      <c r="CI22" s="114">
        <v>893044</v>
      </c>
      <c r="CJ22" s="114">
        <v>461090</v>
      </c>
      <c r="CK22" s="113">
        <v>5324787</v>
      </c>
      <c r="CL22" s="116">
        <v>5641604</v>
      </c>
      <c r="CM22" s="110">
        <v>0</v>
      </c>
      <c r="CN22" s="114">
        <v>0</v>
      </c>
      <c r="CO22" s="113">
        <v>0</v>
      </c>
      <c r="CP22" s="111">
        <v>0</v>
      </c>
      <c r="CQ22" s="114">
        <v>1174519</v>
      </c>
      <c r="CR22" s="114">
        <v>1387912</v>
      </c>
      <c r="CS22" s="114">
        <v>331625</v>
      </c>
      <c r="CT22" s="114">
        <v>775316</v>
      </c>
      <c r="CU22" s="114">
        <v>344088</v>
      </c>
      <c r="CV22" s="113">
        <v>4013460</v>
      </c>
      <c r="CW22" s="116">
        <v>4013460</v>
      </c>
      <c r="CX22" s="110">
        <v>88928</v>
      </c>
      <c r="CY22" s="114">
        <v>227889</v>
      </c>
      <c r="CZ22" s="113">
        <v>316817</v>
      </c>
      <c r="DA22" s="110">
        <v>0</v>
      </c>
      <c r="DB22" s="114">
        <v>143950</v>
      </c>
      <c r="DC22" s="114">
        <v>770301</v>
      </c>
      <c r="DD22" s="114">
        <v>162346</v>
      </c>
      <c r="DE22" s="114">
        <v>117728</v>
      </c>
      <c r="DF22" s="114">
        <v>117002</v>
      </c>
      <c r="DG22" s="113">
        <v>1311327</v>
      </c>
      <c r="DH22" s="116">
        <v>1628144</v>
      </c>
      <c r="DI22" s="110">
        <v>0</v>
      </c>
      <c r="DJ22" s="114">
        <v>0</v>
      </c>
      <c r="DK22" s="112">
        <v>0</v>
      </c>
      <c r="DL22" s="111">
        <v>0</v>
      </c>
      <c r="DM22" s="114">
        <v>175213</v>
      </c>
      <c r="DN22" s="114">
        <v>271972</v>
      </c>
      <c r="DO22" s="114">
        <v>303818</v>
      </c>
      <c r="DP22" s="114">
        <v>1151958</v>
      </c>
      <c r="DQ22" s="114">
        <v>188408</v>
      </c>
      <c r="DR22" s="113">
        <v>2091369</v>
      </c>
      <c r="DS22" s="116">
        <v>2091369</v>
      </c>
      <c r="DT22" s="110">
        <v>0</v>
      </c>
      <c r="DU22" s="114">
        <v>0</v>
      </c>
      <c r="DV22" s="113">
        <v>0</v>
      </c>
      <c r="DW22" s="110">
        <v>0</v>
      </c>
      <c r="DX22" s="114">
        <v>175213</v>
      </c>
      <c r="DY22" s="114">
        <v>253296</v>
      </c>
      <c r="DZ22" s="114">
        <v>303818</v>
      </c>
      <c r="EA22" s="114">
        <v>1104343</v>
      </c>
      <c r="EB22" s="114">
        <v>188408</v>
      </c>
      <c r="EC22" s="113">
        <v>2025078</v>
      </c>
      <c r="ED22" s="116">
        <v>2025078</v>
      </c>
      <c r="EE22" s="110">
        <v>0</v>
      </c>
      <c r="EF22" s="112">
        <v>0</v>
      </c>
      <c r="EG22" s="113">
        <v>0</v>
      </c>
      <c r="EH22" s="110">
        <v>0</v>
      </c>
      <c r="EI22" s="114">
        <v>0</v>
      </c>
      <c r="EJ22" s="114">
        <v>18676</v>
      </c>
      <c r="EK22" s="114">
        <v>0</v>
      </c>
      <c r="EL22" s="114">
        <v>47615</v>
      </c>
      <c r="EM22" s="114">
        <v>0</v>
      </c>
      <c r="EN22" s="112">
        <v>66291</v>
      </c>
      <c r="EO22" s="116">
        <v>66291</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53088</v>
      </c>
      <c r="FM22" s="114">
        <v>135680</v>
      </c>
      <c r="FN22" s="113">
        <v>188768</v>
      </c>
      <c r="FO22" s="110">
        <v>0</v>
      </c>
      <c r="FP22" s="114">
        <v>605424</v>
      </c>
      <c r="FQ22" s="114">
        <v>787240</v>
      </c>
      <c r="FR22" s="114">
        <v>516976</v>
      </c>
      <c r="FS22" s="114">
        <v>462531</v>
      </c>
      <c r="FT22" s="114">
        <v>352288</v>
      </c>
      <c r="FU22" s="113">
        <v>2724459</v>
      </c>
      <c r="FV22" s="116">
        <v>2913227</v>
      </c>
      <c r="FW22" s="115">
        <v>53088</v>
      </c>
      <c r="FX22" s="114">
        <v>118080</v>
      </c>
      <c r="FY22" s="112">
        <v>171168</v>
      </c>
      <c r="FZ22" s="111">
        <v>0</v>
      </c>
      <c r="GA22" s="114">
        <v>211824</v>
      </c>
      <c r="GB22" s="114">
        <v>787240</v>
      </c>
      <c r="GC22" s="114">
        <v>501776</v>
      </c>
      <c r="GD22" s="114">
        <v>308096</v>
      </c>
      <c r="GE22" s="114">
        <v>333808</v>
      </c>
      <c r="GF22" s="113">
        <v>2142744</v>
      </c>
      <c r="GG22" s="318">
        <v>2313912</v>
      </c>
      <c r="GH22" s="115">
        <v>0</v>
      </c>
      <c r="GI22" s="114">
        <v>0</v>
      </c>
      <c r="GJ22" s="112">
        <v>0</v>
      </c>
      <c r="GK22" s="111">
        <v>0</v>
      </c>
      <c r="GL22" s="114">
        <v>0</v>
      </c>
      <c r="GM22" s="114">
        <v>0</v>
      </c>
      <c r="GN22" s="114">
        <v>15200</v>
      </c>
      <c r="GO22" s="114">
        <v>0</v>
      </c>
      <c r="GP22" s="114">
        <v>18480</v>
      </c>
      <c r="GQ22" s="113">
        <v>33680</v>
      </c>
      <c r="GR22" s="116">
        <v>33680</v>
      </c>
      <c r="GS22" s="110">
        <v>0</v>
      </c>
      <c r="GT22" s="114">
        <v>17600</v>
      </c>
      <c r="GU22" s="113">
        <v>17600</v>
      </c>
      <c r="GV22" s="110">
        <v>0</v>
      </c>
      <c r="GW22" s="114">
        <v>393600</v>
      </c>
      <c r="GX22" s="114">
        <v>0</v>
      </c>
      <c r="GY22" s="114">
        <v>0</v>
      </c>
      <c r="GZ22" s="114">
        <v>154435</v>
      </c>
      <c r="HA22" s="114">
        <v>0</v>
      </c>
      <c r="HB22" s="112">
        <v>548035</v>
      </c>
      <c r="HC22" s="116">
        <v>565635</v>
      </c>
      <c r="HD22" s="110">
        <v>339633</v>
      </c>
      <c r="HE22" s="114">
        <v>186600</v>
      </c>
      <c r="HF22" s="112">
        <v>526233</v>
      </c>
      <c r="HG22" s="111">
        <v>0</v>
      </c>
      <c r="HH22" s="114">
        <v>1109410</v>
      </c>
      <c r="HI22" s="114">
        <v>679292</v>
      </c>
      <c r="HJ22" s="114">
        <v>1367588</v>
      </c>
      <c r="HK22" s="114">
        <v>1201467</v>
      </c>
      <c r="HL22" s="114">
        <v>1348096</v>
      </c>
      <c r="HM22" s="113">
        <v>5705853</v>
      </c>
      <c r="HN22" s="109">
        <v>6232086</v>
      </c>
      <c r="HO22" s="328"/>
      <c r="HP22" s="329"/>
      <c r="HQ22" s="330"/>
      <c r="HR22" s="331"/>
      <c r="HS22" s="329"/>
      <c r="HT22" s="329"/>
      <c r="HU22" s="329"/>
      <c r="HV22" s="329"/>
      <c r="HW22" s="329"/>
      <c r="HX22" s="332"/>
      <c r="HY22" s="333"/>
      <c r="HZ22" s="150">
        <v>0</v>
      </c>
      <c r="IA22" s="135">
        <v>0</v>
      </c>
      <c r="IB22" s="150">
        <v>0</v>
      </c>
      <c r="IC22" s="134">
        <v>0</v>
      </c>
      <c r="ID22" s="135">
        <v>962587</v>
      </c>
      <c r="IE22" s="136">
        <v>2857019</v>
      </c>
      <c r="IF22" s="137">
        <v>2989938</v>
      </c>
      <c r="IG22" s="135">
        <v>949753</v>
      </c>
      <c r="IH22" s="137">
        <v>754850</v>
      </c>
      <c r="II22" s="138">
        <v>8514147</v>
      </c>
      <c r="IJ22" s="150">
        <v>8514147</v>
      </c>
      <c r="IK22" s="232">
        <v>0</v>
      </c>
      <c r="IL22" s="236">
        <v>0</v>
      </c>
      <c r="IM22" s="237">
        <v>0</v>
      </c>
      <c r="IN22" s="140"/>
      <c r="IO22" s="119">
        <v>0</v>
      </c>
      <c r="IP22" s="119">
        <v>104705</v>
      </c>
      <c r="IQ22" s="119">
        <v>0</v>
      </c>
      <c r="IR22" s="119">
        <v>0</v>
      </c>
      <c r="IS22" s="119">
        <v>0</v>
      </c>
      <c r="IT22" s="141">
        <v>104705</v>
      </c>
      <c r="IU22" s="320">
        <v>104705</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484084</v>
      </c>
      <c r="JL22" s="119">
        <v>625172</v>
      </c>
      <c r="JM22" s="119">
        <v>757061</v>
      </c>
      <c r="JN22" s="119">
        <v>183714</v>
      </c>
      <c r="JO22" s="119">
        <v>411377</v>
      </c>
      <c r="JP22" s="120">
        <v>2461408</v>
      </c>
      <c r="JQ22" s="320">
        <v>2461408</v>
      </c>
      <c r="JR22" s="142">
        <v>0</v>
      </c>
      <c r="JS22" s="119">
        <v>0</v>
      </c>
      <c r="JT22" s="141">
        <v>0</v>
      </c>
      <c r="JU22" s="118">
        <v>0</v>
      </c>
      <c r="JV22" s="119">
        <v>206836</v>
      </c>
      <c r="JW22" s="119">
        <v>66782</v>
      </c>
      <c r="JX22" s="119">
        <v>97841</v>
      </c>
      <c r="JY22" s="119">
        <v>0</v>
      </c>
      <c r="JZ22" s="119">
        <v>0</v>
      </c>
      <c r="KA22" s="120">
        <v>371459</v>
      </c>
      <c r="KB22" s="320">
        <v>371459</v>
      </c>
      <c r="KC22" s="234">
        <v>0</v>
      </c>
      <c r="KD22" s="230">
        <v>0</v>
      </c>
      <c r="KE22" s="120">
        <v>0</v>
      </c>
      <c r="KF22" s="118">
        <v>0</v>
      </c>
      <c r="KG22" s="119">
        <v>271667</v>
      </c>
      <c r="KH22" s="119">
        <v>324420</v>
      </c>
      <c r="KI22" s="119">
        <v>747383</v>
      </c>
      <c r="KJ22" s="119">
        <v>501410</v>
      </c>
      <c r="KK22" s="119">
        <v>0</v>
      </c>
      <c r="KL22" s="120">
        <v>1844880</v>
      </c>
      <c r="KM22" s="143">
        <v>1844880</v>
      </c>
      <c r="KN22" s="232">
        <v>0</v>
      </c>
      <c r="KO22" s="236">
        <v>0</v>
      </c>
      <c r="KP22" s="237">
        <v>0</v>
      </c>
      <c r="KQ22" s="140"/>
      <c r="KR22" s="119">
        <v>0</v>
      </c>
      <c r="KS22" s="119">
        <v>1526877</v>
      </c>
      <c r="KT22" s="119">
        <v>521484</v>
      </c>
      <c r="KU22" s="119">
        <v>264629</v>
      </c>
      <c r="KV22" s="119">
        <v>0</v>
      </c>
      <c r="KW22" s="120">
        <v>2312990</v>
      </c>
      <c r="KX22" s="320">
        <v>2312990</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756653</v>
      </c>
      <c r="LQ22" s="119">
        <v>0</v>
      </c>
      <c r="LR22" s="119">
        <v>0</v>
      </c>
      <c r="LS22" s="120">
        <v>756653</v>
      </c>
      <c r="LT22" s="320">
        <v>756653</v>
      </c>
      <c r="LU22" s="142">
        <v>0</v>
      </c>
      <c r="LV22" s="119">
        <v>0</v>
      </c>
      <c r="LW22" s="120">
        <v>0</v>
      </c>
      <c r="LX22" s="145"/>
      <c r="LY22" s="119">
        <v>0</v>
      </c>
      <c r="LZ22" s="119">
        <v>209063</v>
      </c>
      <c r="MA22" s="119">
        <v>109516</v>
      </c>
      <c r="MB22" s="119">
        <v>0</v>
      </c>
      <c r="MC22" s="119">
        <v>343473</v>
      </c>
      <c r="MD22" s="120">
        <v>662052</v>
      </c>
      <c r="ME22" s="121">
        <v>662052</v>
      </c>
      <c r="MF22" s="142">
        <v>0</v>
      </c>
      <c r="MG22" s="119">
        <v>0</v>
      </c>
      <c r="MH22" s="120">
        <v>0</v>
      </c>
      <c r="MI22" s="145"/>
      <c r="MJ22" s="119">
        <v>1285107</v>
      </c>
      <c r="MK22" s="119">
        <v>1270444</v>
      </c>
      <c r="ML22" s="119">
        <v>5052123</v>
      </c>
      <c r="MM22" s="119">
        <v>5320304</v>
      </c>
      <c r="MN22" s="119">
        <v>5660374</v>
      </c>
      <c r="MO22" s="120">
        <v>18588352</v>
      </c>
      <c r="MP22" s="143">
        <v>18588352</v>
      </c>
      <c r="MQ22" s="142">
        <v>0</v>
      </c>
      <c r="MR22" s="119">
        <v>0</v>
      </c>
      <c r="MS22" s="120">
        <v>0</v>
      </c>
      <c r="MT22" s="145"/>
      <c r="MU22" s="119">
        <v>0</v>
      </c>
      <c r="MV22" s="119">
        <v>240176</v>
      </c>
      <c r="MW22" s="119">
        <v>1731005</v>
      </c>
      <c r="MX22" s="119">
        <v>3189822</v>
      </c>
      <c r="MY22" s="119">
        <v>3129729</v>
      </c>
      <c r="MZ22" s="120">
        <v>8290732</v>
      </c>
      <c r="NA22" s="143">
        <v>8290732</v>
      </c>
      <c r="NB22" s="142">
        <v>0</v>
      </c>
      <c r="NC22" s="119">
        <v>0</v>
      </c>
      <c r="ND22" s="120">
        <v>0</v>
      </c>
      <c r="NE22" s="145"/>
      <c r="NF22" s="119">
        <v>1285107</v>
      </c>
      <c r="NG22" s="119">
        <v>1030268</v>
      </c>
      <c r="NH22" s="119">
        <v>3321118</v>
      </c>
      <c r="NI22" s="119">
        <v>2130482</v>
      </c>
      <c r="NJ22" s="119">
        <v>2394717</v>
      </c>
      <c r="NK22" s="120">
        <v>10161692</v>
      </c>
      <c r="NL22" s="320">
        <v>10161692</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135928</v>
      </c>
      <c r="OG22" s="120">
        <v>135928</v>
      </c>
      <c r="OH22" s="121">
        <v>135928</v>
      </c>
      <c r="OI22" s="142">
        <v>568691</v>
      </c>
      <c r="OJ22" s="119">
        <v>764715</v>
      </c>
      <c r="OK22" s="141">
        <v>1333406</v>
      </c>
      <c r="OL22" s="118">
        <v>0</v>
      </c>
      <c r="OM22" s="119">
        <v>6577243</v>
      </c>
      <c r="ON22" s="119">
        <v>9789979</v>
      </c>
      <c r="OO22" s="119">
        <v>12271224</v>
      </c>
      <c r="OP22" s="119">
        <v>11362260</v>
      </c>
      <c r="OQ22" s="119">
        <v>10742917</v>
      </c>
      <c r="OR22" s="120">
        <v>50743623</v>
      </c>
      <c r="OS22" s="143">
        <v>52077029</v>
      </c>
    </row>
    <row r="23" spans="2:409" ht="21" customHeight="1" x14ac:dyDescent="0.2">
      <c r="B23" s="126" t="s">
        <v>18</v>
      </c>
      <c r="C23" s="110">
        <v>441606</v>
      </c>
      <c r="D23" s="114">
        <v>837164</v>
      </c>
      <c r="E23" s="113">
        <v>1278770</v>
      </c>
      <c r="F23" s="109">
        <v>0</v>
      </c>
      <c r="G23" s="114">
        <v>6057555</v>
      </c>
      <c r="H23" s="114">
        <v>8506815</v>
      </c>
      <c r="I23" s="114">
        <v>9042907</v>
      </c>
      <c r="J23" s="114">
        <v>5333577</v>
      </c>
      <c r="K23" s="114">
        <v>3054281</v>
      </c>
      <c r="L23" s="109">
        <v>31995135</v>
      </c>
      <c r="M23" s="116">
        <v>33273905</v>
      </c>
      <c r="N23" s="110">
        <v>91631</v>
      </c>
      <c r="O23" s="114">
        <v>204510</v>
      </c>
      <c r="P23" s="113">
        <v>296141</v>
      </c>
      <c r="Q23" s="110">
        <v>0</v>
      </c>
      <c r="R23" s="114">
        <v>1701258</v>
      </c>
      <c r="S23" s="114">
        <v>2499722</v>
      </c>
      <c r="T23" s="114">
        <v>2417666</v>
      </c>
      <c r="U23" s="114">
        <v>1908949</v>
      </c>
      <c r="V23" s="114">
        <v>965060</v>
      </c>
      <c r="W23" s="113">
        <v>9492655</v>
      </c>
      <c r="X23" s="116">
        <v>9788796</v>
      </c>
      <c r="Y23" s="110">
        <v>0</v>
      </c>
      <c r="Z23" s="114">
        <v>0</v>
      </c>
      <c r="AA23" s="113">
        <v>0</v>
      </c>
      <c r="AB23" s="110">
        <v>0</v>
      </c>
      <c r="AC23" s="114">
        <v>631155</v>
      </c>
      <c r="AD23" s="114">
        <v>1102094</v>
      </c>
      <c r="AE23" s="114">
        <v>1017257</v>
      </c>
      <c r="AF23" s="114">
        <v>1066992</v>
      </c>
      <c r="AG23" s="114">
        <v>462699</v>
      </c>
      <c r="AH23" s="113">
        <v>4280197</v>
      </c>
      <c r="AI23" s="116">
        <v>4280197</v>
      </c>
      <c r="AJ23" s="110">
        <v>0</v>
      </c>
      <c r="AK23" s="114">
        <v>0</v>
      </c>
      <c r="AL23" s="113">
        <v>0</v>
      </c>
      <c r="AM23" s="110">
        <v>0</v>
      </c>
      <c r="AN23" s="114">
        <v>11845</v>
      </c>
      <c r="AO23" s="114">
        <v>0</v>
      </c>
      <c r="AP23" s="114">
        <v>140338</v>
      </c>
      <c r="AQ23" s="114">
        <v>106297</v>
      </c>
      <c r="AR23" s="114">
        <v>121035</v>
      </c>
      <c r="AS23" s="113">
        <v>379515</v>
      </c>
      <c r="AT23" s="116">
        <v>379515</v>
      </c>
      <c r="AU23" s="110">
        <v>74503</v>
      </c>
      <c r="AV23" s="114">
        <v>77382</v>
      </c>
      <c r="AW23" s="113">
        <v>151885</v>
      </c>
      <c r="AX23" s="110">
        <v>0</v>
      </c>
      <c r="AY23" s="114">
        <v>671781</v>
      </c>
      <c r="AZ23" s="114">
        <v>678175</v>
      </c>
      <c r="BA23" s="114">
        <v>747926</v>
      </c>
      <c r="BB23" s="114">
        <v>376940</v>
      </c>
      <c r="BC23" s="114">
        <v>221846</v>
      </c>
      <c r="BD23" s="113">
        <v>2696668</v>
      </c>
      <c r="BE23" s="116">
        <v>2848553</v>
      </c>
      <c r="BF23" s="110">
        <v>0</v>
      </c>
      <c r="BG23" s="114">
        <v>68464</v>
      </c>
      <c r="BH23" s="112">
        <v>68464</v>
      </c>
      <c r="BI23" s="111">
        <v>0</v>
      </c>
      <c r="BJ23" s="114">
        <v>88197</v>
      </c>
      <c r="BK23" s="114">
        <v>201797</v>
      </c>
      <c r="BL23" s="114">
        <v>82129</v>
      </c>
      <c r="BM23" s="114">
        <v>0</v>
      </c>
      <c r="BN23" s="114">
        <v>0</v>
      </c>
      <c r="BO23" s="113">
        <v>372123</v>
      </c>
      <c r="BP23" s="116">
        <v>440587</v>
      </c>
      <c r="BQ23" s="110">
        <v>17128</v>
      </c>
      <c r="BR23" s="114">
        <v>58664</v>
      </c>
      <c r="BS23" s="113">
        <v>75792</v>
      </c>
      <c r="BT23" s="110">
        <v>0</v>
      </c>
      <c r="BU23" s="114">
        <v>298280</v>
      </c>
      <c r="BV23" s="114">
        <v>517656</v>
      </c>
      <c r="BW23" s="114">
        <v>430016</v>
      </c>
      <c r="BX23" s="114">
        <v>358720</v>
      </c>
      <c r="BY23" s="114">
        <v>159480</v>
      </c>
      <c r="BZ23" s="113">
        <v>1764152</v>
      </c>
      <c r="CA23" s="116">
        <v>1839944</v>
      </c>
      <c r="CB23" s="110">
        <v>41456</v>
      </c>
      <c r="CC23" s="114">
        <v>390718</v>
      </c>
      <c r="CD23" s="113">
        <v>432174</v>
      </c>
      <c r="CE23" s="110">
        <v>0</v>
      </c>
      <c r="CF23" s="114">
        <v>2104305</v>
      </c>
      <c r="CG23" s="114">
        <v>2130690</v>
      </c>
      <c r="CH23" s="114">
        <v>2609544</v>
      </c>
      <c r="CI23" s="114">
        <v>760114</v>
      </c>
      <c r="CJ23" s="114">
        <v>403362</v>
      </c>
      <c r="CK23" s="113">
        <v>8008015</v>
      </c>
      <c r="CL23" s="116">
        <v>8440189</v>
      </c>
      <c r="CM23" s="110">
        <v>0</v>
      </c>
      <c r="CN23" s="114">
        <v>0</v>
      </c>
      <c r="CO23" s="113">
        <v>0</v>
      </c>
      <c r="CP23" s="111">
        <v>0</v>
      </c>
      <c r="CQ23" s="114">
        <v>1574705</v>
      </c>
      <c r="CR23" s="114">
        <v>1479145</v>
      </c>
      <c r="CS23" s="114">
        <v>1925903</v>
      </c>
      <c r="CT23" s="114">
        <v>683775</v>
      </c>
      <c r="CU23" s="114">
        <v>232598</v>
      </c>
      <c r="CV23" s="113">
        <v>5896126</v>
      </c>
      <c r="CW23" s="116">
        <v>5896126</v>
      </c>
      <c r="CX23" s="110">
        <v>41456</v>
      </c>
      <c r="CY23" s="114">
        <v>390718</v>
      </c>
      <c r="CZ23" s="113">
        <v>432174</v>
      </c>
      <c r="DA23" s="110">
        <v>0</v>
      </c>
      <c r="DB23" s="114">
        <v>529600</v>
      </c>
      <c r="DC23" s="114">
        <v>651545</v>
      </c>
      <c r="DD23" s="114">
        <v>683641</v>
      </c>
      <c r="DE23" s="114">
        <v>76339</v>
      </c>
      <c r="DF23" s="114">
        <v>170764</v>
      </c>
      <c r="DG23" s="113">
        <v>2111889</v>
      </c>
      <c r="DH23" s="116">
        <v>2544063</v>
      </c>
      <c r="DI23" s="110">
        <v>0</v>
      </c>
      <c r="DJ23" s="114">
        <v>0</v>
      </c>
      <c r="DK23" s="112">
        <v>0</v>
      </c>
      <c r="DL23" s="111">
        <v>0</v>
      </c>
      <c r="DM23" s="114">
        <v>369632</v>
      </c>
      <c r="DN23" s="114">
        <v>845777</v>
      </c>
      <c r="DO23" s="114">
        <v>1693310</v>
      </c>
      <c r="DP23" s="114">
        <v>397316</v>
      </c>
      <c r="DQ23" s="114">
        <v>464069</v>
      </c>
      <c r="DR23" s="113">
        <v>3770104</v>
      </c>
      <c r="DS23" s="116">
        <v>3770104</v>
      </c>
      <c r="DT23" s="110">
        <v>0</v>
      </c>
      <c r="DU23" s="114">
        <v>0</v>
      </c>
      <c r="DV23" s="113">
        <v>0</v>
      </c>
      <c r="DW23" s="110">
        <v>0</v>
      </c>
      <c r="DX23" s="114">
        <v>369632</v>
      </c>
      <c r="DY23" s="114">
        <v>845777</v>
      </c>
      <c r="DZ23" s="114">
        <v>1476854</v>
      </c>
      <c r="EA23" s="114">
        <v>397316</v>
      </c>
      <c r="EB23" s="114">
        <v>464069</v>
      </c>
      <c r="EC23" s="113">
        <v>3553648</v>
      </c>
      <c r="ED23" s="116">
        <v>3553648</v>
      </c>
      <c r="EE23" s="110">
        <v>0</v>
      </c>
      <c r="EF23" s="112">
        <v>0</v>
      </c>
      <c r="EG23" s="113">
        <v>0</v>
      </c>
      <c r="EH23" s="110">
        <v>0</v>
      </c>
      <c r="EI23" s="114">
        <v>0</v>
      </c>
      <c r="EJ23" s="114">
        <v>0</v>
      </c>
      <c r="EK23" s="114">
        <v>216456</v>
      </c>
      <c r="EL23" s="114">
        <v>0</v>
      </c>
      <c r="EM23" s="114">
        <v>0</v>
      </c>
      <c r="EN23" s="112">
        <v>216456</v>
      </c>
      <c r="EO23" s="116">
        <v>216456</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197208</v>
      </c>
      <c r="FM23" s="114">
        <v>143648</v>
      </c>
      <c r="FN23" s="113">
        <v>340856</v>
      </c>
      <c r="FO23" s="110">
        <v>0</v>
      </c>
      <c r="FP23" s="114">
        <v>281648</v>
      </c>
      <c r="FQ23" s="114">
        <v>741536</v>
      </c>
      <c r="FR23" s="114">
        <v>721144</v>
      </c>
      <c r="FS23" s="114">
        <v>428136</v>
      </c>
      <c r="FT23" s="114">
        <v>223528</v>
      </c>
      <c r="FU23" s="113">
        <v>2395992</v>
      </c>
      <c r="FV23" s="116">
        <v>2736848</v>
      </c>
      <c r="FW23" s="115">
        <v>37208</v>
      </c>
      <c r="FX23" s="114">
        <v>143648</v>
      </c>
      <c r="FY23" s="112">
        <v>180856</v>
      </c>
      <c r="FZ23" s="111">
        <v>0</v>
      </c>
      <c r="GA23" s="114">
        <v>281648</v>
      </c>
      <c r="GB23" s="114">
        <v>661544</v>
      </c>
      <c r="GC23" s="114">
        <v>605864</v>
      </c>
      <c r="GD23" s="114">
        <v>428136</v>
      </c>
      <c r="GE23" s="114">
        <v>223528</v>
      </c>
      <c r="GF23" s="113">
        <v>2200720</v>
      </c>
      <c r="GG23" s="318">
        <v>2381576</v>
      </c>
      <c r="GH23" s="115">
        <v>0</v>
      </c>
      <c r="GI23" s="114">
        <v>0</v>
      </c>
      <c r="GJ23" s="112">
        <v>0</v>
      </c>
      <c r="GK23" s="111">
        <v>0</v>
      </c>
      <c r="GL23" s="114">
        <v>0</v>
      </c>
      <c r="GM23" s="114">
        <v>0</v>
      </c>
      <c r="GN23" s="114">
        <v>70400</v>
      </c>
      <c r="GO23" s="114">
        <v>0</v>
      </c>
      <c r="GP23" s="114">
        <v>0</v>
      </c>
      <c r="GQ23" s="113">
        <v>70400</v>
      </c>
      <c r="GR23" s="116">
        <v>70400</v>
      </c>
      <c r="GS23" s="110">
        <v>160000</v>
      </c>
      <c r="GT23" s="114">
        <v>0</v>
      </c>
      <c r="GU23" s="113">
        <v>160000</v>
      </c>
      <c r="GV23" s="110">
        <v>0</v>
      </c>
      <c r="GW23" s="114">
        <v>0</v>
      </c>
      <c r="GX23" s="114">
        <v>79992</v>
      </c>
      <c r="GY23" s="114">
        <v>44880</v>
      </c>
      <c r="GZ23" s="114">
        <v>0</v>
      </c>
      <c r="HA23" s="114">
        <v>0</v>
      </c>
      <c r="HB23" s="112">
        <v>124872</v>
      </c>
      <c r="HC23" s="116">
        <v>284872</v>
      </c>
      <c r="HD23" s="110">
        <v>111311</v>
      </c>
      <c r="HE23" s="114">
        <v>98288</v>
      </c>
      <c r="HF23" s="112">
        <v>209599</v>
      </c>
      <c r="HG23" s="111">
        <v>0</v>
      </c>
      <c r="HH23" s="114">
        <v>1600712</v>
      </c>
      <c r="HI23" s="114">
        <v>2289090</v>
      </c>
      <c r="HJ23" s="114">
        <v>1601243</v>
      </c>
      <c r="HK23" s="114">
        <v>1839062</v>
      </c>
      <c r="HL23" s="114">
        <v>998262</v>
      </c>
      <c r="HM23" s="113">
        <v>8328369</v>
      </c>
      <c r="HN23" s="109">
        <v>8537968</v>
      </c>
      <c r="HO23" s="328"/>
      <c r="HP23" s="329"/>
      <c r="HQ23" s="330"/>
      <c r="HR23" s="331"/>
      <c r="HS23" s="329"/>
      <c r="HT23" s="329"/>
      <c r="HU23" s="329"/>
      <c r="HV23" s="329"/>
      <c r="HW23" s="329"/>
      <c r="HX23" s="332"/>
      <c r="HY23" s="333"/>
      <c r="HZ23" s="131">
        <v>91386</v>
      </c>
      <c r="IA23" s="132">
        <v>0</v>
      </c>
      <c r="IB23" s="133">
        <v>91386</v>
      </c>
      <c r="IC23" s="146">
        <v>0</v>
      </c>
      <c r="ID23" s="132">
        <v>1602440</v>
      </c>
      <c r="IE23" s="147">
        <v>2856148</v>
      </c>
      <c r="IF23" s="133">
        <v>2317148</v>
      </c>
      <c r="IG23" s="132">
        <v>1382892</v>
      </c>
      <c r="IH23" s="133">
        <v>967844</v>
      </c>
      <c r="II23" s="148">
        <v>9126472</v>
      </c>
      <c r="IJ23" s="139">
        <v>9217858</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532326</v>
      </c>
      <c r="JL23" s="119">
        <v>662511</v>
      </c>
      <c r="JM23" s="119">
        <v>76475</v>
      </c>
      <c r="JN23" s="119">
        <v>148094</v>
      </c>
      <c r="JO23" s="119">
        <v>0</v>
      </c>
      <c r="JP23" s="120">
        <v>1419406</v>
      </c>
      <c r="JQ23" s="320">
        <v>1419406</v>
      </c>
      <c r="JR23" s="142">
        <v>0</v>
      </c>
      <c r="JS23" s="119">
        <v>0</v>
      </c>
      <c r="JT23" s="141">
        <v>0</v>
      </c>
      <c r="JU23" s="118">
        <v>0</v>
      </c>
      <c r="JV23" s="119">
        <v>160914</v>
      </c>
      <c r="JW23" s="119">
        <v>0</v>
      </c>
      <c r="JX23" s="119">
        <v>600647</v>
      </c>
      <c r="JY23" s="119">
        <v>24298</v>
      </c>
      <c r="JZ23" s="119">
        <v>51914</v>
      </c>
      <c r="KA23" s="120">
        <v>837773</v>
      </c>
      <c r="KB23" s="320">
        <v>837773</v>
      </c>
      <c r="KC23" s="234">
        <v>91386</v>
      </c>
      <c r="KD23" s="230">
        <v>0</v>
      </c>
      <c r="KE23" s="120">
        <v>91386</v>
      </c>
      <c r="KF23" s="118">
        <v>0</v>
      </c>
      <c r="KG23" s="119">
        <v>669837</v>
      </c>
      <c r="KH23" s="119">
        <v>709057</v>
      </c>
      <c r="KI23" s="119">
        <v>695133</v>
      </c>
      <c r="KJ23" s="119">
        <v>511411</v>
      </c>
      <c r="KK23" s="119">
        <v>0</v>
      </c>
      <c r="KL23" s="120">
        <v>2585438</v>
      </c>
      <c r="KM23" s="143">
        <v>2676824</v>
      </c>
      <c r="KN23" s="232">
        <v>0</v>
      </c>
      <c r="KO23" s="236">
        <v>0</v>
      </c>
      <c r="KP23" s="237">
        <v>0</v>
      </c>
      <c r="KQ23" s="140"/>
      <c r="KR23" s="119">
        <v>239363</v>
      </c>
      <c r="KS23" s="119">
        <v>1484580</v>
      </c>
      <c r="KT23" s="119">
        <v>944893</v>
      </c>
      <c r="KU23" s="119">
        <v>607744</v>
      </c>
      <c r="KV23" s="119">
        <v>562742</v>
      </c>
      <c r="KW23" s="120">
        <v>3839322</v>
      </c>
      <c r="KX23" s="320">
        <v>3839322</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0</v>
      </c>
      <c r="LZ23" s="119">
        <v>0</v>
      </c>
      <c r="MA23" s="119">
        <v>0</v>
      </c>
      <c r="MB23" s="119">
        <v>91345</v>
      </c>
      <c r="MC23" s="119">
        <v>353188</v>
      </c>
      <c r="MD23" s="120">
        <v>444533</v>
      </c>
      <c r="ME23" s="121">
        <v>444533</v>
      </c>
      <c r="MF23" s="142">
        <v>0</v>
      </c>
      <c r="MG23" s="119">
        <v>0</v>
      </c>
      <c r="MH23" s="120">
        <v>0</v>
      </c>
      <c r="MI23" s="145"/>
      <c r="MJ23" s="119">
        <v>678404</v>
      </c>
      <c r="MK23" s="119">
        <v>544293</v>
      </c>
      <c r="ML23" s="119">
        <v>3045724</v>
      </c>
      <c r="MM23" s="119">
        <v>6369098</v>
      </c>
      <c r="MN23" s="119">
        <v>3059816</v>
      </c>
      <c r="MO23" s="120">
        <v>13697335</v>
      </c>
      <c r="MP23" s="143">
        <v>13697335</v>
      </c>
      <c r="MQ23" s="142">
        <v>0</v>
      </c>
      <c r="MR23" s="119">
        <v>0</v>
      </c>
      <c r="MS23" s="120">
        <v>0</v>
      </c>
      <c r="MT23" s="145"/>
      <c r="MU23" s="119">
        <v>0</v>
      </c>
      <c r="MV23" s="119">
        <v>198724</v>
      </c>
      <c r="MW23" s="119">
        <v>1211178</v>
      </c>
      <c r="MX23" s="119">
        <v>5564701</v>
      </c>
      <c r="MY23" s="119">
        <v>1503007</v>
      </c>
      <c r="MZ23" s="120">
        <v>8477610</v>
      </c>
      <c r="NA23" s="143">
        <v>8477610</v>
      </c>
      <c r="NB23" s="142">
        <v>0</v>
      </c>
      <c r="NC23" s="119">
        <v>0</v>
      </c>
      <c r="ND23" s="120">
        <v>0</v>
      </c>
      <c r="NE23" s="145"/>
      <c r="NF23" s="119">
        <v>678404</v>
      </c>
      <c r="NG23" s="119">
        <v>345569</v>
      </c>
      <c r="NH23" s="119">
        <v>1834546</v>
      </c>
      <c r="NI23" s="119">
        <v>804397</v>
      </c>
      <c r="NJ23" s="119">
        <v>1556809</v>
      </c>
      <c r="NK23" s="120">
        <v>5219725</v>
      </c>
      <c r="NL23" s="320">
        <v>5219725</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532992</v>
      </c>
      <c r="OJ23" s="119">
        <v>837164</v>
      </c>
      <c r="OK23" s="141">
        <v>1370156</v>
      </c>
      <c r="OL23" s="118">
        <v>0</v>
      </c>
      <c r="OM23" s="119">
        <v>8338399</v>
      </c>
      <c r="ON23" s="119">
        <v>11907256</v>
      </c>
      <c r="OO23" s="119">
        <v>14405779</v>
      </c>
      <c r="OP23" s="119">
        <v>13085567</v>
      </c>
      <c r="OQ23" s="119">
        <v>7081941</v>
      </c>
      <c r="OR23" s="120">
        <v>54818942</v>
      </c>
      <c r="OS23" s="143">
        <v>56189098</v>
      </c>
    </row>
    <row r="24" spans="2:409" ht="21" customHeight="1" x14ac:dyDescent="0.2">
      <c r="B24" s="126" t="s">
        <v>19</v>
      </c>
      <c r="C24" s="110">
        <v>217651</v>
      </c>
      <c r="D24" s="114">
        <v>425443</v>
      </c>
      <c r="E24" s="113">
        <v>643094</v>
      </c>
      <c r="F24" s="109">
        <v>0</v>
      </c>
      <c r="G24" s="114">
        <v>3328358</v>
      </c>
      <c r="H24" s="114">
        <v>3709751</v>
      </c>
      <c r="I24" s="114">
        <v>2592722</v>
      </c>
      <c r="J24" s="114">
        <v>1989670</v>
      </c>
      <c r="K24" s="114">
        <v>1163906</v>
      </c>
      <c r="L24" s="109">
        <v>12784407</v>
      </c>
      <c r="M24" s="116">
        <v>13427501</v>
      </c>
      <c r="N24" s="110">
        <v>77487</v>
      </c>
      <c r="O24" s="114">
        <v>49026</v>
      </c>
      <c r="P24" s="113">
        <v>126513</v>
      </c>
      <c r="Q24" s="110">
        <v>0</v>
      </c>
      <c r="R24" s="114">
        <v>815802</v>
      </c>
      <c r="S24" s="114">
        <v>1119291</v>
      </c>
      <c r="T24" s="114">
        <v>835177</v>
      </c>
      <c r="U24" s="114">
        <v>906797</v>
      </c>
      <c r="V24" s="114">
        <v>786821</v>
      </c>
      <c r="W24" s="113">
        <v>4463888</v>
      </c>
      <c r="X24" s="116">
        <v>4590401</v>
      </c>
      <c r="Y24" s="110">
        <v>0</v>
      </c>
      <c r="Z24" s="114">
        <v>0</v>
      </c>
      <c r="AA24" s="113">
        <v>0</v>
      </c>
      <c r="AB24" s="110">
        <v>0</v>
      </c>
      <c r="AC24" s="114">
        <v>179581</v>
      </c>
      <c r="AD24" s="114">
        <v>334885</v>
      </c>
      <c r="AE24" s="114">
        <v>128369</v>
      </c>
      <c r="AF24" s="114">
        <v>428644</v>
      </c>
      <c r="AG24" s="114">
        <v>357987</v>
      </c>
      <c r="AH24" s="113">
        <v>1429466</v>
      </c>
      <c r="AI24" s="116">
        <v>1429466</v>
      </c>
      <c r="AJ24" s="110">
        <v>0</v>
      </c>
      <c r="AK24" s="114">
        <v>0</v>
      </c>
      <c r="AL24" s="113">
        <v>0</v>
      </c>
      <c r="AM24" s="110">
        <v>0</v>
      </c>
      <c r="AN24" s="114">
        <v>0</v>
      </c>
      <c r="AO24" s="114">
        <v>0</v>
      </c>
      <c r="AP24" s="114">
        <v>143530</v>
      </c>
      <c r="AQ24" s="114">
        <v>11680</v>
      </c>
      <c r="AR24" s="114">
        <v>94424</v>
      </c>
      <c r="AS24" s="113">
        <v>249634</v>
      </c>
      <c r="AT24" s="116">
        <v>249634</v>
      </c>
      <c r="AU24" s="110">
        <v>32559</v>
      </c>
      <c r="AV24" s="114">
        <v>35282</v>
      </c>
      <c r="AW24" s="113">
        <v>67841</v>
      </c>
      <c r="AX24" s="110">
        <v>0</v>
      </c>
      <c r="AY24" s="114">
        <v>396775</v>
      </c>
      <c r="AZ24" s="114">
        <v>441706</v>
      </c>
      <c r="BA24" s="114">
        <v>377135</v>
      </c>
      <c r="BB24" s="114">
        <v>309071</v>
      </c>
      <c r="BC24" s="114">
        <v>257330</v>
      </c>
      <c r="BD24" s="113">
        <v>1782017</v>
      </c>
      <c r="BE24" s="116">
        <v>1849858</v>
      </c>
      <c r="BF24" s="110">
        <v>0</v>
      </c>
      <c r="BG24" s="114">
        <v>0</v>
      </c>
      <c r="BH24" s="112">
        <v>0</v>
      </c>
      <c r="BI24" s="111">
        <v>0</v>
      </c>
      <c r="BJ24" s="114">
        <v>25294</v>
      </c>
      <c r="BK24" s="114">
        <v>110228</v>
      </c>
      <c r="BL24" s="114">
        <v>43415</v>
      </c>
      <c r="BM24" s="114">
        <v>20706</v>
      </c>
      <c r="BN24" s="114">
        <v>0</v>
      </c>
      <c r="BO24" s="113">
        <v>199643</v>
      </c>
      <c r="BP24" s="116">
        <v>199643</v>
      </c>
      <c r="BQ24" s="110">
        <v>44928</v>
      </c>
      <c r="BR24" s="114">
        <v>13744</v>
      </c>
      <c r="BS24" s="113">
        <v>58672</v>
      </c>
      <c r="BT24" s="110">
        <v>0</v>
      </c>
      <c r="BU24" s="114">
        <v>214152</v>
      </c>
      <c r="BV24" s="114">
        <v>232472</v>
      </c>
      <c r="BW24" s="114">
        <v>142728</v>
      </c>
      <c r="BX24" s="114">
        <v>136696</v>
      </c>
      <c r="BY24" s="114">
        <v>77080</v>
      </c>
      <c r="BZ24" s="113">
        <v>803128</v>
      </c>
      <c r="CA24" s="116">
        <v>861800</v>
      </c>
      <c r="CB24" s="110">
        <v>42089</v>
      </c>
      <c r="CC24" s="114">
        <v>78328</v>
      </c>
      <c r="CD24" s="113">
        <v>120417</v>
      </c>
      <c r="CE24" s="110">
        <v>0</v>
      </c>
      <c r="CF24" s="114">
        <v>1140878</v>
      </c>
      <c r="CG24" s="114">
        <v>1201567</v>
      </c>
      <c r="CH24" s="114">
        <v>617119</v>
      </c>
      <c r="CI24" s="114">
        <v>427842</v>
      </c>
      <c r="CJ24" s="114">
        <v>119070</v>
      </c>
      <c r="CK24" s="113">
        <v>3506476</v>
      </c>
      <c r="CL24" s="116">
        <v>3626893</v>
      </c>
      <c r="CM24" s="110">
        <v>0</v>
      </c>
      <c r="CN24" s="114">
        <v>0</v>
      </c>
      <c r="CO24" s="113">
        <v>0</v>
      </c>
      <c r="CP24" s="111">
        <v>0</v>
      </c>
      <c r="CQ24" s="114">
        <v>757773</v>
      </c>
      <c r="CR24" s="114">
        <v>853212</v>
      </c>
      <c r="CS24" s="114">
        <v>455075</v>
      </c>
      <c r="CT24" s="114">
        <v>132935</v>
      </c>
      <c r="CU24" s="114">
        <v>119070</v>
      </c>
      <c r="CV24" s="113">
        <v>2318065</v>
      </c>
      <c r="CW24" s="116">
        <v>2318065</v>
      </c>
      <c r="CX24" s="110">
        <v>42089</v>
      </c>
      <c r="CY24" s="114">
        <v>78328</v>
      </c>
      <c r="CZ24" s="113">
        <v>120417</v>
      </c>
      <c r="DA24" s="110">
        <v>0</v>
      </c>
      <c r="DB24" s="114">
        <v>383105</v>
      </c>
      <c r="DC24" s="114">
        <v>348355</v>
      </c>
      <c r="DD24" s="114">
        <v>162044</v>
      </c>
      <c r="DE24" s="114">
        <v>294907</v>
      </c>
      <c r="DF24" s="114">
        <v>0</v>
      </c>
      <c r="DG24" s="113">
        <v>1188411</v>
      </c>
      <c r="DH24" s="116">
        <v>1308828</v>
      </c>
      <c r="DI24" s="110">
        <v>0</v>
      </c>
      <c r="DJ24" s="114">
        <v>0</v>
      </c>
      <c r="DK24" s="112">
        <v>0</v>
      </c>
      <c r="DL24" s="111">
        <v>0</v>
      </c>
      <c r="DM24" s="114">
        <v>0</v>
      </c>
      <c r="DN24" s="114">
        <v>0</v>
      </c>
      <c r="DO24" s="114">
        <v>151635</v>
      </c>
      <c r="DP24" s="114">
        <v>0</v>
      </c>
      <c r="DQ24" s="114">
        <v>103887</v>
      </c>
      <c r="DR24" s="113">
        <v>255522</v>
      </c>
      <c r="DS24" s="116">
        <v>255522</v>
      </c>
      <c r="DT24" s="110">
        <v>0</v>
      </c>
      <c r="DU24" s="114">
        <v>0</v>
      </c>
      <c r="DV24" s="113">
        <v>0</v>
      </c>
      <c r="DW24" s="110">
        <v>0</v>
      </c>
      <c r="DX24" s="114">
        <v>0</v>
      </c>
      <c r="DY24" s="114">
        <v>0</v>
      </c>
      <c r="DZ24" s="114">
        <v>93977</v>
      </c>
      <c r="EA24" s="114">
        <v>0</v>
      </c>
      <c r="EB24" s="114">
        <v>103887</v>
      </c>
      <c r="EC24" s="113">
        <v>197864</v>
      </c>
      <c r="ED24" s="116">
        <v>197864</v>
      </c>
      <c r="EE24" s="110">
        <v>0</v>
      </c>
      <c r="EF24" s="112">
        <v>0</v>
      </c>
      <c r="EG24" s="113">
        <v>0</v>
      </c>
      <c r="EH24" s="110">
        <v>0</v>
      </c>
      <c r="EI24" s="114">
        <v>0</v>
      </c>
      <c r="EJ24" s="114">
        <v>0</v>
      </c>
      <c r="EK24" s="114">
        <v>57658</v>
      </c>
      <c r="EL24" s="114">
        <v>0</v>
      </c>
      <c r="EM24" s="114">
        <v>0</v>
      </c>
      <c r="EN24" s="112">
        <v>57658</v>
      </c>
      <c r="EO24" s="116">
        <v>57658</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22240</v>
      </c>
      <c r="FM24" s="114">
        <v>110943</v>
      </c>
      <c r="FN24" s="113">
        <v>133183</v>
      </c>
      <c r="FO24" s="110">
        <v>0</v>
      </c>
      <c r="FP24" s="114">
        <v>263080</v>
      </c>
      <c r="FQ24" s="114">
        <v>324280</v>
      </c>
      <c r="FR24" s="114">
        <v>190648</v>
      </c>
      <c r="FS24" s="114">
        <v>216040</v>
      </c>
      <c r="FT24" s="114">
        <v>154128</v>
      </c>
      <c r="FU24" s="113">
        <v>1148176</v>
      </c>
      <c r="FV24" s="116">
        <v>1281359</v>
      </c>
      <c r="FW24" s="115">
        <v>22240</v>
      </c>
      <c r="FX24" s="114">
        <v>41520</v>
      </c>
      <c r="FY24" s="112">
        <v>63760</v>
      </c>
      <c r="FZ24" s="111">
        <v>0</v>
      </c>
      <c r="GA24" s="114">
        <v>241960</v>
      </c>
      <c r="GB24" s="114">
        <v>324280</v>
      </c>
      <c r="GC24" s="114">
        <v>190648</v>
      </c>
      <c r="GD24" s="114">
        <v>216040</v>
      </c>
      <c r="GE24" s="114">
        <v>154128</v>
      </c>
      <c r="GF24" s="113">
        <v>1127056</v>
      </c>
      <c r="GG24" s="318">
        <v>1190816</v>
      </c>
      <c r="GH24" s="115">
        <v>0</v>
      </c>
      <c r="GI24" s="114">
        <v>40480</v>
      </c>
      <c r="GJ24" s="112">
        <v>40480</v>
      </c>
      <c r="GK24" s="111">
        <v>0</v>
      </c>
      <c r="GL24" s="114">
        <v>21120</v>
      </c>
      <c r="GM24" s="114">
        <v>0</v>
      </c>
      <c r="GN24" s="114">
        <v>0</v>
      </c>
      <c r="GO24" s="114">
        <v>0</v>
      </c>
      <c r="GP24" s="114">
        <v>0</v>
      </c>
      <c r="GQ24" s="113">
        <v>21120</v>
      </c>
      <c r="GR24" s="116">
        <v>61600</v>
      </c>
      <c r="GS24" s="110">
        <v>0</v>
      </c>
      <c r="GT24" s="114">
        <v>28943</v>
      </c>
      <c r="GU24" s="113">
        <v>28943</v>
      </c>
      <c r="GV24" s="110">
        <v>0</v>
      </c>
      <c r="GW24" s="114">
        <v>0</v>
      </c>
      <c r="GX24" s="114">
        <v>0</v>
      </c>
      <c r="GY24" s="114">
        <v>0</v>
      </c>
      <c r="GZ24" s="114">
        <v>0</v>
      </c>
      <c r="HA24" s="114">
        <v>0</v>
      </c>
      <c r="HB24" s="112">
        <v>0</v>
      </c>
      <c r="HC24" s="116">
        <v>28943</v>
      </c>
      <c r="HD24" s="110">
        <v>75835</v>
      </c>
      <c r="HE24" s="114">
        <v>187146</v>
      </c>
      <c r="HF24" s="112">
        <v>262981</v>
      </c>
      <c r="HG24" s="111">
        <v>0</v>
      </c>
      <c r="HH24" s="114">
        <v>1108598</v>
      </c>
      <c r="HI24" s="114">
        <v>1064613</v>
      </c>
      <c r="HJ24" s="114">
        <v>798143</v>
      </c>
      <c r="HK24" s="114">
        <v>438991</v>
      </c>
      <c r="HL24" s="114">
        <v>0</v>
      </c>
      <c r="HM24" s="113">
        <v>3410345</v>
      </c>
      <c r="HN24" s="109">
        <v>3673326</v>
      </c>
      <c r="HO24" s="328"/>
      <c r="HP24" s="329"/>
      <c r="HQ24" s="330"/>
      <c r="HR24" s="331"/>
      <c r="HS24" s="329"/>
      <c r="HT24" s="329"/>
      <c r="HU24" s="329"/>
      <c r="HV24" s="329"/>
      <c r="HW24" s="329"/>
      <c r="HX24" s="332"/>
      <c r="HY24" s="333"/>
      <c r="HZ24" s="150">
        <v>0</v>
      </c>
      <c r="IA24" s="135">
        <v>41245</v>
      </c>
      <c r="IB24" s="150">
        <v>41245</v>
      </c>
      <c r="IC24" s="134">
        <v>0</v>
      </c>
      <c r="ID24" s="135">
        <v>774621</v>
      </c>
      <c r="IE24" s="136">
        <v>1731127</v>
      </c>
      <c r="IF24" s="137">
        <v>421323</v>
      </c>
      <c r="IG24" s="135">
        <v>933081</v>
      </c>
      <c r="IH24" s="137">
        <v>774877</v>
      </c>
      <c r="II24" s="138">
        <v>4635029</v>
      </c>
      <c r="IJ24" s="150">
        <v>4676274</v>
      </c>
      <c r="IK24" s="232">
        <v>0</v>
      </c>
      <c r="IL24" s="236">
        <v>0</v>
      </c>
      <c r="IM24" s="237">
        <v>0</v>
      </c>
      <c r="IN24" s="140"/>
      <c r="IO24" s="119">
        <v>56744</v>
      </c>
      <c r="IP24" s="119">
        <v>112606</v>
      </c>
      <c r="IQ24" s="119">
        <v>0</v>
      </c>
      <c r="IR24" s="119">
        <v>0</v>
      </c>
      <c r="IS24" s="119">
        <v>237711</v>
      </c>
      <c r="IT24" s="141">
        <v>407061</v>
      </c>
      <c r="IU24" s="320">
        <v>407061</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42516</v>
      </c>
      <c r="JL24" s="119">
        <v>324310</v>
      </c>
      <c r="JM24" s="119">
        <v>0</v>
      </c>
      <c r="JN24" s="119">
        <v>79670</v>
      </c>
      <c r="JO24" s="119">
        <v>32177</v>
      </c>
      <c r="JP24" s="120">
        <v>478673</v>
      </c>
      <c r="JQ24" s="320">
        <v>478673</v>
      </c>
      <c r="JR24" s="142">
        <v>0</v>
      </c>
      <c r="JS24" s="119">
        <v>0</v>
      </c>
      <c r="JT24" s="141">
        <v>0</v>
      </c>
      <c r="JU24" s="118">
        <v>0</v>
      </c>
      <c r="JV24" s="119">
        <v>50108</v>
      </c>
      <c r="JW24" s="119">
        <v>276905</v>
      </c>
      <c r="JX24" s="119">
        <v>0</v>
      </c>
      <c r="JY24" s="119">
        <v>0</v>
      </c>
      <c r="JZ24" s="119">
        <v>0</v>
      </c>
      <c r="KA24" s="120">
        <v>327013</v>
      </c>
      <c r="KB24" s="320">
        <v>327013</v>
      </c>
      <c r="KC24" s="234">
        <v>0</v>
      </c>
      <c r="KD24" s="230">
        <v>41245</v>
      </c>
      <c r="KE24" s="120">
        <v>41245</v>
      </c>
      <c r="KF24" s="118">
        <v>0</v>
      </c>
      <c r="KG24" s="119">
        <v>379394</v>
      </c>
      <c r="KH24" s="119">
        <v>502702</v>
      </c>
      <c r="KI24" s="119">
        <v>421323</v>
      </c>
      <c r="KJ24" s="119">
        <v>0</v>
      </c>
      <c r="KK24" s="119">
        <v>146324</v>
      </c>
      <c r="KL24" s="120">
        <v>1449743</v>
      </c>
      <c r="KM24" s="143">
        <v>1490988</v>
      </c>
      <c r="KN24" s="232">
        <v>0</v>
      </c>
      <c r="KO24" s="236">
        <v>0</v>
      </c>
      <c r="KP24" s="237">
        <v>0</v>
      </c>
      <c r="KQ24" s="140"/>
      <c r="KR24" s="119">
        <v>245859</v>
      </c>
      <c r="KS24" s="119">
        <v>496130</v>
      </c>
      <c r="KT24" s="119">
        <v>0</v>
      </c>
      <c r="KU24" s="119">
        <v>249344</v>
      </c>
      <c r="KV24" s="119">
        <v>0</v>
      </c>
      <c r="KW24" s="120">
        <v>991333</v>
      </c>
      <c r="KX24" s="320">
        <v>991333</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18474</v>
      </c>
      <c r="MA24" s="119">
        <v>0</v>
      </c>
      <c r="MB24" s="119">
        <v>604067</v>
      </c>
      <c r="MC24" s="119">
        <v>358665</v>
      </c>
      <c r="MD24" s="120">
        <v>981206</v>
      </c>
      <c r="ME24" s="121">
        <v>981206</v>
      </c>
      <c r="MF24" s="142">
        <v>0</v>
      </c>
      <c r="MG24" s="119">
        <v>0</v>
      </c>
      <c r="MH24" s="120">
        <v>0</v>
      </c>
      <c r="MI24" s="145"/>
      <c r="MJ24" s="119">
        <v>0</v>
      </c>
      <c r="MK24" s="119">
        <v>522799</v>
      </c>
      <c r="ML24" s="119">
        <v>2240643</v>
      </c>
      <c r="MM24" s="119">
        <v>1586363</v>
      </c>
      <c r="MN24" s="119">
        <v>2058629</v>
      </c>
      <c r="MO24" s="120">
        <v>6408434</v>
      </c>
      <c r="MP24" s="143">
        <v>6408434</v>
      </c>
      <c r="MQ24" s="142">
        <v>0</v>
      </c>
      <c r="MR24" s="119">
        <v>0</v>
      </c>
      <c r="MS24" s="120">
        <v>0</v>
      </c>
      <c r="MT24" s="145"/>
      <c r="MU24" s="119">
        <v>0</v>
      </c>
      <c r="MV24" s="119">
        <v>0</v>
      </c>
      <c r="MW24" s="119">
        <v>970660</v>
      </c>
      <c r="MX24" s="119">
        <v>1067092</v>
      </c>
      <c r="MY24" s="119">
        <v>1718963</v>
      </c>
      <c r="MZ24" s="120">
        <v>3756715</v>
      </c>
      <c r="NA24" s="143">
        <v>3756715</v>
      </c>
      <c r="NB24" s="142">
        <v>0</v>
      </c>
      <c r="NC24" s="119">
        <v>0</v>
      </c>
      <c r="ND24" s="120">
        <v>0</v>
      </c>
      <c r="NE24" s="145"/>
      <c r="NF24" s="119">
        <v>0</v>
      </c>
      <c r="NG24" s="119">
        <v>522799</v>
      </c>
      <c r="NH24" s="119">
        <v>1269983</v>
      </c>
      <c r="NI24" s="119">
        <v>519271</v>
      </c>
      <c r="NJ24" s="119">
        <v>339666</v>
      </c>
      <c r="NK24" s="120">
        <v>2651719</v>
      </c>
      <c r="NL24" s="320">
        <v>2651719</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217651</v>
      </c>
      <c r="OJ24" s="119">
        <v>466688</v>
      </c>
      <c r="OK24" s="141">
        <v>684339</v>
      </c>
      <c r="OL24" s="118">
        <v>0</v>
      </c>
      <c r="OM24" s="119">
        <v>4102979</v>
      </c>
      <c r="ON24" s="119">
        <v>5963677</v>
      </c>
      <c r="OO24" s="119">
        <v>5254688</v>
      </c>
      <c r="OP24" s="119">
        <v>4509114</v>
      </c>
      <c r="OQ24" s="119">
        <v>3997412</v>
      </c>
      <c r="OR24" s="120">
        <v>23827870</v>
      </c>
      <c r="OS24" s="143">
        <v>24512209</v>
      </c>
    </row>
    <row r="25" spans="2:409" ht="21" customHeight="1" x14ac:dyDescent="0.2">
      <c r="B25" s="126" t="s">
        <v>20</v>
      </c>
      <c r="C25" s="110">
        <v>308787</v>
      </c>
      <c r="D25" s="114">
        <v>854020</v>
      </c>
      <c r="E25" s="113">
        <v>1162807</v>
      </c>
      <c r="F25" s="110">
        <v>0</v>
      </c>
      <c r="G25" s="114">
        <v>4791782</v>
      </c>
      <c r="H25" s="114">
        <v>5374610</v>
      </c>
      <c r="I25" s="114">
        <v>5569938</v>
      </c>
      <c r="J25" s="114">
        <v>4158111</v>
      </c>
      <c r="K25" s="114">
        <v>2644472</v>
      </c>
      <c r="L25" s="173">
        <v>22538913</v>
      </c>
      <c r="M25" s="116">
        <v>23701720</v>
      </c>
      <c r="N25" s="110">
        <v>80487</v>
      </c>
      <c r="O25" s="114">
        <v>143275</v>
      </c>
      <c r="P25" s="113">
        <v>223762</v>
      </c>
      <c r="Q25" s="110">
        <v>0</v>
      </c>
      <c r="R25" s="114">
        <v>1889208</v>
      </c>
      <c r="S25" s="114">
        <v>2146766</v>
      </c>
      <c r="T25" s="114">
        <v>1696900</v>
      </c>
      <c r="U25" s="114">
        <v>1112188</v>
      </c>
      <c r="V25" s="114">
        <v>990102</v>
      </c>
      <c r="W25" s="113">
        <v>7835164</v>
      </c>
      <c r="X25" s="116">
        <v>8058926</v>
      </c>
      <c r="Y25" s="110">
        <v>0</v>
      </c>
      <c r="Z25" s="114">
        <v>0</v>
      </c>
      <c r="AA25" s="113">
        <v>0</v>
      </c>
      <c r="AB25" s="110">
        <v>0</v>
      </c>
      <c r="AC25" s="114">
        <v>578233</v>
      </c>
      <c r="AD25" s="114">
        <v>775552</v>
      </c>
      <c r="AE25" s="114">
        <v>1055825</v>
      </c>
      <c r="AF25" s="114">
        <v>534206</v>
      </c>
      <c r="AG25" s="114">
        <v>567014</v>
      </c>
      <c r="AH25" s="113">
        <v>3510830</v>
      </c>
      <c r="AI25" s="116">
        <v>3510830</v>
      </c>
      <c r="AJ25" s="110">
        <v>0</v>
      </c>
      <c r="AK25" s="114">
        <v>0</v>
      </c>
      <c r="AL25" s="113">
        <v>0</v>
      </c>
      <c r="AM25" s="110">
        <v>0</v>
      </c>
      <c r="AN25" s="114">
        <v>0</v>
      </c>
      <c r="AO25" s="114">
        <v>0</v>
      </c>
      <c r="AP25" s="114">
        <v>0</v>
      </c>
      <c r="AQ25" s="114">
        <v>84209</v>
      </c>
      <c r="AR25" s="114">
        <v>71065</v>
      </c>
      <c r="AS25" s="113">
        <v>155274</v>
      </c>
      <c r="AT25" s="116">
        <v>155274</v>
      </c>
      <c r="AU25" s="110">
        <v>34854</v>
      </c>
      <c r="AV25" s="114">
        <v>46241</v>
      </c>
      <c r="AW25" s="113">
        <v>81095</v>
      </c>
      <c r="AX25" s="110">
        <v>0</v>
      </c>
      <c r="AY25" s="114">
        <v>877807</v>
      </c>
      <c r="AZ25" s="114">
        <v>925652</v>
      </c>
      <c r="BA25" s="114">
        <v>225598</v>
      </c>
      <c r="BB25" s="114">
        <v>204807</v>
      </c>
      <c r="BC25" s="114">
        <v>201295</v>
      </c>
      <c r="BD25" s="113">
        <v>2435159</v>
      </c>
      <c r="BE25" s="116">
        <v>2516254</v>
      </c>
      <c r="BF25" s="110">
        <v>21353</v>
      </c>
      <c r="BG25" s="114">
        <v>58602</v>
      </c>
      <c r="BH25" s="112">
        <v>79955</v>
      </c>
      <c r="BI25" s="111">
        <v>0</v>
      </c>
      <c r="BJ25" s="114">
        <v>164608</v>
      </c>
      <c r="BK25" s="114">
        <v>201050</v>
      </c>
      <c r="BL25" s="114">
        <v>96445</v>
      </c>
      <c r="BM25" s="114">
        <v>53998</v>
      </c>
      <c r="BN25" s="114">
        <v>0</v>
      </c>
      <c r="BO25" s="113">
        <v>516101</v>
      </c>
      <c r="BP25" s="116">
        <v>596056</v>
      </c>
      <c r="BQ25" s="110">
        <v>24280</v>
      </c>
      <c r="BR25" s="114">
        <v>38432</v>
      </c>
      <c r="BS25" s="113">
        <v>62712</v>
      </c>
      <c r="BT25" s="110">
        <v>0</v>
      </c>
      <c r="BU25" s="114">
        <v>268560</v>
      </c>
      <c r="BV25" s="114">
        <v>244512</v>
      </c>
      <c r="BW25" s="114">
        <v>319032</v>
      </c>
      <c r="BX25" s="114">
        <v>234968</v>
      </c>
      <c r="BY25" s="114">
        <v>150728</v>
      </c>
      <c r="BZ25" s="113">
        <v>1217800</v>
      </c>
      <c r="CA25" s="116">
        <v>1280512</v>
      </c>
      <c r="CB25" s="110">
        <v>39645</v>
      </c>
      <c r="CC25" s="114">
        <v>40780</v>
      </c>
      <c r="CD25" s="113">
        <v>80425</v>
      </c>
      <c r="CE25" s="110">
        <v>0</v>
      </c>
      <c r="CF25" s="114">
        <v>1368605</v>
      </c>
      <c r="CG25" s="114">
        <v>1404033</v>
      </c>
      <c r="CH25" s="114">
        <v>1719136</v>
      </c>
      <c r="CI25" s="114">
        <v>619444</v>
      </c>
      <c r="CJ25" s="114">
        <v>25317</v>
      </c>
      <c r="CK25" s="113">
        <v>5136535</v>
      </c>
      <c r="CL25" s="116">
        <v>5216960</v>
      </c>
      <c r="CM25" s="110">
        <v>0</v>
      </c>
      <c r="CN25" s="114">
        <v>0</v>
      </c>
      <c r="CO25" s="113">
        <v>0</v>
      </c>
      <c r="CP25" s="111">
        <v>0</v>
      </c>
      <c r="CQ25" s="114">
        <v>828133</v>
      </c>
      <c r="CR25" s="114">
        <v>936007</v>
      </c>
      <c r="CS25" s="114">
        <v>1233609</v>
      </c>
      <c r="CT25" s="114">
        <v>272995</v>
      </c>
      <c r="CU25" s="114">
        <v>12765</v>
      </c>
      <c r="CV25" s="113">
        <v>3283509</v>
      </c>
      <c r="CW25" s="116">
        <v>3283509</v>
      </c>
      <c r="CX25" s="110">
        <v>39645</v>
      </c>
      <c r="CY25" s="114">
        <v>40780</v>
      </c>
      <c r="CZ25" s="113">
        <v>80425</v>
      </c>
      <c r="DA25" s="110">
        <v>0</v>
      </c>
      <c r="DB25" s="114">
        <v>540472</v>
      </c>
      <c r="DC25" s="114">
        <v>468026</v>
      </c>
      <c r="DD25" s="114">
        <v>485527</v>
      </c>
      <c r="DE25" s="114">
        <v>346449</v>
      </c>
      <c r="DF25" s="114">
        <v>12552</v>
      </c>
      <c r="DG25" s="113">
        <v>1853026</v>
      </c>
      <c r="DH25" s="116">
        <v>1933451</v>
      </c>
      <c r="DI25" s="110">
        <v>26273</v>
      </c>
      <c r="DJ25" s="114">
        <v>133829</v>
      </c>
      <c r="DK25" s="112">
        <v>160102</v>
      </c>
      <c r="DL25" s="111">
        <v>0</v>
      </c>
      <c r="DM25" s="114">
        <v>92878</v>
      </c>
      <c r="DN25" s="114">
        <v>215712</v>
      </c>
      <c r="DO25" s="114">
        <v>297099</v>
      </c>
      <c r="DP25" s="114">
        <v>734074</v>
      </c>
      <c r="DQ25" s="114">
        <v>10045</v>
      </c>
      <c r="DR25" s="113">
        <v>1349808</v>
      </c>
      <c r="DS25" s="116">
        <v>1509910</v>
      </c>
      <c r="DT25" s="110">
        <v>26273</v>
      </c>
      <c r="DU25" s="114">
        <v>133829</v>
      </c>
      <c r="DV25" s="113">
        <v>160102</v>
      </c>
      <c r="DW25" s="110">
        <v>0</v>
      </c>
      <c r="DX25" s="114">
        <v>92878</v>
      </c>
      <c r="DY25" s="114">
        <v>215712</v>
      </c>
      <c r="DZ25" s="114">
        <v>213674</v>
      </c>
      <c r="EA25" s="114">
        <v>595158</v>
      </c>
      <c r="EB25" s="114">
        <v>10045</v>
      </c>
      <c r="EC25" s="113">
        <v>1127467</v>
      </c>
      <c r="ED25" s="116">
        <v>1287569</v>
      </c>
      <c r="EE25" s="110">
        <v>0</v>
      </c>
      <c r="EF25" s="112">
        <v>0</v>
      </c>
      <c r="EG25" s="113">
        <v>0</v>
      </c>
      <c r="EH25" s="110">
        <v>0</v>
      </c>
      <c r="EI25" s="114">
        <v>0</v>
      </c>
      <c r="EJ25" s="114">
        <v>0</v>
      </c>
      <c r="EK25" s="114">
        <v>83425</v>
      </c>
      <c r="EL25" s="114">
        <v>138916</v>
      </c>
      <c r="EM25" s="114">
        <v>0</v>
      </c>
      <c r="EN25" s="112">
        <v>222341</v>
      </c>
      <c r="EO25" s="116">
        <v>222341</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52032</v>
      </c>
      <c r="FM25" s="114">
        <v>349536</v>
      </c>
      <c r="FN25" s="113">
        <v>401568</v>
      </c>
      <c r="FO25" s="110">
        <v>0</v>
      </c>
      <c r="FP25" s="114">
        <v>610016</v>
      </c>
      <c r="FQ25" s="114">
        <v>574432</v>
      </c>
      <c r="FR25" s="114">
        <v>513328</v>
      </c>
      <c r="FS25" s="114">
        <v>562480</v>
      </c>
      <c r="FT25" s="114">
        <v>168216</v>
      </c>
      <c r="FU25" s="113">
        <v>2428472</v>
      </c>
      <c r="FV25" s="116">
        <v>2830040</v>
      </c>
      <c r="FW25" s="115">
        <v>52032</v>
      </c>
      <c r="FX25" s="114">
        <v>113536</v>
      </c>
      <c r="FY25" s="112">
        <v>165568</v>
      </c>
      <c r="FZ25" s="111">
        <v>0</v>
      </c>
      <c r="GA25" s="114">
        <v>423616</v>
      </c>
      <c r="GB25" s="114">
        <v>482032</v>
      </c>
      <c r="GC25" s="114">
        <v>465368</v>
      </c>
      <c r="GD25" s="114">
        <v>338000</v>
      </c>
      <c r="GE25" s="114">
        <v>168216</v>
      </c>
      <c r="GF25" s="113">
        <v>1877232</v>
      </c>
      <c r="GG25" s="318">
        <v>2042800</v>
      </c>
      <c r="GH25" s="115">
        <v>0</v>
      </c>
      <c r="GI25" s="114">
        <v>14400</v>
      </c>
      <c r="GJ25" s="112">
        <v>14400</v>
      </c>
      <c r="GK25" s="111">
        <v>0</v>
      </c>
      <c r="GL25" s="114">
        <v>26400</v>
      </c>
      <c r="GM25" s="114">
        <v>0</v>
      </c>
      <c r="GN25" s="114">
        <v>47960</v>
      </c>
      <c r="GO25" s="114">
        <v>82080</v>
      </c>
      <c r="GP25" s="114">
        <v>0</v>
      </c>
      <c r="GQ25" s="113">
        <v>156440</v>
      </c>
      <c r="GR25" s="116">
        <v>170840</v>
      </c>
      <c r="GS25" s="110">
        <v>0</v>
      </c>
      <c r="GT25" s="114">
        <v>221600</v>
      </c>
      <c r="GU25" s="113">
        <v>221600</v>
      </c>
      <c r="GV25" s="110">
        <v>0</v>
      </c>
      <c r="GW25" s="114">
        <v>160000</v>
      </c>
      <c r="GX25" s="114">
        <v>92400</v>
      </c>
      <c r="GY25" s="114">
        <v>0</v>
      </c>
      <c r="GZ25" s="114">
        <v>142400</v>
      </c>
      <c r="HA25" s="114">
        <v>0</v>
      </c>
      <c r="HB25" s="112">
        <v>394800</v>
      </c>
      <c r="HC25" s="116">
        <v>616400</v>
      </c>
      <c r="HD25" s="110">
        <v>110350</v>
      </c>
      <c r="HE25" s="114">
        <v>186600</v>
      </c>
      <c r="HF25" s="112">
        <v>296950</v>
      </c>
      <c r="HG25" s="111">
        <v>0</v>
      </c>
      <c r="HH25" s="114">
        <v>831075</v>
      </c>
      <c r="HI25" s="114">
        <v>1033667</v>
      </c>
      <c r="HJ25" s="114">
        <v>1343475</v>
      </c>
      <c r="HK25" s="114">
        <v>1129925</v>
      </c>
      <c r="HL25" s="114">
        <v>1450792</v>
      </c>
      <c r="HM25" s="113">
        <v>5788934</v>
      </c>
      <c r="HN25" s="109">
        <v>6085884</v>
      </c>
      <c r="HO25" s="328"/>
      <c r="HP25" s="329"/>
      <c r="HQ25" s="330"/>
      <c r="HR25" s="331"/>
      <c r="HS25" s="329"/>
      <c r="HT25" s="329"/>
      <c r="HU25" s="329"/>
      <c r="HV25" s="329"/>
      <c r="HW25" s="329"/>
      <c r="HX25" s="332"/>
      <c r="HY25" s="333"/>
      <c r="HZ25" s="131">
        <v>0</v>
      </c>
      <c r="IA25" s="132">
        <v>0</v>
      </c>
      <c r="IB25" s="133">
        <v>0</v>
      </c>
      <c r="IC25" s="146">
        <v>0</v>
      </c>
      <c r="ID25" s="132">
        <v>437299</v>
      </c>
      <c r="IE25" s="147">
        <v>495753</v>
      </c>
      <c r="IF25" s="133">
        <v>847627</v>
      </c>
      <c r="IG25" s="132">
        <v>637346</v>
      </c>
      <c r="IH25" s="133">
        <v>0</v>
      </c>
      <c r="II25" s="148">
        <v>2418025</v>
      </c>
      <c r="IJ25" s="139">
        <v>2418025</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37299</v>
      </c>
      <c r="JL25" s="119">
        <v>238341</v>
      </c>
      <c r="JM25" s="119">
        <v>357668</v>
      </c>
      <c r="JN25" s="119">
        <v>112170</v>
      </c>
      <c r="JO25" s="119">
        <v>0</v>
      </c>
      <c r="JP25" s="120">
        <v>1145478</v>
      </c>
      <c r="JQ25" s="320">
        <v>1145478</v>
      </c>
      <c r="JR25" s="142">
        <v>0</v>
      </c>
      <c r="JS25" s="119">
        <v>0</v>
      </c>
      <c r="JT25" s="141">
        <v>0</v>
      </c>
      <c r="JU25" s="118">
        <v>0</v>
      </c>
      <c r="JV25" s="119">
        <v>0</v>
      </c>
      <c r="JW25" s="119">
        <v>0</v>
      </c>
      <c r="JX25" s="119">
        <v>0</v>
      </c>
      <c r="JY25" s="119">
        <v>0</v>
      </c>
      <c r="JZ25" s="119">
        <v>0</v>
      </c>
      <c r="KA25" s="120">
        <v>0</v>
      </c>
      <c r="KB25" s="320">
        <v>0</v>
      </c>
      <c r="KC25" s="234">
        <v>0</v>
      </c>
      <c r="KD25" s="230">
        <v>0</v>
      </c>
      <c r="KE25" s="120">
        <v>0</v>
      </c>
      <c r="KF25" s="118">
        <v>0</v>
      </c>
      <c r="KG25" s="119">
        <v>0</v>
      </c>
      <c r="KH25" s="119">
        <v>0</v>
      </c>
      <c r="KI25" s="119">
        <v>224951</v>
      </c>
      <c r="KJ25" s="119">
        <v>0</v>
      </c>
      <c r="KK25" s="119">
        <v>0</v>
      </c>
      <c r="KL25" s="120">
        <v>224951</v>
      </c>
      <c r="KM25" s="143">
        <v>224951</v>
      </c>
      <c r="KN25" s="232">
        <v>0</v>
      </c>
      <c r="KO25" s="236">
        <v>0</v>
      </c>
      <c r="KP25" s="237">
        <v>0</v>
      </c>
      <c r="KQ25" s="140"/>
      <c r="KR25" s="119">
        <v>0</v>
      </c>
      <c r="KS25" s="119">
        <v>257412</v>
      </c>
      <c r="KT25" s="119">
        <v>265008</v>
      </c>
      <c r="KU25" s="119">
        <v>525176</v>
      </c>
      <c r="KV25" s="119">
        <v>0</v>
      </c>
      <c r="KW25" s="120">
        <v>1047596</v>
      </c>
      <c r="KX25" s="320">
        <v>1047596</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0</v>
      </c>
      <c r="MK25" s="119">
        <v>240531</v>
      </c>
      <c r="ML25" s="119">
        <v>2511321</v>
      </c>
      <c r="MM25" s="119">
        <v>2851238</v>
      </c>
      <c r="MN25" s="119">
        <v>1352756</v>
      </c>
      <c r="MO25" s="120">
        <v>6955846</v>
      </c>
      <c r="MP25" s="143">
        <v>6955846</v>
      </c>
      <c r="MQ25" s="142">
        <v>0</v>
      </c>
      <c r="MR25" s="119">
        <v>0</v>
      </c>
      <c r="MS25" s="120">
        <v>0</v>
      </c>
      <c r="MT25" s="145"/>
      <c r="MU25" s="119">
        <v>0</v>
      </c>
      <c r="MV25" s="119">
        <v>240531</v>
      </c>
      <c r="MW25" s="119">
        <v>1994331</v>
      </c>
      <c r="MX25" s="119">
        <v>2546869</v>
      </c>
      <c r="MY25" s="119">
        <v>971760</v>
      </c>
      <c r="MZ25" s="120">
        <v>5753491</v>
      </c>
      <c r="NA25" s="143">
        <v>5753491</v>
      </c>
      <c r="NB25" s="142">
        <v>0</v>
      </c>
      <c r="NC25" s="119">
        <v>0</v>
      </c>
      <c r="ND25" s="120">
        <v>0</v>
      </c>
      <c r="NE25" s="145"/>
      <c r="NF25" s="119">
        <v>0</v>
      </c>
      <c r="NG25" s="119">
        <v>0</v>
      </c>
      <c r="NH25" s="119">
        <v>516990</v>
      </c>
      <c r="NI25" s="119">
        <v>304369</v>
      </c>
      <c r="NJ25" s="119">
        <v>0</v>
      </c>
      <c r="NK25" s="120">
        <v>821359</v>
      </c>
      <c r="NL25" s="320">
        <v>821359</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80996</v>
      </c>
      <c r="OG25" s="120">
        <v>380996</v>
      </c>
      <c r="OH25" s="121">
        <v>380996</v>
      </c>
      <c r="OI25" s="142">
        <v>308787</v>
      </c>
      <c r="OJ25" s="119">
        <v>854020</v>
      </c>
      <c r="OK25" s="141">
        <v>1162807</v>
      </c>
      <c r="OL25" s="118">
        <v>0</v>
      </c>
      <c r="OM25" s="119">
        <v>5229081</v>
      </c>
      <c r="ON25" s="119">
        <v>6110894</v>
      </c>
      <c r="OO25" s="119">
        <v>8928886</v>
      </c>
      <c r="OP25" s="119">
        <v>7646695</v>
      </c>
      <c r="OQ25" s="119">
        <v>3997228</v>
      </c>
      <c r="OR25" s="120">
        <v>31912784</v>
      </c>
      <c r="OS25" s="143">
        <v>33075591</v>
      </c>
    </row>
    <row r="26" spans="2:409" ht="21" customHeight="1" x14ac:dyDescent="0.2">
      <c r="B26" s="126" t="s">
        <v>21</v>
      </c>
      <c r="C26" s="110">
        <v>263005</v>
      </c>
      <c r="D26" s="114">
        <v>360265</v>
      </c>
      <c r="E26" s="113">
        <v>623270</v>
      </c>
      <c r="F26" s="109">
        <v>0</v>
      </c>
      <c r="G26" s="114">
        <v>3270698</v>
      </c>
      <c r="H26" s="114">
        <v>3688481</v>
      </c>
      <c r="I26" s="114">
        <v>4329120</v>
      </c>
      <c r="J26" s="114">
        <v>5077779</v>
      </c>
      <c r="K26" s="114">
        <v>2575510</v>
      </c>
      <c r="L26" s="173">
        <v>18941588</v>
      </c>
      <c r="M26" s="116">
        <v>19564858</v>
      </c>
      <c r="N26" s="110">
        <v>114931</v>
      </c>
      <c r="O26" s="114">
        <v>211002</v>
      </c>
      <c r="P26" s="113">
        <v>325933</v>
      </c>
      <c r="Q26" s="110">
        <v>0</v>
      </c>
      <c r="R26" s="114">
        <v>827569</v>
      </c>
      <c r="S26" s="114">
        <v>1216509</v>
      </c>
      <c r="T26" s="114">
        <v>669238</v>
      </c>
      <c r="U26" s="114">
        <v>2329018</v>
      </c>
      <c r="V26" s="114">
        <v>1513712</v>
      </c>
      <c r="W26" s="113">
        <v>6556046</v>
      </c>
      <c r="X26" s="116">
        <v>6881979</v>
      </c>
      <c r="Y26" s="110">
        <v>0</v>
      </c>
      <c r="Z26" s="114">
        <v>0</v>
      </c>
      <c r="AA26" s="113">
        <v>0</v>
      </c>
      <c r="AB26" s="110">
        <v>0</v>
      </c>
      <c r="AC26" s="114">
        <v>272598</v>
      </c>
      <c r="AD26" s="114">
        <v>179267</v>
      </c>
      <c r="AE26" s="114">
        <v>127078</v>
      </c>
      <c r="AF26" s="114">
        <v>1305452</v>
      </c>
      <c r="AG26" s="114">
        <v>664393</v>
      </c>
      <c r="AH26" s="113">
        <v>2548788</v>
      </c>
      <c r="AI26" s="116">
        <v>2548788</v>
      </c>
      <c r="AJ26" s="110">
        <v>0</v>
      </c>
      <c r="AK26" s="114">
        <v>0</v>
      </c>
      <c r="AL26" s="113">
        <v>0</v>
      </c>
      <c r="AM26" s="110">
        <v>0</v>
      </c>
      <c r="AN26" s="114">
        <v>0</v>
      </c>
      <c r="AO26" s="114">
        <v>0</v>
      </c>
      <c r="AP26" s="114">
        <v>35848</v>
      </c>
      <c r="AQ26" s="114">
        <v>11845</v>
      </c>
      <c r="AR26" s="114">
        <v>178319</v>
      </c>
      <c r="AS26" s="113">
        <v>226012</v>
      </c>
      <c r="AT26" s="116">
        <v>226012</v>
      </c>
      <c r="AU26" s="110">
        <v>65155</v>
      </c>
      <c r="AV26" s="114">
        <v>158700</v>
      </c>
      <c r="AW26" s="113">
        <v>223855</v>
      </c>
      <c r="AX26" s="110">
        <v>0</v>
      </c>
      <c r="AY26" s="114">
        <v>368084</v>
      </c>
      <c r="AZ26" s="114">
        <v>761528</v>
      </c>
      <c r="BA26" s="114">
        <v>274467</v>
      </c>
      <c r="BB26" s="114">
        <v>685884</v>
      </c>
      <c r="BC26" s="114">
        <v>529344</v>
      </c>
      <c r="BD26" s="113">
        <v>2619307</v>
      </c>
      <c r="BE26" s="116">
        <v>2843162</v>
      </c>
      <c r="BF26" s="110">
        <v>0</v>
      </c>
      <c r="BG26" s="114">
        <v>10566</v>
      </c>
      <c r="BH26" s="112">
        <v>10566</v>
      </c>
      <c r="BI26" s="111">
        <v>0</v>
      </c>
      <c r="BJ26" s="114">
        <v>43415</v>
      </c>
      <c r="BK26" s="114">
        <v>62386</v>
      </c>
      <c r="BL26" s="114">
        <v>91885</v>
      </c>
      <c r="BM26" s="114">
        <v>52165</v>
      </c>
      <c r="BN26" s="114">
        <v>0</v>
      </c>
      <c r="BO26" s="113">
        <v>249851</v>
      </c>
      <c r="BP26" s="116">
        <v>260417</v>
      </c>
      <c r="BQ26" s="110">
        <v>49776</v>
      </c>
      <c r="BR26" s="114">
        <v>41736</v>
      </c>
      <c r="BS26" s="113">
        <v>91512</v>
      </c>
      <c r="BT26" s="110">
        <v>0</v>
      </c>
      <c r="BU26" s="114">
        <v>143472</v>
      </c>
      <c r="BV26" s="114">
        <v>213328</v>
      </c>
      <c r="BW26" s="114">
        <v>139960</v>
      </c>
      <c r="BX26" s="114">
        <v>273672</v>
      </c>
      <c r="BY26" s="114">
        <v>141656</v>
      </c>
      <c r="BZ26" s="113">
        <v>912088</v>
      </c>
      <c r="CA26" s="116">
        <v>1003600</v>
      </c>
      <c r="CB26" s="110">
        <v>41118</v>
      </c>
      <c r="CC26" s="114">
        <v>0</v>
      </c>
      <c r="CD26" s="113">
        <v>41118</v>
      </c>
      <c r="CE26" s="110">
        <v>0</v>
      </c>
      <c r="CF26" s="114">
        <v>1001688</v>
      </c>
      <c r="CG26" s="114">
        <v>1147854</v>
      </c>
      <c r="CH26" s="114">
        <v>886749</v>
      </c>
      <c r="CI26" s="114">
        <v>263457</v>
      </c>
      <c r="CJ26" s="114">
        <v>303317</v>
      </c>
      <c r="CK26" s="113">
        <v>3603065</v>
      </c>
      <c r="CL26" s="116">
        <v>3644183</v>
      </c>
      <c r="CM26" s="110">
        <v>0</v>
      </c>
      <c r="CN26" s="114">
        <v>0</v>
      </c>
      <c r="CO26" s="113">
        <v>0</v>
      </c>
      <c r="CP26" s="111">
        <v>0</v>
      </c>
      <c r="CQ26" s="114">
        <v>609537</v>
      </c>
      <c r="CR26" s="114">
        <v>754105</v>
      </c>
      <c r="CS26" s="114">
        <v>797513</v>
      </c>
      <c r="CT26" s="114">
        <v>239133</v>
      </c>
      <c r="CU26" s="114">
        <v>303317</v>
      </c>
      <c r="CV26" s="113">
        <v>2703605</v>
      </c>
      <c r="CW26" s="116">
        <v>2703605</v>
      </c>
      <c r="CX26" s="110">
        <v>41118</v>
      </c>
      <c r="CY26" s="114">
        <v>0</v>
      </c>
      <c r="CZ26" s="113">
        <v>41118</v>
      </c>
      <c r="DA26" s="110">
        <v>0</v>
      </c>
      <c r="DB26" s="114">
        <v>392151</v>
      </c>
      <c r="DC26" s="114">
        <v>393749</v>
      </c>
      <c r="DD26" s="114">
        <v>89236</v>
      </c>
      <c r="DE26" s="114">
        <v>24324</v>
      </c>
      <c r="DF26" s="114">
        <v>0</v>
      </c>
      <c r="DG26" s="113">
        <v>899460</v>
      </c>
      <c r="DH26" s="116">
        <v>940578</v>
      </c>
      <c r="DI26" s="110">
        <v>0</v>
      </c>
      <c r="DJ26" s="114">
        <v>0</v>
      </c>
      <c r="DK26" s="112">
        <v>0</v>
      </c>
      <c r="DL26" s="111">
        <v>0</v>
      </c>
      <c r="DM26" s="114">
        <v>150480</v>
      </c>
      <c r="DN26" s="114">
        <v>80716</v>
      </c>
      <c r="DO26" s="114">
        <v>1434262</v>
      </c>
      <c r="DP26" s="114">
        <v>914886</v>
      </c>
      <c r="DQ26" s="114">
        <v>324398</v>
      </c>
      <c r="DR26" s="113">
        <v>2904742</v>
      </c>
      <c r="DS26" s="116">
        <v>2904742</v>
      </c>
      <c r="DT26" s="110">
        <v>0</v>
      </c>
      <c r="DU26" s="114">
        <v>0</v>
      </c>
      <c r="DV26" s="113">
        <v>0</v>
      </c>
      <c r="DW26" s="110">
        <v>0</v>
      </c>
      <c r="DX26" s="114">
        <v>150480</v>
      </c>
      <c r="DY26" s="114">
        <v>18694</v>
      </c>
      <c r="DZ26" s="114">
        <v>1434262</v>
      </c>
      <c r="EA26" s="114">
        <v>914886</v>
      </c>
      <c r="EB26" s="114">
        <v>324398</v>
      </c>
      <c r="EC26" s="113">
        <v>2842720</v>
      </c>
      <c r="ED26" s="116">
        <v>2842720</v>
      </c>
      <c r="EE26" s="110">
        <v>0</v>
      </c>
      <c r="EF26" s="112">
        <v>0</v>
      </c>
      <c r="EG26" s="113">
        <v>0</v>
      </c>
      <c r="EH26" s="110">
        <v>0</v>
      </c>
      <c r="EI26" s="114">
        <v>0</v>
      </c>
      <c r="EJ26" s="114">
        <v>62022</v>
      </c>
      <c r="EK26" s="114">
        <v>0</v>
      </c>
      <c r="EL26" s="114">
        <v>0</v>
      </c>
      <c r="EM26" s="114">
        <v>0</v>
      </c>
      <c r="EN26" s="112">
        <v>62022</v>
      </c>
      <c r="EO26" s="116">
        <v>62022</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49408</v>
      </c>
      <c r="FM26" s="114">
        <v>56760</v>
      </c>
      <c r="FN26" s="113">
        <v>106168</v>
      </c>
      <c r="FO26" s="110">
        <v>0</v>
      </c>
      <c r="FP26" s="114">
        <v>101952</v>
      </c>
      <c r="FQ26" s="114">
        <v>555832</v>
      </c>
      <c r="FR26" s="114">
        <v>335056</v>
      </c>
      <c r="FS26" s="114">
        <v>412928</v>
      </c>
      <c r="FT26" s="114">
        <v>180200</v>
      </c>
      <c r="FU26" s="113">
        <v>1585968</v>
      </c>
      <c r="FV26" s="116">
        <v>1692136</v>
      </c>
      <c r="FW26" s="115">
        <v>17408</v>
      </c>
      <c r="FX26" s="114">
        <v>56760</v>
      </c>
      <c r="FY26" s="112">
        <v>74168</v>
      </c>
      <c r="FZ26" s="111">
        <v>0</v>
      </c>
      <c r="GA26" s="114">
        <v>101952</v>
      </c>
      <c r="GB26" s="114">
        <v>406000</v>
      </c>
      <c r="GC26" s="114">
        <v>335056</v>
      </c>
      <c r="GD26" s="114">
        <v>393728</v>
      </c>
      <c r="GE26" s="114">
        <v>180200</v>
      </c>
      <c r="GF26" s="113">
        <v>1416936</v>
      </c>
      <c r="GG26" s="318">
        <v>1491104</v>
      </c>
      <c r="GH26" s="115">
        <v>0</v>
      </c>
      <c r="GI26" s="114">
        <v>0</v>
      </c>
      <c r="GJ26" s="112">
        <v>0</v>
      </c>
      <c r="GK26" s="111">
        <v>0</v>
      </c>
      <c r="GL26" s="114">
        <v>0</v>
      </c>
      <c r="GM26" s="114">
        <v>18400</v>
      </c>
      <c r="GN26" s="114">
        <v>0</v>
      </c>
      <c r="GO26" s="114">
        <v>0</v>
      </c>
      <c r="GP26" s="114">
        <v>0</v>
      </c>
      <c r="GQ26" s="113">
        <v>18400</v>
      </c>
      <c r="GR26" s="116">
        <v>18400</v>
      </c>
      <c r="GS26" s="110">
        <v>32000</v>
      </c>
      <c r="GT26" s="114">
        <v>0</v>
      </c>
      <c r="GU26" s="113">
        <v>32000</v>
      </c>
      <c r="GV26" s="110">
        <v>0</v>
      </c>
      <c r="GW26" s="114">
        <v>0</v>
      </c>
      <c r="GX26" s="114">
        <v>131432</v>
      </c>
      <c r="GY26" s="114">
        <v>0</v>
      </c>
      <c r="GZ26" s="114">
        <v>19200</v>
      </c>
      <c r="HA26" s="114">
        <v>0</v>
      </c>
      <c r="HB26" s="112">
        <v>150632</v>
      </c>
      <c r="HC26" s="116">
        <v>182632</v>
      </c>
      <c r="HD26" s="110">
        <v>57548</v>
      </c>
      <c r="HE26" s="114">
        <v>92503</v>
      </c>
      <c r="HF26" s="112">
        <v>150051</v>
      </c>
      <c r="HG26" s="111">
        <v>0</v>
      </c>
      <c r="HH26" s="114">
        <v>1189009</v>
      </c>
      <c r="HI26" s="114">
        <v>687570</v>
      </c>
      <c r="HJ26" s="114">
        <v>1003815</v>
      </c>
      <c r="HK26" s="114">
        <v>1157490</v>
      </c>
      <c r="HL26" s="114">
        <v>253883</v>
      </c>
      <c r="HM26" s="113">
        <v>4291767</v>
      </c>
      <c r="HN26" s="109">
        <v>4441818</v>
      </c>
      <c r="HO26" s="328"/>
      <c r="HP26" s="329"/>
      <c r="HQ26" s="330"/>
      <c r="HR26" s="331"/>
      <c r="HS26" s="329"/>
      <c r="HT26" s="329"/>
      <c r="HU26" s="329"/>
      <c r="HV26" s="329"/>
      <c r="HW26" s="329"/>
      <c r="HX26" s="332"/>
      <c r="HY26" s="333"/>
      <c r="HZ26" s="150">
        <v>0</v>
      </c>
      <c r="IA26" s="135">
        <v>0</v>
      </c>
      <c r="IB26" s="150">
        <v>0</v>
      </c>
      <c r="IC26" s="134">
        <v>0</v>
      </c>
      <c r="ID26" s="135">
        <v>728965</v>
      </c>
      <c r="IE26" s="136">
        <v>1020040</v>
      </c>
      <c r="IF26" s="137">
        <v>761368</v>
      </c>
      <c r="IG26" s="135">
        <v>511737</v>
      </c>
      <c r="IH26" s="137">
        <v>0</v>
      </c>
      <c r="II26" s="138">
        <v>3022110</v>
      </c>
      <c r="IJ26" s="150">
        <v>3022110</v>
      </c>
      <c r="IK26" s="232">
        <v>0</v>
      </c>
      <c r="IL26" s="236">
        <v>0</v>
      </c>
      <c r="IM26" s="237">
        <v>0</v>
      </c>
      <c r="IN26" s="140"/>
      <c r="IO26" s="119">
        <v>0</v>
      </c>
      <c r="IP26" s="119">
        <v>123717</v>
      </c>
      <c r="IQ26" s="119">
        <v>0</v>
      </c>
      <c r="IR26" s="119">
        <v>0</v>
      </c>
      <c r="IS26" s="119">
        <v>0</v>
      </c>
      <c r="IT26" s="141">
        <v>123717</v>
      </c>
      <c r="IU26" s="320">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251443</v>
      </c>
      <c r="JL26" s="119">
        <v>280712</v>
      </c>
      <c r="JM26" s="119">
        <v>75756</v>
      </c>
      <c r="JN26" s="119">
        <v>76994</v>
      </c>
      <c r="JO26" s="119">
        <v>0</v>
      </c>
      <c r="JP26" s="120">
        <v>684905</v>
      </c>
      <c r="JQ26" s="320">
        <v>684905</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685612</v>
      </c>
      <c r="KJ26" s="119">
        <v>0</v>
      </c>
      <c r="KK26" s="119">
        <v>0</v>
      </c>
      <c r="KL26" s="120">
        <v>685612</v>
      </c>
      <c r="KM26" s="143">
        <v>685612</v>
      </c>
      <c r="KN26" s="232">
        <v>0</v>
      </c>
      <c r="KO26" s="236">
        <v>0</v>
      </c>
      <c r="KP26" s="237">
        <v>0</v>
      </c>
      <c r="KQ26" s="140"/>
      <c r="KR26" s="119">
        <v>477522</v>
      </c>
      <c r="KS26" s="119">
        <v>615611</v>
      </c>
      <c r="KT26" s="119">
        <v>0</v>
      </c>
      <c r="KU26" s="119">
        <v>434743</v>
      </c>
      <c r="KV26" s="119">
        <v>0</v>
      </c>
      <c r="KW26" s="120">
        <v>1527876</v>
      </c>
      <c r="KX26" s="320">
        <v>1527876</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247990</v>
      </c>
      <c r="ML26" s="119">
        <v>2452231</v>
      </c>
      <c r="MM26" s="119">
        <v>3197482</v>
      </c>
      <c r="MN26" s="119">
        <v>2452986</v>
      </c>
      <c r="MO26" s="120">
        <v>8350689</v>
      </c>
      <c r="MP26" s="143">
        <v>8350689</v>
      </c>
      <c r="MQ26" s="142">
        <v>0</v>
      </c>
      <c r="MR26" s="119">
        <v>0</v>
      </c>
      <c r="MS26" s="120">
        <v>0</v>
      </c>
      <c r="MT26" s="145"/>
      <c r="MU26" s="119">
        <v>0</v>
      </c>
      <c r="MV26" s="119">
        <v>0</v>
      </c>
      <c r="MW26" s="119">
        <v>2220016</v>
      </c>
      <c r="MX26" s="119">
        <v>2731574</v>
      </c>
      <c r="MY26" s="119">
        <v>1747993</v>
      </c>
      <c r="MZ26" s="120">
        <v>6699583</v>
      </c>
      <c r="NA26" s="143">
        <v>6699583</v>
      </c>
      <c r="NB26" s="142">
        <v>0</v>
      </c>
      <c r="NC26" s="119">
        <v>0</v>
      </c>
      <c r="ND26" s="120">
        <v>0</v>
      </c>
      <c r="NE26" s="145"/>
      <c r="NF26" s="119">
        <v>0</v>
      </c>
      <c r="NG26" s="119">
        <v>247990</v>
      </c>
      <c r="NH26" s="119">
        <v>232215</v>
      </c>
      <c r="NI26" s="119">
        <v>151499</v>
      </c>
      <c r="NJ26" s="119">
        <v>704993</v>
      </c>
      <c r="NK26" s="120">
        <v>1336697</v>
      </c>
      <c r="NL26" s="320">
        <v>1336697</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314409</v>
      </c>
      <c r="OF26" s="119">
        <v>0</v>
      </c>
      <c r="OG26" s="120">
        <v>314409</v>
      </c>
      <c r="OH26" s="121">
        <v>314409</v>
      </c>
      <c r="OI26" s="142">
        <v>263005</v>
      </c>
      <c r="OJ26" s="119">
        <v>360265</v>
      </c>
      <c r="OK26" s="141">
        <v>623270</v>
      </c>
      <c r="OL26" s="118">
        <v>0</v>
      </c>
      <c r="OM26" s="119">
        <v>3999663</v>
      </c>
      <c r="ON26" s="119">
        <v>4956511</v>
      </c>
      <c r="OO26" s="119">
        <v>7542719</v>
      </c>
      <c r="OP26" s="119">
        <v>8786998</v>
      </c>
      <c r="OQ26" s="119">
        <v>5028496</v>
      </c>
      <c r="OR26" s="120">
        <v>30314387</v>
      </c>
      <c r="OS26" s="143">
        <v>30937657</v>
      </c>
    </row>
    <row r="27" spans="2:409" ht="21" customHeight="1" x14ac:dyDescent="0.2">
      <c r="B27" s="126" t="s">
        <v>22</v>
      </c>
      <c r="C27" s="110">
        <v>4800</v>
      </c>
      <c r="D27" s="114">
        <v>347768</v>
      </c>
      <c r="E27" s="113">
        <v>352568</v>
      </c>
      <c r="F27" s="109">
        <v>0</v>
      </c>
      <c r="G27" s="114">
        <v>1844548</v>
      </c>
      <c r="H27" s="114">
        <v>1834769</v>
      </c>
      <c r="I27" s="114">
        <v>1288277</v>
      </c>
      <c r="J27" s="114">
        <v>1790996</v>
      </c>
      <c r="K27" s="114">
        <v>440012</v>
      </c>
      <c r="L27" s="173">
        <v>7198602</v>
      </c>
      <c r="M27" s="116">
        <v>7551170</v>
      </c>
      <c r="N27" s="110">
        <v>0</v>
      </c>
      <c r="O27" s="114">
        <v>21488</v>
      </c>
      <c r="P27" s="113">
        <v>21488</v>
      </c>
      <c r="Q27" s="110">
        <v>0</v>
      </c>
      <c r="R27" s="114">
        <v>315632</v>
      </c>
      <c r="S27" s="114">
        <v>402729</v>
      </c>
      <c r="T27" s="114">
        <v>326925</v>
      </c>
      <c r="U27" s="114">
        <v>706240</v>
      </c>
      <c r="V27" s="114">
        <v>185524</v>
      </c>
      <c r="W27" s="113">
        <v>1937050</v>
      </c>
      <c r="X27" s="116">
        <v>1958538</v>
      </c>
      <c r="Y27" s="110">
        <v>0</v>
      </c>
      <c r="Z27" s="114">
        <v>0</v>
      </c>
      <c r="AA27" s="113">
        <v>0</v>
      </c>
      <c r="AB27" s="110">
        <v>0</v>
      </c>
      <c r="AC27" s="114">
        <v>137945</v>
      </c>
      <c r="AD27" s="114">
        <v>193002</v>
      </c>
      <c r="AE27" s="114">
        <v>66184</v>
      </c>
      <c r="AF27" s="114">
        <v>428020</v>
      </c>
      <c r="AG27" s="114">
        <v>123820</v>
      </c>
      <c r="AH27" s="113">
        <v>948971</v>
      </c>
      <c r="AI27" s="116">
        <v>948971</v>
      </c>
      <c r="AJ27" s="110">
        <v>0</v>
      </c>
      <c r="AK27" s="114">
        <v>0</v>
      </c>
      <c r="AL27" s="113">
        <v>0</v>
      </c>
      <c r="AM27" s="110">
        <v>0</v>
      </c>
      <c r="AN27" s="114">
        <v>0</v>
      </c>
      <c r="AO27" s="114">
        <v>0</v>
      </c>
      <c r="AP27" s="114">
        <v>0</v>
      </c>
      <c r="AQ27" s="114">
        <v>86312</v>
      </c>
      <c r="AR27" s="114">
        <v>0</v>
      </c>
      <c r="AS27" s="113">
        <v>86312</v>
      </c>
      <c r="AT27" s="116">
        <v>86312</v>
      </c>
      <c r="AU27" s="110">
        <v>0</v>
      </c>
      <c r="AV27" s="114">
        <v>11888</v>
      </c>
      <c r="AW27" s="113">
        <v>11888</v>
      </c>
      <c r="AX27" s="110">
        <v>0</v>
      </c>
      <c r="AY27" s="114">
        <v>131431</v>
      </c>
      <c r="AZ27" s="114">
        <v>53438</v>
      </c>
      <c r="BA27" s="114">
        <v>185469</v>
      </c>
      <c r="BB27" s="114">
        <v>108756</v>
      </c>
      <c r="BC27" s="114">
        <v>54832</v>
      </c>
      <c r="BD27" s="113">
        <v>533926</v>
      </c>
      <c r="BE27" s="116">
        <v>545814</v>
      </c>
      <c r="BF27" s="110">
        <v>0</v>
      </c>
      <c r="BG27" s="114">
        <v>0</v>
      </c>
      <c r="BH27" s="112">
        <v>0</v>
      </c>
      <c r="BI27" s="111">
        <v>0</v>
      </c>
      <c r="BJ27" s="114">
        <v>0</v>
      </c>
      <c r="BK27" s="114">
        <v>62793</v>
      </c>
      <c r="BL27" s="114">
        <v>30592</v>
      </c>
      <c r="BM27" s="114">
        <v>0</v>
      </c>
      <c r="BN27" s="114">
        <v>0</v>
      </c>
      <c r="BO27" s="113">
        <v>93385</v>
      </c>
      <c r="BP27" s="116">
        <v>93385</v>
      </c>
      <c r="BQ27" s="110">
        <v>0</v>
      </c>
      <c r="BR27" s="114">
        <v>9600</v>
      </c>
      <c r="BS27" s="113">
        <v>9600</v>
      </c>
      <c r="BT27" s="110">
        <v>0</v>
      </c>
      <c r="BU27" s="114">
        <v>46256</v>
      </c>
      <c r="BV27" s="114">
        <v>93496</v>
      </c>
      <c r="BW27" s="114">
        <v>44680</v>
      </c>
      <c r="BX27" s="114">
        <v>83152</v>
      </c>
      <c r="BY27" s="114">
        <v>6872</v>
      </c>
      <c r="BZ27" s="113">
        <v>274456</v>
      </c>
      <c r="CA27" s="116">
        <v>284056</v>
      </c>
      <c r="CB27" s="110">
        <v>0</v>
      </c>
      <c r="CC27" s="114">
        <v>0</v>
      </c>
      <c r="CD27" s="113">
        <v>0</v>
      </c>
      <c r="CE27" s="110">
        <v>0</v>
      </c>
      <c r="CF27" s="114">
        <v>411398</v>
      </c>
      <c r="CG27" s="114">
        <v>765131</v>
      </c>
      <c r="CH27" s="114">
        <v>518906</v>
      </c>
      <c r="CI27" s="114">
        <v>320384</v>
      </c>
      <c r="CJ27" s="114">
        <v>179680</v>
      </c>
      <c r="CK27" s="113">
        <v>2195499</v>
      </c>
      <c r="CL27" s="116">
        <v>2195499</v>
      </c>
      <c r="CM27" s="110">
        <v>0</v>
      </c>
      <c r="CN27" s="114">
        <v>0</v>
      </c>
      <c r="CO27" s="113">
        <v>0</v>
      </c>
      <c r="CP27" s="111">
        <v>0</v>
      </c>
      <c r="CQ27" s="114">
        <v>291606</v>
      </c>
      <c r="CR27" s="114">
        <v>593627</v>
      </c>
      <c r="CS27" s="114">
        <v>406864</v>
      </c>
      <c r="CT27" s="114">
        <v>231616</v>
      </c>
      <c r="CU27" s="114">
        <v>92208</v>
      </c>
      <c r="CV27" s="113">
        <v>1615921</v>
      </c>
      <c r="CW27" s="116">
        <v>1615921</v>
      </c>
      <c r="CX27" s="110">
        <v>0</v>
      </c>
      <c r="CY27" s="114">
        <v>0</v>
      </c>
      <c r="CZ27" s="113">
        <v>0</v>
      </c>
      <c r="DA27" s="110">
        <v>0</v>
      </c>
      <c r="DB27" s="114">
        <v>119792</v>
      </c>
      <c r="DC27" s="114">
        <v>171504</v>
      </c>
      <c r="DD27" s="114">
        <v>112042</v>
      </c>
      <c r="DE27" s="114">
        <v>88768</v>
      </c>
      <c r="DF27" s="114">
        <v>87472</v>
      </c>
      <c r="DG27" s="113">
        <v>579578</v>
      </c>
      <c r="DH27" s="116">
        <v>579578</v>
      </c>
      <c r="DI27" s="110">
        <v>0</v>
      </c>
      <c r="DJ27" s="114">
        <v>0</v>
      </c>
      <c r="DK27" s="112">
        <v>0</v>
      </c>
      <c r="DL27" s="111">
        <v>0</v>
      </c>
      <c r="DM27" s="114">
        <v>229666</v>
      </c>
      <c r="DN27" s="114">
        <v>16989</v>
      </c>
      <c r="DO27" s="114">
        <v>88398</v>
      </c>
      <c r="DP27" s="114">
        <v>419812</v>
      </c>
      <c r="DQ27" s="114">
        <v>0</v>
      </c>
      <c r="DR27" s="113">
        <v>754865</v>
      </c>
      <c r="DS27" s="116">
        <v>754865</v>
      </c>
      <c r="DT27" s="110">
        <v>0</v>
      </c>
      <c r="DU27" s="114">
        <v>0</v>
      </c>
      <c r="DV27" s="113">
        <v>0</v>
      </c>
      <c r="DW27" s="110">
        <v>0</v>
      </c>
      <c r="DX27" s="114">
        <v>229666</v>
      </c>
      <c r="DY27" s="114">
        <v>16989</v>
      </c>
      <c r="DZ27" s="114">
        <v>19588</v>
      </c>
      <c r="EA27" s="114">
        <v>397090</v>
      </c>
      <c r="EB27" s="114">
        <v>0</v>
      </c>
      <c r="EC27" s="113">
        <v>663333</v>
      </c>
      <c r="ED27" s="116">
        <v>663333</v>
      </c>
      <c r="EE27" s="110">
        <v>0</v>
      </c>
      <c r="EF27" s="112">
        <v>0</v>
      </c>
      <c r="EG27" s="113">
        <v>0</v>
      </c>
      <c r="EH27" s="110">
        <v>0</v>
      </c>
      <c r="EI27" s="114">
        <v>0</v>
      </c>
      <c r="EJ27" s="114">
        <v>0</v>
      </c>
      <c r="EK27" s="114">
        <v>68810</v>
      </c>
      <c r="EL27" s="114">
        <v>22722</v>
      </c>
      <c r="EM27" s="114">
        <v>0</v>
      </c>
      <c r="EN27" s="112">
        <v>91532</v>
      </c>
      <c r="EO27" s="116">
        <v>91532</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4800</v>
      </c>
      <c r="FM27" s="114">
        <v>237760</v>
      </c>
      <c r="FN27" s="113">
        <v>242560</v>
      </c>
      <c r="FO27" s="110">
        <v>0</v>
      </c>
      <c r="FP27" s="114">
        <v>252000</v>
      </c>
      <c r="FQ27" s="114">
        <v>134992</v>
      </c>
      <c r="FR27" s="114">
        <v>163296</v>
      </c>
      <c r="FS27" s="114">
        <v>136208</v>
      </c>
      <c r="FT27" s="114">
        <v>74808</v>
      </c>
      <c r="FU27" s="113">
        <v>761304</v>
      </c>
      <c r="FV27" s="116">
        <v>1003864</v>
      </c>
      <c r="FW27" s="115">
        <v>4800</v>
      </c>
      <c r="FX27" s="114">
        <v>62000</v>
      </c>
      <c r="FY27" s="112">
        <v>66800</v>
      </c>
      <c r="FZ27" s="111">
        <v>0</v>
      </c>
      <c r="GA27" s="114">
        <v>84320</v>
      </c>
      <c r="GB27" s="114">
        <v>134992</v>
      </c>
      <c r="GC27" s="114">
        <v>163296</v>
      </c>
      <c r="GD27" s="114">
        <v>136208</v>
      </c>
      <c r="GE27" s="114">
        <v>74808</v>
      </c>
      <c r="GF27" s="113">
        <v>593624</v>
      </c>
      <c r="GG27" s="318">
        <v>660424</v>
      </c>
      <c r="GH27" s="115">
        <v>0</v>
      </c>
      <c r="GI27" s="114">
        <v>42400</v>
      </c>
      <c r="GJ27" s="112">
        <v>42400</v>
      </c>
      <c r="GK27" s="111">
        <v>0</v>
      </c>
      <c r="GL27" s="114">
        <v>14400</v>
      </c>
      <c r="GM27" s="114">
        <v>0</v>
      </c>
      <c r="GN27" s="114">
        <v>0</v>
      </c>
      <c r="GO27" s="114">
        <v>0</v>
      </c>
      <c r="GP27" s="114">
        <v>0</v>
      </c>
      <c r="GQ27" s="113">
        <v>14400</v>
      </c>
      <c r="GR27" s="116">
        <v>56800</v>
      </c>
      <c r="GS27" s="110">
        <v>0</v>
      </c>
      <c r="GT27" s="114">
        <v>133360</v>
      </c>
      <c r="GU27" s="113">
        <v>133360</v>
      </c>
      <c r="GV27" s="110">
        <v>0</v>
      </c>
      <c r="GW27" s="114">
        <v>153280</v>
      </c>
      <c r="GX27" s="114">
        <v>0</v>
      </c>
      <c r="GY27" s="114">
        <v>0</v>
      </c>
      <c r="GZ27" s="114">
        <v>0</v>
      </c>
      <c r="HA27" s="114">
        <v>0</v>
      </c>
      <c r="HB27" s="112">
        <v>153280</v>
      </c>
      <c r="HC27" s="116">
        <v>286640</v>
      </c>
      <c r="HD27" s="110">
        <v>0</v>
      </c>
      <c r="HE27" s="114">
        <v>88520</v>
      </c>
      <c r="HF27" s="112">
        <v>88520</v>
      </c>
      <c r="HG27" s="111">
        <v>0</v>
      </c>
      <c r="HH27" s="114">
        <v>635852</v>
      </c>
      <c r="HI27" s="114">
        <v>514928</v>
      </c>
      <c r="HJ27" s="114">
        <v>190752</v>
      </c>
      <c r="HK27" s="114">
        <v>208352</v>
      </c>
      <c r="HL27" s="114">
        <v>0</v>
      </c>
      <c r="HM27" s="113">
        <v>1549884</v>
      </c>
      <c r="HN27" s="109">
        <v>1638404</v>
      </c>
      <c r="HO27" s="328"/>
      <c r="HP27" s="329"/>
      <c r="HQ27" s="330"/>
      <c r="HR27" s="331"/>
      <c r="HS27" s="329"/>
      <c r="HT27" s="329"/>
      <c r="HU27" s="329"/>
      <c r="HV27" s="329"/>
      <c r="HW27" s="329"/>
      <c r="HX27" s="332"/>
      <c r="HY27" s="333"/>
      <c r="HZ27" s="131">
        <v>0</v>
      </c>
      <c r="IA27" s="132">
        <v>73224</v>
      </c>
      <c r="IB27" s="133">
        <v>73224</v>
      </c>
      <c r="IC27" s="146">
        <v>0</v>
      </c>
      <c r="ID27" s="132">
        <v>675406</v>
      </c>
      <c r="IE27" s="147">
        <v>1445747</v>
      </c>
      <c r="IF27" s="133">
        <v>185176</v>
      </c>
      <c r="IG27" s="132">
        <v>1023688</v>
      </c>
      <c r="IH27" s="133">
        <v>0</v>
      </c>
      <c r="II27" s="148">
        <v>3330017</v>
      </c>
      <c r="IJ27" s="139">
        <v>3403241</v>
      </c>
      <c r="IK27" s="232">
        <v>0</v>
      </c>
      <c r="IL27" s="236">
        <v>0</v>
      </c>
      <c r="IM27" s="237">
        <v>0</v>
      </c>
      <c r="IN27" s="140"/>
      <c r="IO27" s="119">
        <v>0</v>
      </c>
      <c r="IP27" s="119">
        <v>0</v>
      </c>
      <c r="IQ27" s="119">
        <v>170096</v>
      </c>
      <c r="IR27" s="119">
        <v>0</v>
      </c>
      <c r="IS27" s="119">
        <v>0</v>
      </c>
      <c r="IT27" s="141">
        <v>170096</v>
      </c>
      <c r="IU27" s="320">
        <v>170096</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45480</v>
      </c>
      <c r="JL27" s="119">
        <v>111840</v>
      </c>
      <c r="JM27" s="119">
        <v>15080</v>
      </c>
      <c r="JN27" s="119">
        <v>100416</v>
      </c>
      <c r="JO27" s="119">
        <v>0</v>
      </c>
      <c r="JP27" s="120">
        <v>372816</v>
      </c>
      <c r="JQ27" s="320">
        <v>372816</v>
      </c>
      <c r="JR27" s="142">
        <v>0</v>
      </c>
      <c r="JS27" s="119">
        <v>0</v>
      </c>
      <c r="JT27" s="141">
        <v>0</v>
      </c>
      <c r="JU27" s="118">
        <v>0</v>
      </c>
      <c r="JV27" s="119">
        <v>0</v>
      </c>
      <c r="JW27" s="119">
        <v>0</v>
      </c>
      <c r="JX27" s="119">
        <v>0</v>
      </c>
      <c r="JY27" s="119">
        <v>131776</v>
      </c>
      <c r="JZ27" s="119">
        <v>0</v>
      </c>
      <c r="KA27" s="120">
        <v>131776</v>
      </c>
      <c r="KB27" s="320">
        <v>131776</v>
      </c>
      <c r="KC27" s="234">
        <v>0</v>
      </c>
      <c r="KD27" s="230">
        <v>73224</v>
      </c>
      <c r="KE27" s="120">
        <v>73224</v>
      </c>
      <c r="KF27" s="118">
        <v>0</v>
      </c>
      <c r="KG27" s="119">
        <v>299408</v>
      </c>
      <c r="KH27" s="119">
        <v>607808</v>
      </c>
      <c r="KI27" s="119">
        <v>0</v>
      </c>
      <c r="KJ27" s="119">
        <v>0</v>
      </c>
      <c r="KK27" s="119">
        <v>0</v>
      </c>
      <c r="KL27" s="120">
        <v>907216</v>
      </c>
      <c r="KM27" s="143">
        <v>980440</v>
      </c>
      <c r="KN27" s="232">
        <v>0</v>
      </c>
      <c r="KO27" s="236">
        <v>0</v>
      </c>
      <c r="KP27" s="237">
        <v>0</v>
      </c>
      <c r="KQ27" s="140"/>
      <c r="KR27" s="119">
        <v>230518</v>
      </c>
      <c r="KS27" s="119">
        <v>726099</v>
      </c>
      <c r="KT27" s="119">
        <v>0</v>
      </c>
      <c r="KU27" s="119">
        <v>0</v>
      </c>
      <c r="KV27" s="119">
        <v>0</v>
      </c>
      <c r="KW27" s="120">
        <v>956617</v>
      </c>
      <c r="KX27" s="320">
        <v>956617</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791496</v>
      </c>
      <c r="LR27" s="119">
        <v>0</v>
      </c>
      <c r="LS27" s="120">
        <v>791496</v>
      </c>
      <c r="LT27" s="320">
        <v>791496</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150944</v>
      </c>
      <c r="ML27" s="119">
        <v>768228</v>
      </c>
      <c r="MM27" s="119">
        <v>737153</v>
      </c>
      <c r="MN27" s="119">
        <v>549526</v>
      </c>
      <c r="MO27" s="120">
        <v>2205851</v>
      </c>
      <c r="MP27" s="143">
        <v>2205851</v>
      </c>
      <c r="MQ27" s="142">
        <v>0</v>
      </c>
      <c r="MR27" s="119">
        <v>0</v>
      </c>
      <c r="MS27" s="120">
        <v>0</v>
      </c>
      <c r="MT27" s="145"/>
      <c r="MU27" s="119">
        <v>0</v>
      </c>
      <c r="MV27" s="119">
        <v>0</v>
      </c>
      <c r="MW27" s="119">
        <v>487024</v>
      </c>
      <c r="MX27" s="119">
        <v>458344</v>
      </c>
      <c r="MY27" s="119">
        <v>549526</v>
      </c>
      <c r="MZ27" s="120">
        <v>1494894</v>
      </c>
      <c r="NA27" s="143">
        <v>1494894</v>
      </c>
      <c r="NB27" s="142">
        <v>0</v>
      </c>
      <c r="NC27" s="119">
        <v>0</v>
      </c>
      <c r="ND27" s="120">
        <v>0</v>
      </c>
      <c r="NE27" s="145"/>
      <c r="NF27" s="119">
        <v>0</v>
      </c>
      <c r="NG27" s="119">
        <v>150944</v>
      </c>
      <c r="NH27" s="119">
        <v>281204</v>
      </c>
      <c r="NI27" s="119">
        <v>278809</v>
      </c>
      <c r="NJ27" s="119">
        <v>0</v>
      </c>
      <c r="NK27" s="120">
        <v>710957</v>
      </c>
      <c r="NL27" s="320">
        <v>710957</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4800</v>
      </c>
      <c r="OJ27" s="119">
        <v>420992</v>
      </c>
      <c r="OK27" s="141">
        <v>425792</v>
      </c>
      <c r="OL27" s="118">
        <v>0</v>
      </c>
      <c r="OM27" s="119">
        <v>2519954</v>
      </c>
      <c r="ON27" s="119">
        <v>3431460</v>
      </c>
      <c r="OO27" s="119">
        <v>2241681</v>
      </c>
      <c r="OP27" s="119">
        <v>3551837</v>
      </c>
      <c r="OQ27" s="119">
        <v>989538</v>
      </c>
      <c r="OR27" s="120">
        <v>12734470</v>
      </c>
      <c r="OS27" s="143">
        <v>13160262</v>
      </c>
    </row>
    <row r="28" spans="2:409" ht="21" customHeight="1" x14ac:dyDescent="0.2">
      <c r="B28" s="126" t="s">
        <v>23</v>
      </c>
      <c r="C28" s="110">
        <v>258414</v>
      </c>
      <c r="D28" s="114">
        <v>169503</v>
      </c>
      <c r="E28" s="113">
        <v>427917</v>
      </c>
      <c r="F28" s="109">
        <v>0</v>
      </c>
      <c r="G28" s="114">
        <v>2862345</v>
      </c>
      <c r="H28" s="114">
        <v>2419582</v>
      </c>
      <c r="I28" s="114">
        <v>1810850</v>
      </c>
      <c r="J28" s="114">
        <v>2312057</v>
      </c>
      <c r="K28" s="114">
        <v>1699717</v>
      </c>
      <c r="L28" s="173">
        <v>11104551</v>
      </c>
      <c r="M28" s="116">
        <v>11532468</v>
      </c>
      <c r="N28" s="110">
        <v>109833</v>
      </c>
      <c r="O28" s="114">
        <v>103383</v>
      </c>
      <c r="P28" s="113">
        <v>213216</v>
      </c>
      <c r="Q28" s="110">
        <v>0</v>
      </c>
      <c r="R28" s="114">
        <v>504177</v>
      </c>
      <c r="S28" s="114">
        <v>911707</v>
      </c>
      <c r="T28" s="114">
        <v>568861</v>
      </c>
      <c r="U28" s="114">
        <v>536128</v>
      </c>
      <c r="V28" s="114">
        <v>725935</v>
      </c>
      <c r="W28" s="113">
        <v>3246808</v>
      </c>
      <c r="X28" s="116">
        <v>3460024</v>
      </c>
      <c r="Y28" s="110">
        <v>0</v>
      </c>
      <c r="Z28" s="114">
        <v>0</v>
      </c>
      <c r="AA28" s="113">
        <v>0</v>
      </c>
      <c r="AB28" s="110">
        <v>0</v>
      </c>
      <c r="AC28" s="114">
        <v>83550</v>
      </c>
      <c r="AD28" s="114">
        <v>415205</v>
      </c>
      <c r="AE28" s="114">
        <v>328617</v>
      </c>
      <c r="AF28" s="114">
        <v>330884</v>
      </c>
      <c r="AG28" s="114">
        <v>539832</v>
      </c>
      <c r="AH28" s="113">
        <v>1698088</v>
      </c>
      <c r="AI28" s="116">
        <v>1698088</v>
      </c>
      <c r="AJ28" s="110">
        <v>0</v>
      </c>
      <c r="AK28" s="114">
        <v>0</v>
      </c>
      <c r="AL28" s="113">
        <v>0</v>
      </c>
      <c r="AM28" s="110">
        <v>0</v>
      </c>
      <c r="AN28" s="114">
        <v>0</v>
      </c>
      <c r="AO28" s="114">
        <v>47374</v>
      </c>
      <c r="AP28" s="114">
        <v>0</v>
      </c>
      <c r="AQ28" s="114">
        <v>0</v>
      </c>
      <c r="AR28" s="114">
        <v>0</v>
      </c>
      <c r="AS28" s="113">
        <v>47374</v>
      </c>
      <c r="AT28" s="116">
        <v>47374</v>
      </c>
      <c r="AU28" s="110">
        <v>53857</v>
      </c>
      <c r="AV28" s="114">
        <v>103383</v>
      </c>
      <c r="AW28" s="113">
        <v>157240</v>
      </c>
      <c r="AX28" s="110">
        <v>0</v>
      </c>
      <c r="AY28" s="114">
        <v>179477</v>
      </c>
      <c r="AZ28" s="114">
        <v>318951</v>
      </c>
      <c r="BA28" s="114">
        <v>170484</v>
      </c>
      <c r="BB28" s="114">
        <v>31140</v>
      </c>
      <c r="BC28" s="114">
        <v>56102</v>
      </c>
      <c r="BD28" s="113">
        <v>756154</v>
      </c>
      <c r="BE28" s="116">
        <v>913394</v>
      </c>
      <c r="BF28" s="110">
        <v>0</v>
      </c>
      <c r="BG28" s="114">
        <v>0</v>
      </c>
      <c r="BH28" s="112">
        <v>0</v>
      </c>
      <c r="BI28" s="111">
        <v>0</v>
      </c>
      <c r="BJ28" s="114">
        <v>10966</v>
      </c>
      <c r="BK28" s="114">
        <v>21353</v>
      </c>
      <c r="BL28" s="114">
        <v>0</v>
      </c>
      <c r="BM28" s="114">
        <v>0</v>
      </c>
      <c r="BN28" s="114">
        <v>43001</v>
      </c>
      <c r="BO28" s="113">
        <v>75320</v>
      </c>
      <c r="BP28" s="116">
        <v>75320</v>
      </c>
      <c r="BQ28" s="110">
        <v>55976</v>
      </c>
      <c r="BR28" s="114">
        <v>0</v>
      </c>
      <c r="BS28" s="113">
        <v>55976</v>
      </c>
      <c r="BT28" s="110">
        <v>0</v>
      </c>
      <c r="BU28" s="114">
        <v>230184</v>
      </c>
      <c r="BV28" s="114">
        <v>108824</v>
      </c>
      <c r="BW28" s="114">
        <v>69760</v>
      </c>
      <c r="BX28" s="114">
        <v>174104</v>
      </c>
      <c r="BY28" s="114">
        <v>87000</v>
      </c>
      <c r="BZ28" s="113">
        <v>669872</v>
      </c>
      <c r="CA28" s="116">
        <v>725848</v>
      </c>
      <c r="CB28" s="110">
        <v>0</v>
      </c>
      <c r="CC28" s="114">
        <v>0</v>
      </c>
      <c r="CD28" s="113">
        <v>0</v>
      </c>
      <c r="CE28" s="110">
        <v>0</v>
      </c>
      <c r="CF28" s="114">
        <v>818008</v>
      </c>
      <c r="CG28" s="114">
        <v>923262</v>
      </c>
      <c r="CH28" s="114">
        <v>969460</v>
      </c>
      <c r="CI28" s="114">
        <v>238677</v>
      </c>
      <c r="CJ28" s="114">
        <v>186412</v>
      </c>
      <c r="CK28" s="113">
        <v>3135819</v>
      </c>
      <c r="CL28" s="116">
        <v>3135819</v>
      </c>
      <c r="CM28" s="110">
        <v>0</v>
      </c>
      <c r="CN28" s="114">
        <v>0</v>
      </c>
      <c r="CO28" s="113">
        <v>0</v>
      </c>
      <c r="CP28" s="111">
        <v>0</v>
      </c>
      <c r="CQ28" s="114">
        <v>672961</v>
      </c>
      <c r="CR28" s="114">
        <v>795056</v>
      </c>
      <c r="CS28" s="114">
        <v>683322</v>
      </c>
      <c r="CT28" s="114">
        <v>238677</v>
      </c>
      <c r="CU28" s="114">
        <v>136625</v>
      </c>
      <c r="CV28" s="113">
        <v>2526641</v>
      </c>
      <c r="CW28" s="116">
        <v>2526641</v>
      </c>
      <c r="CX28" s="110">
        <v>0</v>
      </c>
      <c r="CY28" s="114">
        <v>0</v>
      </c>
      <c r="CZ28" s="113">
        <v>0</v>
      </c>
      <c r="DA28" s="110">
        <v>0</v>
      </c>
      <c r="DB28" s="114">
        <v>145047</v>
      </c>
      <c r="DC28" s="114">
        <v>128206</v>
      </c>
      <c r="DD28" s="114">
        <v>286138</v>
      </c>
      <c r="DE28" s="114">
        <v>0</v>
      </c>
      <c r="DF28" s="114">
        <v>49787</v>
      </c>
      <c r="DG28" s="113">
        <v>609178</v>
      </c>
      <c r="DH28" s="116">
        <v>609178</v>
      </c>
      <c r="DI28" s="110">
        <v>0</v>
      </c>
      <c r="DJ28" s="114">
        <v>20072</v>
      </c>
      <c r="DK28" s="112">
        <v>20072</v>
      </c>
      <c r="DL28" s="111">
        <v>0</v>
      </c>
      <c r="DM28" s="114">
        <v>106295</v>
      </c>
      <c r="DN28" s="114">
        <v>93686</v>
      </c>
      <c r="DO28" s="114">
        <v>142473</v>
      </c>
      <c r="DP28" s="114">
        <v>549694</v>
      </c>
      <c r="DQ28" s="114">
        <v>205610</v>
      </c>
      <c r="DR28" s="113">
        <v>1097758</v>
      </c>
      <c r="DS28" s="116">
        <v>1117830</v>
      </c>
      <c r="DT28" s="110">
        <v>0</v>
      </c>
      <c r="DU28" s="114">
        <v>0</v>
      </c>
      <c r="DV28" s="113">
        <v>0</v>
      </c>
      <c r="DW28" s="110">
        <v>0</v>
      </c>
      <c r="DX28" s="114">
        <v>76827</v>
      </c>
      <c r="DY28" s="114">
        <v>93686</v>
      </c>
      <c r="DZ28" s="114">
        <v>142473</v>
      </c>
      <c r="EA28" s="114">
        <v>549694</v>
      </c>
      <c r="EB28" s="114">
        <v>98494</v>
      </c>
      <c r="EC28" s="113">
        <v>961174</v>
      </c>
      <c r="ED28" s="116">
        <v>961174</v>
      </c>
      <c r="EE28" s="110">
        <v>0</v>
      </c>
      <c r="EF28" s="112">
        <v>20072</v>
      </c>
      <c r="EG28" s="113">
        <v>20072</v>
      </c>
      <c r="EH28" s="110">
        <v>0</v>
      </c>
      <c r="EI28" s="114">
        <v>29468</v>
      </c>
      <c r="EJ28" s="114">
        <v>0</v>
      </c>
      <c r="EK28" s="114">
        <v>0</v>
      </c>
      <c r="EL28" s="114">
        <v>0</v>
      </c>
      <c r="EM28" s="114">
        <v>107116</v>
      </c>
      <c r="EN28" s="112">
        <v>136584</v>
      </c>
      <c r="EO28" s="116">
        <v>156656</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39320</v>
      </c>
      <c r="FM28" s="114">
        <v>46048</v>
      </c>
      <c r="FN28" s="113">
        <v>85368</v>
      </c>
      <c r="FO28" s="110">
        <v>0</v>
      </c>
      <c r="FP28" s="114">
        <v>125352</v>
      </c>
      <c r="FQ28" s="114">
        <v>307392</v>
      </c>
      <c r="FR28" s="114">
        <v>130056</v>
      </c>
      <c r="FS28" s="114">
        <v>111632</v>
      </c>
      <c r="FT28" s="114">
        <v>107864</v>
      </c>
      <c r="FU28" s="113">
        <v>782296</v>
      </c>
      <c r="FV28" s="116">
        <v>867664</v>
      </c>
      <c r="FW28" s="115">
        <v>18200</v>
      </c>
      <c r="FX28" s="114">
        <v>46048</v>
      </c>
      <c r="FY28" s="112">
        <v>64248</v>
      </c>
      <c r="FZ28" s="111">
        <v>0</v>
      </c>
      <c r="GA28" s="114">
        <v>125352</v>
      </c>
      <c r="GB28" s="114">
        <v>307392</v>
      </c>
      <c r="GC28" s="114">
        <v>130056</v>
      </c>
      <c r="GD28" s="114">
        <v>111632</v>
      </c>
      <c r="GE28" s="114">
        <v>107864</v>
      </c>
      <c r="GF28" s="113">
        <v>782296</v>
      </c>
      <c r="GG28" s="318">
        <v>846544</v>
      </c>
      <c r="GH28" s="115">
        <v>21120</v>
      </c>
      <c r="GI28" s="114">
        <v>0</v>
      </c>
      <c r="GJ28" s="112">
        <v>21120</v>
      </c>
      <c r="GK28" s="111">
        <v>0</v>
      </c>
      <c r="GL28" s="114">
        <v>0</v>
      </c>
      <c r="GM28" s="114">
        <v>0</v>
      </c>
      <c r="GN28" s="114">
        <v>0</v>
      </c>
      <c r="GO28" s="114">
        <v>0</v>
      </c>
      <c r="GP28" s="114">
        <v>0</v>
      </c>
      <c r="GQ28" s="113">
        <v>0</v>
      </c>
      <c r="GR28" s="116">
        <v>21120</v>
      </c>
      <c r="GS28" s="110">
        <v>0</v>
      </c>
      <c r="GT28" s="114">
        <v>0</v>
      </c>
      <c r="GU28" s="113">
        <v>0</v>
      </c>
      <c r="GV28" s="110">
        <v>0</v>
      </c>
      <c r="GW28" s="114">
        <v>0</v>
      </c>
      <c r="GX28" s="114">
        <v>0</v>
      </c>
      <c r="GY28" s="114">
        <v>0</v>
      </c>
      <c r="GZ28" s="114">
        <v>0</v>
      </c>
      <c r="HA28" s="114">
        <v>0</v>
      </c>
      <c r="HB28" s="112">
        <v>0</v>
      </c>
      <c r="HC28" s="116">
        <v>0</v>
      </c>
      <c r="HD28" s="110">
        <v>109261</v>
      </c>
      <c r="HE28" s="114">
        <v>0</v>
      </c>
      <c r="HF28" s="112">
        <v>109261</v>
      </c>
      <c r="HG28" s="111">
        <v>0</v>
      </c>
      <c r="HH28" s="114">
        <v>1308513</v>
      </c>
      <c r="HI28" s="114">
        <v>183535</v>
      </c>
      <c r="HJ28" s="114">
        <v>0</v>
      </c>
      <c r="HK28" s="114">
        <v>875926</v>
      </c>
      <c r="HL28" s="114">
        <v>473896</v>
      </c>
      <c r="HM28" s="113">
        <v>2841870</v>
      </c>
      <c r="HN28" s="109">
        <v>2951131</v>
      </c>
      <c r="HO28" s="328"/>
      <c r="HP28" s="329"/>
      <c r="HQ28" s="330"/>
      <c r="HR28" s="331"/>
      <c r="HS28" s="329"/>
      <c r="HT28" s="329"/>
      <c r="HU28" s="329"/>
      <c r="HV28" s="329"/>
      <c r="HW28" s="329"/>
      <c r="HX28" s="332"/>
      <c r="HY28" s="333"/>
      <c r="HZ28" s="150">
        <v>0</v>
      </c>
      <c r="IA28" s="135">
        <v>0</v>
      </c>
      <c r="IB28" s="150">
        <v>0</v>
      </c>
      <c r="IC28" s="134">
        <v>0</v>
      </c>
      <c r="ID28" s="135">
        <v>477697</v>
      </c>
      <c r="IE28" s="136">
        <v>57774</v>
      </c>
      <c r="IF28" s="137">
        <v>866811</v>
      </c>
      <c r="IG28" s="135">
        <v>798119</v>
      </c>
      <c r="IH28" s="137">
        <v>268882</v>
      </c>
      <c r="II28" s="138">
        <v>2469283</v>
      </c>
      <c r="IJ28" s="150">
        <v>2469283</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35818</v>
      </c>
      <c r="JL28" s="119">
        <v>57774</v>
      </c>
      <c r="JM28" s="119">
        <v>32862</v>
      </c>
      <c r="JN28" s="119">
        <v>0</v>
      </c>
      <c r="JO28" s="119">
        <v>0</v>
      </c>
      <c r="JP28" s="120">
        <v>326454</v>
      </c>
      <c r="JQ28" s="320">
        <v>326454</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41879</v>
      </c>
      <c r="KS28" s="119">
        <v>0</v>
      </c>
      <c r="KT28" s="119">
        <v>833949</v>
      </c>
      <c r="KU28" s="119">
        <v>798119</v>
      </c>
      <c r="KV28" s="119">
        <v>268882</v>
      </c>
      <c r="KW28" s="120">
        <v>2142829</v>
      </c>
      <c r="KX28" s="320">
        <v>2142829</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464908</v>
      </c>
      <c r="MK28" s="119">
        <v>274475</v>
      </c>
      <c r="ML28" s="119">
        <v>754242</v>
      </c>
      <c r="MM28" s="119">
        <v>1326453</v>
      </c>
      <c r="MN28" s="119">
        <v>312088</v>
      </c>
      <c r="MO28" s="120">
        <v>3132166</v>
      </c>
      <c r="MP28" s="143">
        <v>3132166</v>
      </c>
      <c r="MQ28" s="142">
        <v>0</v>
      </c>
      <c r="MR28" s="119">
        <v>0</v>
      </c>
      <c r="MS28" s="120">
        <v>0</v>
      </c>
      <c r="MT28" s="145"/>
      <c r="MU28" s="119">
        <v>222674</v>
      </c>
      <c r="MV28" s="119">
        <v>0</v>
      </c>
      <c r="MW28" s="119">
        <v>478491</v>
      </c>
      <c r="MX28" s="119">
        <v>781871</v>
      </c>
      <c r="MY28" s="119">
        <v>0</v>
      </c>
      <c r="MZ28" s="120">
        <v>1483036</v>
      </c>
      <c r="NA28" s="143">
        <v>1483036</v>
      </c>
      <c r="NB28" s="142">
        <v>0</v>
      </c>
      <c r="NC28" s="119">
        <v>0</v>
      </c>
      <c r="ND28" s="120">
        <v>0</v>
      </c>
      <c r="NE28" s="145"/>
      <c r="NF28" s="119">
        <v>242234</v>
      </c>
      <c r="NG28" s="119">
        <v>274475</v>
      </c>
      <c r="NH28" s="119">
        <v>275751</v>
      </c>
      <c r="NI28" s="119">
        <v>544582</v>
      </c>
      <c r="NJ28" s="119">
        <v>312088</v>
      </c>
      <c r="NK28" s="120">
        <v>1649130</v>
      </c>
      <c r="NL28" s="320">
        <v>1649130</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258414</v>
      </c>
      <c r="OJ28" s="119">
        <v>169503</v>
      </c>
      <c r="OK28" s="141">
        <v>427917</v>
      </c>
      <c r="OL28" s="118">
        <v>0</v>
      </c>
      <c r="OM28" s="119">
        <v>3804950</v>
      </c>
      <c r="ON28" s="119">
        <v>2751831</v>
      </c>
      <c r="OO28" s="119">
        <v>3431903</v>
      </c>
      <c r="OP28" s="119">
        <v>4436629</v>
      </c>
      <c r="OQ28" s="119">
        <v>2280687</v>
      </c>
      <c r="OR28" s="120">
        <v>16706000</v>
      </c>
      <c r="OS28" s="143">
        <v>17133917</v>
      </c>
    </row>
    <row r="29" spans="2:409" ht="21" customHeight="1" x14ac:dyDescent="0.2">
      <c r="B29" s="126" t="s">
        <v>24</v>
      </c>
      <c r="C29" s="110">
        <v>337875</v>
      </c>
      <c r="D29" s="114">
        <v>353323</v>
      </c>
      <c r="E29" s="113">
        <v>691198</v>
      </c>
      <c r="F29" s="109">
        <v>0</v>
      </c>
      <c r="G29" s="114">
        <v>1851294</v>
      </c>
      <c r="H29" s="114">
        <v>2573046</v>
      </c>
      <c r="I29" s="114">
        <v>2223845</v>
      </c>
      <c r="J29" s="114">
        <v>805860</v>
      </c>
      <c r="K29" s="114">
        <v>1836938</v>
      </c>
      <c r="L29" s="173">
        <v>9290983</v>
      </c>
      <c r="M29" s="116">
        <v>9982181</v>
      </c>
      <c r="N29" s="110">
        <v>72123</v>
      </c>
      <c r="O29" s="114">
        <v>64031</v>
      </c>
      <c r="P29" s="113">
        <v>136154</v>
      </c>
      <c r="Q29" s="110">
        <v>0</v>
      </c>
      <c r="R29" s="114">
        <v>743388</v>
      </c>
      <c r="S29" s="114">
        <v>812024</v>
      </c>
      <c r="T29" s="114">
        <v>777018</v>
      </c>
      <c r="U29" s="114">
        <v>331596</v>
      </c>
      <c r="V29" s="114">
        <v>1209722</v>
      </c>
      <c r="W29" s="113">
        <v>3873748</v>
      </c>
      <c r="X29" s="116">
        <v>4009902</v>
      </c>
      <c r="Y29" s="110">
        <v>0</v>
      </c>
      <c r="Z29" s="114">
        <v>0</v>
      </c>
      <c r="AA29" s="113">
        <v>0</v>
      </c>
      <c r="AB29" s="110">
        <v>0</v>
      </c>
      <c r="AC29" s="114">
        <v>321028</v>
      </c>
      <c r="AD29" s="114">
        <v>299889</v>
      </c>
      <c r="AE29" s="114">
        <v>371100</v>
      </c>
      <c r="AF29" s="114">
        <v>161828</v>
      </c>
      <c r="AG29" s="114">
        <v>767477</v>
      </c>
      <c r="AH29" s="113">
        <v>1921322</v>
      </c>
      <c r="AI29" s="116">
        <v>1921322</v>
      </c>
      <c r="AJ29" s="110">
        <v>0</v>
      </c>
      <c r="AK29" s="114">
        <v>0</v>
      </c>
      <c r="AL29" s="113">
        <v>0</v>
      </c>
      <c r="AM29" s="110">
        <v>0</v>
      </c>
      <c r="AN29" s="114">
        <v>0</v>
      </c>
      <c r="AO29" s="114">
        <v>48292</v>
      </c>
      <c r="AP29" s="114">
        <v>0</v>
      </c>
      <c r="AQ29" s="114">
        <v>60368</v>
      </c>
      <c r="AR29" s="114">
        <v>107070</v>
      </c>
      <c r="AS29" s="113">
        <v>215730</v>
      </c>
      <c r="AT29" s="116">
        <v>215730</v>
      </c>
      <c r="AU29" s="110">
        <v>37603</v>
      </c>
      <c r="AV29" s="114">
        <v>64031</v>
      </c>
      <c r="AW29" s="113">
        <v>101634</v>
      </c>
      <c r="AX29" s="110">
        <v>0</v>
      </c>
      <c r="AY29" s="114">
        <v>299692</v>
      </c>
      <c r="AZ29" s="114">
        <v>188388</v>
      </c>
      <c r="BA29" s="114">
        <v>259622</v>
      </c>
      <c r="BB29" s="114">
        <v>0</v>
      </c>
      <c r="BC29" s="114">
        <v>177151</v>
      </c>
      <c r="BD29" s="113">
        <v>924853</v>
      </c>
      <c r="BE29" s="116">
        <v>1026487</v>
      </c>
      <c r="BF29" s="110">
        <v>0</v>
      </c>
      <c r="BG29" s="114">
        <v>0</v>
      </c>
      <c r="BH29" s="112">
        <v>0</v>
      </c>
      <c r="BI29" s="111">
        <v>0</v>
      </c>
      <c r="BJ29" s="114">
        <v>35868</v>
      </c>
      <c r="BK29" s="114">
        <v>74831</v>
      </c>
      <c r="BL29" s="114">
        <v>0</v>
      </c>
      <c r="BM29" s="114">
        <v>63400</v>
      </c>
      <c r="BN29" s="114">
        <v>0</v>
      </c>
      <c r="BO29" s="113">
        <v>174099</v>
      </c>
      <c r="BP29" s="116">
        <v>174099</v>
      </c>
      <c r="BQ29" s="110">
        <v>34520</v>
      </c>
      <c r="BR29" s="114">
        <v>0</v>
      </c>
      <c r="BS29" s="113">
        <v>34520</v>
      </c>
      <c r="BT29" s="110">
        <v>0</v>
      </c>
      <c r="BU29" s="114">
        <v>86800</v>
      </c>
      <c r="BV29" s="114">
        <v>200624</v>
      </c>
      <c r="BW29" s="114">
        <v>146296</v>
      </c>
      <c r="BX29" s="114">
        <v>46000</v>
      </c>
      <c r="BY29" s="114">
        <v>158024</v>
      </c>
      <c r="BZ29" s="113">
        <v>637744</v>
      </c>
      <c r="CA29" s="116">
        <v>672264</v>
      </c>
      <c r="CB29" s="110">
        <v>62172</v>
      </c>
      <c r="CC29" s="114">
        <v>74812</v>
      </c>
      <c r="CD29" s="113">
        <v>136984</v>
      </c>
      <c r="CE29" s="110">
        <v>0</v>
      </c>
      <c r="CF29" s="114">
        <v>629848</v>
      </c>
      <c r="CG29" s="114">
        <v>629784</v>
      </c>
      <c r="CH29" s="114">
        <v>679527</v>
      </c>
      <c r="CI29" s="114">
        <v>0</v>
      </c>
      <c r="CJ29" s="114">
        <v>32469</v>
      </c>
      <c r="CK29" s="113">
        <v>1971628</v>
      </c>
      <c r="CL29" s="116">
        <v>2108612</v>
      </c>
      <c r="CM29" s="110">
        <v>0</v>
      </c>
      <c r="CN29" s="114">
        <v>0</v>
      </c>
      <c r="CO29" s="113">
        <v>0</v>
      </c>
      <c r="CP29" s="111">
        <v>0</v>
      </c>
      <c r="CQ29" s="114">
        <v>586388</v>
      </c>
      <c r="CR29" s="114">
        <v>411213</v>
      </c>
      <c r="CS29" s="114">
        <v>420214</v>
      </c>
      <c r="CT29" s="114">
        <v>0</v>
      </c>
      <c r="CU29" s="114">
        <v>32469</v>
      </c>
      <c r="CV29" s="113">
        <v>1450284</v>
      </c>
      <c r="CW29" s="116">
        <v>1450284</v>
      </c>
      <c r="CX29" s="110">
        <v>62172</v>
      </c>
      <c r="CY29" s="114">
        <v>74812</v>
      </c>
      <c r="CZ29" s="113">
        <v>136984</v>
      </c>
      <c r="DA29" s="110">
        <v>0</v>
      </c>
      <c r="DB29" s="114">
        <v>43460</v>
      </c>
      <c r="DC29" s="114">
        <v>218571</v>
      </c>
      <c r="DD29" s="114">
        <v>259313</v>
      </c>
      <c r="DE29" s="114">
        <v>0</v>
      </c>
      <c r="DF29" s="114">
        <v>0</v>
      </c>
      <c r="DG29" s="113">
        <v>521344</v>
      </c>
      <c r="DH29" s="116">
        <v>658328</v>
      </c>
      <c r="DI29" s="110">
        <v>0</v>
      </c>
      <c r="DJ29" s="114">
        <v>0</v>
      </c>
      <c r="DK29" s="112">
        <v>0</v>
      </c>
      <c r="DL29" s="111">
        <v>0</v>
      </c>
      <c r="DM29" s="114">
        <v>52954</v>
      </c>
      <c r="DN29" s="114">
        <v>0</v>
      </c>
      <c r="DO29" s="114">
        <v>25581</v>
      </c>
      <c r="DP29" s="114">
        <v>0</v>
      </c>
      <c r="DQ29" s="114">
        <v>34092</v>
      </c>
      <c r="DR29" s="113">
        <v>112627</v>
      </c>
      <c r="DS29" s="116">
        <v>112627</v>
      </c>
      <c r="DT29" s="110">
        <v>0</v>
      </c>
      <c r="DU29" s="114">
        <v>0</v>
      </c>
      <c r="DV29" s="113">
        <v>0</v>
      </c>
      <c r="DW29" s="110">
        <v>0</v>
      </c>
      <c r="DX29" s="114">
        <v>52954</v>
      </c>
      <c r="DY29" s="114">
        <v>0</v>
      </c>
      <c r="DZ29" s="114">
        <v>25581</v>
      </c>
      <c r="EA29" s="114">
        <v>0</v>
      </c>
      <c r="EB29" s="114">
        <v>34092</v>
      </c>
      <c r="EC29" s="113">
        <v>112627</v>
      </c>
      <c r="ED29" s="116">
        <v>112627</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22960</v>
      </c>
      <c r="FM29" s="114">
        <v>13600</v>
      </c>
      <c r="FN29" s="113">
        <v>36560</v>
      </c>
      <c r="FO29" s="110">
        <v>0</v>
      </c>
      <c r="FP29" s="114">
        <v>93592</v>
      </c>
      <c r="FQ29" s="114">
        <v>226416</v>
      </c>
      <c r="FR29" s="114">
        <v>152576</v>
      </c>
      <c r="FS29" s="114">
        <v>43648</v>
      </c>
      <c r="FT29" s="114">
        <v>93272</v>
      </c>
      <c r="FU29" s="113">
        <v>609504</v>
      </c>
      <c r="FV29" s="116">
        <v>646064</v>
      </c>
      <c r="FW29" s="115">
        <v>22960</v>
      </c>
      <c r="FX29" s="114">
        <v>13600</v>
      </c>
      <c r="FY29" s="112">
        <v>36560</v>
      </c>
      <c r="FZ29" s="111">
        <v>0</v>
      </c>
      <c r="GA29" s="114">
        <v>80392</v>
      </c>
      <c r="GB29" s="114">
        <v>205296</v>
      </c>
      <c r="GC29" s="114">
        <v>152576</v>
      </c>
      <c r="GD29" s="114">
        <v>43648</v>
      </c>
      <c r="GE29" s="114">
        <v>93272</v>
      </c>
      <c r="GF29" s="113">
        <v>575184</v>
      </c>
      <c r="GG29" s="318">
        <v>611744</v>
      </c>
      <c r="GH29" s="115">
        <v>0</v>
      </c>
      <c r="GI29" s="114">
        <v>0</v>
      </c>
      <c r="GJ29" s="112">
        <v>0</v>
      </c>
      <c r="GK29" s="111">
        <v>0</v>
      </c>
      <c r="GL29" s="114">
        <v>13200</v>
      </c>
      <c r="GM29" s="114">
        <v>21120</v>
      </c>
      <c r="GN29" s="114">
        <v>0</v>
      </c>
      <c r="GO29" s="114">
        <v>0</v>
      </c>
      <c r="GP29" s="114">
        <v>0</v>
      </c>
      <c r="GQ29" s="113">
        <v>34320</v>
      </c>
      <c r="GR29" s="116">
        <v>34320</v>
      </c>
      <c r="GS29" s="110">
        <v>0</v>
      </c>
      <c r="GT29" s="114">
        <v>0</v>
      </c>
      <c r="GU29" s="113">
        <v>0</v>
      </c>
      <c r="GV29" s="110">
        <v>0</v>
      </c>
      <c r="GW29" s="114">
        <v>0</v>
      </c>
      <c r="GX29" s="114">
        <v>0</v>
      </c>
      <c r="GY29" s="114">
        <v>0</v>
      </c>
      <c r="GZ29" s="114">
        <v>0</v>
      </c>
      <c r="HA29" s="114">
        <v>0</v>
      </c>
      <c r="HB29" s="112">
        <v>0</v>
      </c>
      <c r="HC29" s="116">
        <v>0</v>
      </c>
      <c r="HD29" s="110">
        <v>180620</v>
      </c>
      <c r="HE29" s="114">
        <v>200880</v>
      </c>
      <c r="HF29" s="112">
        <v>381500</v>
      </c>
      <c r="HG29" s="111">
        <v>0</v>
      </c>
      <c r="HH29" s="114">
        <v>331512</v>
      </c>
      <c r="HI29" s="114">
        <v>904822</v>
      </c>
      <c r="HJ29" s="114">
        <v>589143</v>
      </c>
      <c r="HK29" s="114">
        <v>430616</v>
      </c>
      <c r="HL29" s="114">
        <v>467383</v>
      </c>
      <c r="HM29" s="113">
        <v>2723476</v>
      </c>
      <c r="HN29" s="109">
        <v>3104976</v>
      </c>
      <c r="HO29" s="328"/>
      <c r="HP29" s="329"/>
      <c r="HQ29" s="330"/>
      <c r="HR29" s="331"/>
      <c r="HS29" s="329"/>
      <c r="HT29" s="329"/>
      <c r="HU29" s="329"/>
      <c r="HV29" s="329"/>
      <c r="HW29" s="329"/>
      <c r="HX29" s="332"/>
      <c r="HY29" s="333"/>
      <c r="HZ29" s="131">
        <v>0</v>
      </c>
      <c r="IA29" s="132">
        <v>0</v>
      </c>
      <c r="IB29" s="133">
        <v>0</v>
      </c>
      <c r="IC29" s="146">
        <v>0</v>
      </c>
      <c r="ID29" s="132">
        <v>74041</v>
      </c>
      <c r="IE29" s="147">
        <v>49724</v>
      </c>
      <c r="IF29" s="133">
        <v>991724</v>
      </c>
      <c r="IG29" s="132">
        <v>0</v>
      </c>
      <c r="IH29" s="133">
        <v>251656</v>
      </c>
      <c r="II29" s="148">
        <v>1367145</v>
      </c>
      <c r="IJ29" s="139">
        <v>1367145</v>
      </c>
      <c r="IK29" s="232">
        <v>0</v>
      </c>
      <c r="IL29" s="236">
        <v>0</v>
      </c>
      <c r="IM29" s="237">
        <v>0</v>
      </c>
      <c r="IN29" s="140"/>
      <c r="IO29" s="119">
        <v>0</v>
      </c>
      <c r="IP29" s="119">
        <v>0</v>
      </c>
      <c r="IQ29" s="119">
        <v>158825</v>
      </c>
      <c r="IR29" s="119">
        <v>0</v>
      </c>
      <c r="IS29" s="119">
        <v>0</v>
      </c>
      <c r="IT29" s="141">
        <v>158825</v>
      </c>
      <c r="IU29" s="320">
        <v>158825</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55564</v>
      </c>
      <c r="JL29" s="119">
        <v>0</v>
      </c>
      <c r="JM29" s="119">
        <v>210695</v>
      </c>
      <c r="JN29" s="119">
        <v>0</v>
      </c>
      <c r="JO29" s="119">
        <v>0</v>
      </c>
      <c r="JP29" s="120">
        <v>266259</v>
      </c>
      <c r="JQ29" s="320">
        <v>266259</v>
      </c>
      <c r="JR29" s="142">
        <v>0</v>
      </c>
      <c r="JS29" s="119">
        <v>0</v>
      </c>
      <c r="JT29" s="141">
        <v>0</v>
      </c>
      <c r="JU29" s="118">
        <v>0</v>
      </c>
      <c r="JV29" s="119">
        <v>18477</v>
      </c>
      <c r="JW29" s="119">
        <v>0</v>
      </c>
      <c r="JX29" s="119">
        <v>138364</v>
      </c>
      <c r="JY29" s="119">
        <v>0</v>
      </c>
      <c r="JZ29" s="119">
        <v>0</v>
      </c>
      <c r="KA29" s="120">
        <v>156841</v>
      </c>
      <c r="KB29" s="320">
        <v>156841</v>
      </c>
      <c r="KC29" s="234">
        <v>0</v>
      </c>
      <c r="KD29" s="230">
        <v>0</v>
      </c>
      <c r="KE29" s="120">
        <v>0</v>
      </c>
      <c r="KF29" s="118">
        <v>0</v>
      </c>
      <c r="KG29" s="119">
        <v>0</v>
      </c>
      <c r="KH29" s="119">
        <v>49724</v>
      </c>
      <c r="KI29" s="119">
        <v>0</v>
      </c>
      <c r="KJ29" s="119">
        <v>0</v>
      </c>
      <c r="KK29" s="119">
        <v>0</v>
      </c>
      <c r="KL29" s="120">
        <v>49724</v>
      </c>
      <c r="KM29" s="143">
        <v>49724</v>
      </c>
      <c r="KN29" s="232">
        <v>0</v>
      </c>
      <c r="KO29" s="236">
        <v>0</v>
      </c>
      <c r="KP29" s="237">
        <v>0</v>
      </c>
      <c r="KQ29" s="140"/>
      <c r="KR29" s="119">
        <v>0</v>
      </c>
      <c r="KS29" s="119">
        <v>0</v>
      </c>
      <c r="KT29" s="119">
        <v>483840</v>
      </c>
      <c r="KU29" s="119">
        <v>0</v>
      </c>
      <c r="KV29" s="119">
        <v>251656</v>
      </c>
      <c r="KW29" s="120">
        <v>735496</v>
      </c>
      <c r="KX29" s="320">
        <v>735496</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251234</v>
      </c>
      <c r="ML29" s="119">
        <v>893388</v>
      </c>
      <c r="MM29" s="119">
        <v>2106229</v>
      </c>
      <c r="MN29" s="119">
        <v>546300</v>
      </c>
      <c r="MO29" s="120">
        <v>3797151</v>
      </c>
      <c r="MP29" s="143">
        <v>3797151</v>
      </c>
      <c r="MQ29" s="142">
        <v>0</v>
      </c>
      <c r="MR29" s="119">
        <v>0</v>
      </c>
      <c r="MS29" s="120">
        <v>0</v>
      </c>
      <c r="MT29" s="145"/>
      <c r="MU29" s="119">
        <v>0</v>
      </c>
      <c r="MV29" s="119">
        <v>0</v>
      </c>
      <c r="MW29" s="119">
        <v>0</v>
      </c>
      <c r="MX29" s="119">
        <v>1239245</v>
      </c>
      <c r="MY29" s="119">
        <v>546300</v>
      </c>
      <c r="MZ29" s="120">
        <v>1785545</v>
      </c>
      <c r="NA29" s="143">
        <v>1785545</v>
      </c>
      <c r="NB29" s="142">
        <v>0</v>
      </c>
      <c r="NC29" s="119">
        <v>0</v>
      </c>
      <c r="ND29" s="120">
        <v>0</v>
      </c>
      <c r="NE29" s="145"/>
      <c r="NF29" s="119">
        <v>0</v>
      </c>
      <c r="NG29" s="119">
        <v>251234</v>
      </c>
      <c r="NH29" s="119">
        <v>893388</v>
      </c>
      <c r="NI29" s="119">
        <v>866984</v>
      </c>
      <c r="NJ29" s="119">
        <v>0</v>
      </c>
      <c r="NK29" s="120">
        <v>2011606</v>
      </c>
      <c r="NL29" s="320">
        <v>2011606</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37875</v>
      </c>
      <c r="OJ29" s="119">
        <v>353323</v>
      </c>
      <c r="OK29" s="141">
        <v>691198</v>
      </c>
      <c r="OL29" s="118">
        <v>0</v>
      </c>
      <c r="OM29" s="119">
        <v>1925335</v>
      </c>
      <c r="ON29" s="119">
        <v>2874004</v>
      </c>
      <c r="OO29" s="119">
        <v>4108957</v>
      </c>
      <c r="OP29" s="119">
        <v>2912089</v>
      </c>
      <c r="OQ29" s="119">
        <v>2634894</v>
      </c>
      <c r="OR29" s="120">
        <v>14455279</v>
      </c>
      <c r="OS29" s="143">
        <v>15146477</v>
      </c>
    </row>
    <row r="30" spans="2:409" ht="21" customHeight="1" x14ac:dyDescent="0.2">
      <c r="B30" s="126" t="s">
        <v>25</v>
      </c>
      <c r="C30" s="110">
        <v>103659</v>
      </c>
      <c r="D30" s="114">
        <v>384455</v>
      </c>
      <c r="E30" s="113">
        <v>488114</v>
      </c>
      <c r="F30" s="109">
        <v>0</v>
      </c>
      <c r="G30" s="114">
        <v>1347945</v>
      </c>
      <c r="H30" s="114">
        <v>827456</v>
      </c>
      <c r="I30" s="114">
        <v>1488160</v>
      </c>
      <c r="J30" s="114">
        <v>1179515</v>
      </c>
      <c r="K30" s="114">
        <v>566661</v>
      </c>
      <c r="L30" s="173">
        <v>5409737</v>
      </c>
      <c r="M30" s="116">
        <v>5897851</v>
      </c>
      <c r="N30" s="110">
        <v>0</v>
      </c>
      <c r="O30" s="114">
        <v>70605</v>
      </c>
      <c r="P30" s="113">
        <v>70605</v>
      </c>
      <c r="Q30" s="110">
        <v>0</v>
      </c>
      <c r="R30" s="114">
        <v>324507</v>
      </c>
      <c r="S30" s="114">
        <v>286205</v>
      </c>
      <c r="T30" s="114">
        <v>770545</v>
      </c>
      <c r="U30" s="114">
        <v>112756</v>
      </c>
      <c r="V30" s="114">
        <v>28123</v>
      </c>
      <c r="W30" s="113">
        <v>1522136</v>
      </c>
      <c r="X30" s="116">
        <v>1592741</v>
      </c>
      <c r="Y30" s="110">
        <v>0</v>
      </c>
      <c r="Z30" s="114">
        <v>0</v>
      </c>
      <c r="AA30" s="113">
        <v>0</v>
      </c>
      <c r="AB30" s="110">
        <v>0</v>
      </c>
      <c r="AC30" s="114">
        <v>184560</v>
      </c>
      <c r="AD30" s="114">
        <v>141767</v>
      </c>
      <c r="AE30" s="114">
        <v>508017</v>
      </c>
      <c r="AF30" s="114">
        <v>0</v>
      </c>
      <c r="AG30" s="114">
        <v>20595</v>
      </c>
      <c r="AH30" s="113">
        <v>854939</v>
      </c>
      <c r="AI30" s="116">
        <v>854939</v>
      </c>
      <c r="AJ30" s="110">
        <v>0</v>
      </c>
      <c r="AK30" s="114">
        <v>0</v>
      </c>
      <c r="AL30" s="113">
        <v>0</v>
      </c>
      <c r="AM30" s="110">
        <v>0</v>
      </c>
      <c r="AN30" s="114">
        <v>0</v>
      </c>
      <c r="AO30" s="114">
        <v>0</v>
      </c>
      <c r="AP30" s="114">
        <v>85119</v>
      </c>
      <c r="AQ30" s="114">
        <v>0</v>
      </c>
      <c r="AR30" s="114">
        <v>0</v>
      </c>
      <c r="AS30" s="113">
        <v>85119</v>
      </c>
      <c r="AT30" s="116">
        <v>85119</v>
      </c>
      <c r="AU30" s="110">
        <v>0</v>
      </c>
      <c r="AV30" s="114">
        <v>4724</v>
      </c>
      <c r="AW30" s="113">
        <v>4724</v>
      </c>
      <c r="AX30" s="110">
        <v>0</v>
      </c>
      <c r="AY30" s="114">
        <v>73219</v>
      </c>
      <c r="AZ30" s="114">
        <v>119646</v>
      </c>
      <c r="BA30" s="114">
        <v>102701</v>
      </c>
      <c r="BB30" s="114">
        <v>86332</v>
      </c>
      <c r="BC30" s="114">
        <v>0</v>
      </c>
      <c r="BD30" s="113">
        <v>381898</v>
      </c>
      <c r="BE30" s="116">
        <v>386622</v>
      </c>
      <c r="BF30" s="110">
        <v>0</v>
      </c>
      <c r="BG30" s="114">
        <v>51921</v>
      </c>
      <c r="BH30" s="112">
        <v>51921</v>
      </c>
      <c r="BI30" s="111">
        <v>0</v>
      </c>
      <c r="BJ30" s="114">
        <v>0</v>
      </c>
      <c r="BK30" s="114">
        <v>0</v>
      </c>
      <c r="BL30" s="114">
        <v>37988</v>
      </c>
      <c r="BM30" s="114">
        <v>0</v>
      </c>
      <c r="BN30" s="114">
        <v>0</v>
      </c>
      <c r="BO30" s="113">
        <v>37988</v>
      </c>
      <c r="BP30" s="116">
        <v>89909</v>
      </c>
      <c r="BQ30" s="110">
        <v>0</v>
      </c>
      <c r="BR30" s="114">
        <v>13960</v>
      </c>
      <c r="BS30" s="113">
        <v>13960</v>
      </c>
      <c r="BT30" s="110">
        <v>0</v>
      </c>
      <c r="BU30" s="114">
        <v>66728</v>
      </c>
      <c r="BV30" s="114">
        <v>24792</v>
      </c>
      <c r="BW30" s="114">
        <v>36720</v>
      </c>
      <c r="BX30" s="114">
        <v>26424</v>
      </c>
      <c r="BY30" s="114">
        <v>7528</v>
      </c>
      <c r="BZ30" s="113">
        <v>162192</v>
      </c>
      <c r="CA30" s="116">
        <v>176152</v>
      </c>
      <c r="CB30" s="110">
        <v>98155</v>
      </c>
      <c r="CC30" s="114">
        <v>36431</v>
      </c>
      <c r="CD30" s="113">
        <v>134586</v>
      </c>
      <c r="CE30" s="110">
        <v>0</v>
      </c>
      <c r="CF30" s="114">
        <v>489729</v>
      </c>
      <c r="CG30" s="114">
        <v>424307</v>
      </c>
      <c r="CH30" s="114">
        <v>366618</v>
      </c>
      <c r="CI30" s="114">
        <v>382893</v>
      </c>
      <c r="CJ30" s="114">
        <v>25699</v>
      </c>
      <c r="CK30" s="113">
        <v>1689246</v>
      </c>
      <c r="CL30" s="116">
        <v>1823832</v>
      </c>
      <c r="CM30" s="110">
        <v>0</v>
      </c>
      <c r="CN30" s="114">
        <v>0</v>
      </c>
      <c r="CO30" s="113">
        <v>0</v>
      </c>
      <c r="CP30" s="111">
        <v>0</v>
      </c>
      <c r="CQ30" s="114">
        <v>409592</v>
      </c>
      <c r="CR30" s="114">
        <v>127060</v>
      </c>
      <c r="CS30" s="114">
        <v>93579</v>
      </c>
      <c r="CT30" s="114">
        <v>330127</v>
      </c>
      <c r="CU30" s="114">
        <v>0</v>
      </c>
      <c r="CV30" s="113">
        <v>960358</v>
      </c>
      <c r="CW30" s="116">
        <v>960358</v>
      </c>
      <c r="CX30" s="110">
        <v>98155</v>
      </c>
      <c r="CY30" s="114">
        <v>36431</v>
      </c>
      <c r="CZ30" s="113">
        <v>134586</v>
      </c>
      <c r="DA30" s="110">
        <v>0</v>
      </c>
      <c r="DB30" s="114">
        <v>80137</v>
      </c>
      <c r="DC30" s="114">
        <v>297247</v>
      </c>
      <c r="DD30" s="114">
        <v>273039</v>
      </c>
      <c r="DE30" s="114">
        <v>52766</v>
      </c>
      <c r="DF30" s="114">
        <v>25699</v>
      </c>
      <c r="DG30" s="113">
        <v>728888</v>
      </c>
      <c r="DH30" s="116">
        <v>863474</v>
      </c>
      <c r="DI30" s="110">
        <v>0</v>
      </c>
      <c r="DJ30" s="114">
        <v>0</v>
      </c>
      <c r="DK30" s="112">
        <v>0</v>
      </c>
      <c r="DL30" s="111">
        <v>0</v>
      </c>
      <c r="DM30" s="114">
        <v>46598</v>
      </c>
      <c r="DN30" s="114">
        <v>0</v>
      </c>
      <c r="DO30" s="114">
        <v>36908</v>
      </c>
      <c r="DP30" s="114">
        <v>163945</v>
      </c>
      <c r="DQ30" s="114">
        <v>264016</v>
      </c>
      <c r="DR30" s="113">
        <v>511467</v>
      </c>
      <c r="DS30" s="116">
        <v>511467</v>
      </c>
      <c r="DT30" s="110">
        <v>0</v>
      </c>
      <c r="DU30" s="114">
        <v>0</v>
      </c>
      <c r="DV30" s="113">
        <v>0</v>
      </c>
      <c r="DW30" s="110">
        <v>0</v>
      </c>
      <c r="DX30" s="114">
        <v>0</v>
      </c>
      <c r="DY30" s="114">
        <v>0</v>
      </c>
      <c r="DZ30" s="114">
        <v>0</v>
      </c>
      <c r="EA30" s="114">
        <v>163945</v>
      </c>
      <c r="EB30" s="114">
        <v>0</v>
      </c>
      <c r="EC30" s="113">
        <v>163945</v>
      </c>
      <c r="ED30" s="116">
        <v>163945</v>
      </c>
      <c r="EE30" s="110">
        <v>0</v>
      </c>
      <c r="EF30" s="112">
        <v>0</v>
      </c>
      <c r="EG30" s="113">
        <v>0</v>
      </c>
      <c r="EH30" s="110">
        <v>0</v>
      </c>
      <c r="EI30" s="114">
        <v>46598</v>
      </c>
      <c r="EJ30" s="114">
        <v>0</v>
      </c>
      <c r="EK30" s="114">
        <v>36908</v>
      </c>
      <c r="EL30" s="114">
        <v>0</v>
      </c>
      <c r="EM30" s="114">
        <v>264016</v>
      </c>
      <c r="EN30" s="112">
        <v>347522</v>
      </c>
      <c r="EO30" s="116">
        <v>347522</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5504</v>
      </c>
      <c r="FM30" s="114">
        <v>185568</v>
      </c>
      <c r="FN30" s="113">
        <v>191072</v>
      </c>
      <c r="FO30" s="110">
        <v>0</v>
      </c>
      <c r="FP30" s="114">
        <v>14192</v>
      </c>
      <c r="FQ30" s="114">
        <v>116944</v>
      </c>
      <c r="FR30" s="114">
        <v>118976</v>
      </c>
      <c r="FS30" s="114">
        <v>79920</v>
      </c>
      <c r="FT30" s="114">
        <v>15488</v>
      </c>
      <c r="FU30" s="113">
        <v>345520</v>
      </c>
      <c r="FV30" s="116">
        <v>536592</v>
      </c>
      <c r="FW30" s="115">
        <v>5504</v>
      </c>
      <c r="FX30" s="114">
        <v>49568</v>
      </c>
      <c r="FY30" s="112">
        <v>55072</v>
      </c>
      <c r="FZ30" s="111">
        <v>0</v>
      </c>
      <c r="GA30" s="114">
        <v>14192</v>
      </c>
      <c r="GB30" s="114">
        <v>116944</v>
      </c>
      <c r="GC30" s="114">
        <v>118976</v>
      </c>
      <c r="GD30" s="114">
        <v>79920</v>
      </c>
      <c r="GE30" s="114">
        <v>15488</v>
      </c>
      <c r="GF30" s="113">
        <v>345520</v>
      </c>
      <c r="GG30" s="318">
        <v>400592</v>
      </c>
      <c r="GH30" s="115">
        <v>0</v>
      </c>
      <c r="GI30" s="114">
        <v>0</v>
      </c>
      <c r="GJ30" s="112">
        <v>0</v>
      </c>
      <c r="GK30" s="111">
        <v>0</v>
      </c>
      <c r="GL30" s="114">
        <v>0</v>
      </c>
      <c r="GM30" s="114">
        <v>0</v>
      </c>
      <c r="GN30" s="114">
        <v>0</v>
      </c>
      <c r="GO30" s="114">
        <v>0</v>
      </c>
      <c r="GP30" s="114">
        <v>0</v>
      </c>
      <c r="GQ30" s="113">
        <v>0</v>
      </c>
      <c r="GR30" s="116">
        <v>0</v>
      </c>
      <c r="GS30" s="110">
        <v>0</v>
      </c>
      <c r="GT30" s="114">
        <v>136000</v>
      </c>
      <c r="GU30" s="113">
        <v>136000</v>
      </c>
      <c r="GV30" s="110">
        <v>0</v>
      </c>
      <c r="GW30" s="114">
        <v>0</v>
      </c>
      <c r="GX30" s="114">
        <v>0</v>
      </c>
      <c r="GY30" s="114">
        <v>0</v>
      </c>
      <c r="GZ30" s="114">
        <v>0</v>
      </c>
      <c r="HA30" s="114">
        <v>0</v>
      </c>
      <c r="HB30" s="112">
        <v>0</v>
      </c>
      <c r="HC30" s="116">
        <v>136000</v>
      </c>
      <c r="HD30" s="110">
        <v>0</v>
      </c>
      <c r="HE30" s="114">
        <v>91851</v>
      </c>
      <c r="HF30" s="112">
        <v>91851</v>
      </c>
      <c r="HG30" s="111">
        <v>0</v>
      </c>
      <c r="HH30" s="114">
        <v>472919</v>
      </c>
      <c r="HI30" s="114">
        <v>0</v>
      </c>
      <c r="HJ30" s="114">
        <v>195113</v>
      </c>
      <c r="HK30" s="114">
        <v>440001</v>
      </c>
      <c r="HL30" s="114">
        <v>233335</v>
      </c>
      <c r="HM30" s="113">
        <v>1341368</v>
      </c>
      <c r="HN30" s="109">
        <v>1433219</v>
      </c>
      <c r="HO30" s="328"/>
      <c r="HP30" s="329"/>
      <c r="HQ30" s="330"/>
      <c r="HR30" s="331"/>
      <c r="HS30" s="329"/>
      <c r="HT30" s="329"/>
      <c r="HU30" s="329"/>
      <c r="HV30" s="329"/>
      <c r="HW30" s="329"/>
      <c r="HX30" s="332"/>
      <c r="HY30" s="333"/>
      <c r="HZ30" s="150">
        <v>41280</v>
      </c>
      <c r="IA30" s="135">
        <v>0</v>
      </c>
      <c r="IB30" s="150">
        <v>41280</v>
      </c>
      <c r="IC30" s="134">
        <v>0</v>
      </c>
      <c r="ID30" s="135">
        <v>111802</v>
      </c>
      <c r="IE30" s="136">
        <v>33247</v>
      </c>
      <c r="IF30" s="137">
        <v>0</v>
      </c>
      <c r="IG30" s="135">
        <v>0</v>
      </c>
      <c r="IH30" s="137">
        <v>0</v>
      </c>
      <c r="II30" s="138">
        <v>145049</v>
      </c>
      <c r="IJ30" s="150">
        <v>186329</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111802</v>
      </c>
      <c r="JL30" s="119">
        <v>33247</v>
      </c>
      <c r="JM30" s="119">
        <v>0</v>
      </c>
      <c r="JN30" s="119">
        <v>0</v>
      </c>
      <c r="JO30" s="119">
        <v>0</v>
      </c>
      <c r="JP30" s="120">
        <v>145049</v>
      </c>
      <c r="JQ30" s="320">
        <v>145049</v>
      </c>
      <c r="JR30" s="142">
        <v>0</v>
      </c>
      <c r="JS30" s="119">
        <v>0</v>
      </c>
      <c r="JT30" s="141">
        <v>0</v>
      </c>
      <c r="JU30" s="118">
        <v>0</v>
      </c>
      <c r="JV30" s="119">
        <v>0</v>
      </c>
      <c r="JW30" s="119">
        <v>0</v>
      </c>
      <c r="JX30" s="119">
        <v>0</v>
      </c>
      <c r="JY30" s="119">
        <v>0</v>
      </c>
      <c r="JZ30" s="119">
        <v>0</v>
      </c>
      <c r="KA30" s="120">
        <v>0</v>
      </c>
      <c r="KB30" s="320">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266224</v>
      </c>
      <c r="MK30" s="119">
        <v>208531</v>
      </c>
      <c r="ML30" s="119">
        <v>1040617</v>
      </c>
      <c r="MM30" s="119">
        <v>861097</v>
      </c>
      <c r="MN30" s="119">
        <v>1261842</v>
      </c>
      <c r="MO30" s="120">
        <v>3638311</v>
      </c>
      <c r="MP30" s="143">
        <v>3638311</v>
      </c>
      <c r="MQ30" s="142">
        <v>0</v>
      </c>
      <c r="MR30" s="119">
        <v>0</v>
      </c>
      <c r="MS30" s="120">
        <v>0</v>
      </c>
      <c r="MT30" s="145"/>
      <c r="MU30" s="119">
        <v>0</v>
      </c>
      <c r="MV30" s="119">
        <v>208531</v>
      </c>
      <c r="MW30" s="119">
        <v>1040617</v>
      </c>
      <c r="MX30" s="119">
        <v>505545</v>
      </c>
      <c r="MY30" s="119">
        <v>265429</v>
      </c>
      <c r="MZ30" s="120">
        <v>2020122</v>
      </c>
      <c r="NA30" s="143">
        <v>2020122</v>
      </c>
      <c r="NB30" s="142">
        <v>0</v>
      </c>
      <c r="NC30" s="119">
        <v>0</v>
      </c>
      <c r="ND30" s="120">
        <v>0</v>
      </c>
      <c r="NE30" s="145"/>
      <c r="NF30" s="119">
        <v>266224</v>
      </c>
      <c r="NG30" s="119">
        <v>0</v>
      </c>
      <c r="NH30" s="119">
        <v>0</v>
      </c>
      <c r="NI30" s="119">
        <v>355552</v>
      </c>
      <c r="NJ30" s="119">
        <v>996413</v>
      </c>
      <c r="NK30" s="120">
        <v>1618189</v>
      </c>
      <c r="NL30" s="320">
        <v>1618189</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44939</v>
      </c>
      <c r="OJ30" s="119">
        <v>384455</v>
      </c>
      <c r="OK30" s="141">
        <v>529394</v>
      </c>
      <c r="OL30" s="118">
        <v>0</v>
      </c>
      <c r="OM30" s="119">
        <v>1725971</v>
      </c>
      <c r="ON30" s="119">
        <v>1069234</v>
      </c>
      <c r="OO30" s="119">
        <v>2528777</v>
      </c>
      <c r="OP30" s="119">
        <v>2040612</v>
      </c>
      <c r="OQ30" s="119">
        <v>1828503</v>
      </c>
      <c r="OR30" s="120">
        <v>9193097</v>
      </c>
      <c r="OS30" s="143">
        <v>9722491</v>
      </c>
    </row>
    <row r="31" spans="2:409" ht="21" customHeight="1" x14ac:dyDescent="0.2">
      <c r="B31" s="126" t="s">
        <v>26</v>
      </c>
      <c r="C31" s="110">
        <v>89812</v>
      </c>
      <c r="D31" s="114">
        <v>16224</v>
      </c>
      <c r="E31" s="113">
        <v>106036</v>
      </c>
      <c r="F31" s="109">
        <v>0</v>
      </c>
      <c r="G31" s="114">
        <v>1209624</v>
      </c>
      <c r="H31" s="114">
        <v>1511934</v>
      </c>
      <c r="I31" s="114">
        <v>2205482</v>
      </c>
      <c r="J31" s="114">
        <v>434970</v>
      </c>
      <c r="K31" s="114">
        <v>945839</v>
      </c>
      <c r="L31" s="173">
        <v>6307849</v>
      </c>
      <c r="M31" s="116">
        <v>6413885</v>
      </c>
      <c r="N31" s="110">
        <v>6960</v>
      </c>
      <c r="O31" s="114">
        <v>0</v>
      </c>
      <c r="P31" s="113">
        <v>6960</v>
      </c>
      <c r="Q31" s="110">
        <v>0</v>
      </c>
      <c r="R31" s="114">
        <v>444646</v>
      </c>
      <c r="S31" s="114">
        <v>276771</v>
      </c>
      <c r="T31" s="114">
        <v>983959</v>
      </c>
      <c r="U31" s="114">
        <v>211626</v>
      </c>
      <c r="V31" s="114">
        <v>68791</v>
      </c>
      <c r="W31" s="113">
        <v>1985793</v>
      </c>
      <c r="X31" s="116">
        <v>1992753</v>
      </c>
      <c r="Y31" s="110">
        <v>0</v>
      </c>
      <c r="Z31" s="114">
        <v>0</v>
      </c>
      <c r="AA31" s="113">
        <v>0</v>
      </c>
      <c r="AB31" s="110">
        <v>0</v>
      </c>
      <c r="AC31" s="114">
        <v>300503</v>
      </c>
      <c r="AD31" s="114">
        <v>167449</v>
      </c>
      <c r="AE31" s="114">
        <v>750290</v>
      </c>
      <c r="AF31" s="114">
        <v>36477</v>
      </c>
      <c r="AG31" s="114">
        <v>0</v>
      </c>
      <c r="AH31" s="113">
        <v>1254719</v>
      </c>
      <c r="AI31" s="116">
        <v>1254719</v>
      </c>
      <c r="AJ31" s="110">
        <v>0</v>
      </c>
      <c r="AK31" s="114">
        <v>0</v>
      </c>
      <c r="AL31" s="113">
        <v>0</v>
      </c>
      <c r="AM31" s="110">
        <v>0</v>
      </c>
      <c r="AN31" s="114">
        <v>0</v>
      </c>
      <c r="AO31" s="114">
        <v>0</v>
      </c>
      <c r="AP31" s="114">
        <v>13652</v>
      </c>
      <c r="AQ31" s="114">
        <v>93534</v>
      </c>
      <c r="AR31" s="114">
        <v>0</v>
      </c>
      <c r="AS31" s="113">
        <v>107186</v>
      </c>
      <c r="AT31" s="116">
        <v>107186</v>
      </c>
      <c r="AU31" s="110">
        <v>0</v>
      </c>
      <c r="AV31" s="114">
        <v>0</v>
      </c>
      <c r="AW31" s="113">
        <v>0</v>
      </c>
      <c r="AX31" s="110">
        <v>0</v>
      </c>
      <c r="AY31" s="114">
        <v>112575</v>
      </c>
      <c r="AZ31" s="114">
        <v>56866</v>
      </c>
      <c r="BA31" s="114">
        <v>91987</v>
      </c>
      <c r="BB31" s="114">
        <v>59735</v>
      </c>
      <c r="BC31" s="114">
        <v>24207</v>
      </c>
      <c r="BD31" s="113">
        <v>345370</v>
      </c>
      <c r="BE31" s="116">
        <v>345370</v>
      </c>
      <c r="BF31" s="110">
        <v>0</v>
      </c>
      <c r="BG31" s="114">
        <v>0</v>
      </c>
      <c r="BH31" s="112">
        <v>0</v>
      </c>
      <c r="BI31" s="111">
        <v>0</v>
      </c>
      <c r="BJ31" s="114">
        <v>0</v>
      </c>
      <c r="BK31" s="114">
        <v>0</v>
      </c>
      <c r="BL31" s="114">
        <v>58438</v>
      </c>
      <c r="BM31" s="114">
        <v>0</v>
      </c>
      <c r="BN31" s="114">
        <v>0</v>
      </c>
      <c r="BO31" s="113">
        <v>58438</v>
      </c>
      <c r="BP31" s="116">
        <v>58438</v>
      </c>
      <c r="BQ31" s="110">
        <v>6960</v>
      </c>
      <c r="BR31" s="114">
        <v>0</v>
      </c>
      <c r="BS31" s="113">
        <v>6960</v>
      </c>
      <c r="BT31" s="110">
        <v>0</v>
      </c>
      <c r="BU31" s="114">
        <v>31568</v>
      </c>
      <c r="BV31" s="114">
        <v>52456</v>
      </c>
      <c r="BW31" s="114">
        <v>69592</v>
      </c>
      <c r="BX31" s="114">
        <v>21880</v>
      </c>
      <c r="BY31" s="114">
        <v>44584</v>
      </c>
      <c r="BZ31" s="113">
        <v>220080</v>
      </c>
      <c r="CA31" s="116">
        <v>227040</v>
      </c>
      <c r="CB31" s="110">
        <v>20742</v>
      </c>
      <c r="CC31" s="114">
        <v>0</v>
      </c>
      <c r="CD31" s="113">
        <v>20742</v>
      </c>
      <c r="CE31" s="110">
        <v>0</v>
      </c>
      <c r="CF31" s="114">
        <v>373550</v>
      </c>
      <c r="CG31" s="114">
        <v>600006</v>
      </c>
      <c r="CH31" s="114">
        <v>614027</v>
      </c>
      <c r="CI31" s="114">
        <v>21552</v>
      </c>
      <c r="CJ31" s="114">
        <v>299219</v>
      </c>
      <c r="CK31" s="113">
        <v>1908354</v>
      </c>
      <c r="CL31" s="116">
        <v>1929096</v>
      </c>
      <c r="CM31" s="110">
        <v>0</v>
      </c>
      <c r="CN31" s="114">
        <v>0</v>
      </c>
      <c r="CO31" s="113">
        <v>0</v>
      </c>
      <c r="CP31" s="111">
        <v>0</v>
      </c>
      <c r="CQ31" s="114">
        <v>317158</v>
      </c>
      <c r="CR31" s="114">
        <v>382393</v>
      </c>
      <c r="CS31" s="114">
        <v>426056</v>
      </c>
      <c r="CT31" s="114">
        <v>0</v>
      </c>
      <c r="CU31" s="114">
        <v>299219</v>
      </c>
      <c r="CV31" s="113">
        <v>1424826</v>
      </c>
      <c r="CW31" s="116">
        <v>1424826</v>
      </c>
      <c r="CX31" s="110">
        <v>20742</v>
      </c>
      <c r="CY31" s="114">
        <v>0</v>
      </c>
      <c r="CZ31" s="113">
        <v>20742</v>
      </c>
      <c r="DA31" s="110">
        <v>0</v>
      </c>
      <c r="DB31" s="114">
        <v>56392</v>
      </c>
      <c r="DC31" s="114">
        <v>217613</v>
      </c>
      <c r="DD31" s="114">
        <v>187971</v>
      </c>
      <c r="DE31" s="114">
        <v>21552</v>
      </c>
      <c r="DF31" s="114">
        <v>0</v>
      </c>
      <c r="DG31" s="113">
        <v>483528</v>
      </c>
      <c r="DH31" s="116">
        <v>504270</v>
      </c>
      <c r="DI31" s="110">
        <v>0</v>
      </c>
      <c r="DJ31" s="114">
        <v>0</v>
      </c>
      <c r="DK31" s="112">
        <v>0</v>
      </c>
      <c r="DL31" s="111">
        <v>0</v>
      </c>
      <c r="DM31" s="114">
        <v>0</v>
      </c>
      <c r="DN31" s="114">
        <v>305252</v>
      </c>
      <c r="DO31" s="114">
        <v>359488</v>
      </c>
      <c r="DP31" s="114">
        <v>152992</v>
      </c>
      <c r="DQ31" s="114">
        <v>80753</v>
      </c>
      <c r="DR31" s="113">
        <v>898485</v>
      </c>
      <c r="DS31" s="116">
        <v>898485</v>
      </c>
      <c r="DT31" s="110">
        <v>0</v>
      </c>
      <c r="DU31" s="114">
        <v>0</v>
      </c>
      <c r="DV31" s="113">
        <v>0</v>
      </c>
      <c r="DW31" s="110">
        <v>0</v>
      </c>
      <c r="DX31" s="114">
        <v>0</v>
      </c>
      <c r="DY31" s="114">
        <v>274853</v>
      </c>
      <c r="DZ31" s="114">
        <v>287254</v>
      </c>
      <c r="EA31" s="114">
        <v>152992</v>
      </c>
      <c r="EB31" s="114">
        <v>80753</v>
      </c>
      <c r="EC31" s="113">
        <v>795852</v>
      </c>
      <c r="ED31" s="116">
        <v>795852</v>
      </c>
      <c r="EE31" s="110">
        <v>0</v>
      </c>
      <c r="EF31" s="112">
        <v>0</v>
      </c>
      <c r="EG31" s="113">
        <v>0</v>
      </c>
      <c r="EH31" s="110">
        <v>0</v>
      </c>
      <c r="EI31" s="114">
        <v>0</v>
      </c>
      <c r="EJ31" s="114">
        <v>30399</v>
      </c>
      <c r="EK31" s="114">
        <v>72234</v>
      </c>
      <c r="EL31" s="114">
        <v>0</v>
      </c>
      <c r="EM31" s="114">
        <v>0</v>
      </c>
      <c r="EN31" s="112">
        <v>102633</v>
      </c>
      <c r="EO31" s="116">
        <v>102633</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8080</v>
      </c>
      <c r="FM31" s="114">
        <v>16224</v>
      </c>
      <c r="FN31" s="113">
        <v>24304</v>
      </c>
      <c r="FO31" s="110">
        <v>0</v>
      </c>
      <c r="FP31" s="114">
        <v>70160</v>
      </c>
      <c r="FQ31" s="114">
        <v>155472</v>
      </c>
      <c r="FR31" s="114">
        <v>248008</v>
      </c>
      <c r="FS31" s="114">
        <v>48800</v>
      </c>
      <c r="FT31" s="114">
        <v>25184</v>
      </c>
      <c r="FU31" s="113">
        <v>547624</v>
      </c>
      <c r="FV31" s="116">
        <v>571928</v>
      </c>
      <c r="FW31" s="115">
        <v>8080</v>
      </c>
      <c r="FX31" s="114">
        <v>16224</v>
      </c>
      <c r="FY31" s="112">
        <v>24304</v>
      </c>
      <c r="FZ31" s="111">
        <v>0</v>
      </c>
      <c r="GA31" s="114">
        <v>70160</v>
      </c>
      <c r="GB31" s="114">
        <v>138752</v>
      </c>
      <c r="GC31" s="114">
        <v>248008</v>
      </c>
      <c r="GD31" s="114">
        <v>48800</v>
      </c>
      <c r="GE31" s="114">
        <v>25184</v>
      </c>
      <c r="GF31" s="113">
        <v>530904</v>
      </c>
      <c r="GG31" s="318">
        <v>555208</v>
      </c>
      <c r="GH31" s="115">
        <v>0</v>
      </c>
      <c r="GI31" s="114">
        <v>0</v>
      </c>
      <c r="GJ31" s="112">
        <v>0</v>
      </c>
      <c r="GK31" s="111">
        <v>0</v>
      </c>
      <c r="GL31" s="114">
        <v>0</v>
      </c>
      <c r="GM31" s="114">
        <v>16720</v>
      </c>
      <c r="GN31" s="114">
        <v>0</v>
      </c>
      <c r="GO31" s="114">
        <v>0</v>
      </c>
      <c r="GP31" s="114">
        <v>0</v>
      </c>
      <c r="GQ31" s="113">
        <v>16720</v>
      </c>
      <c r="GR31" s="116">
        <v>16720</v>
      </c>
      <c r="GS31" s="110">
        <v>0</v>
      </c>
      <c r="GT31" s="114">
        <v>0</v>
      </c>
      <c r="GU31" s="113">
        <v>0</v>
      </c>
      <c r="GV31" s="110">
        <v>0</v>
      </c>
      <c r="GW31" s="114">
        <v>0</v>
      </c>
      <c r="GX31" s="114">
        <v>0</v>
      </c>
      <c r="GY31" s="114">
        <v>0</v>
      </c>
      <c r="GZ31" s="114">
        <v>0</v>
      </c>
      <c r="HA31" s="114">
        <v>0</v>
      </c>
      <c r="HB31" s="112">
        <v>0</v>
      </c>
      <c r="HC31" s="116">
        <v>0</v>
      </c>
      <c r="HD31" s="110">
        <v>54030</v>
      </c>
      <c r="HE31" s="114">
        <v>0</v>
      </c>
      <c r="HF31" s="112">
        <v>54030</v>
      </c>
      <c r="HG31" s="111">
        <v>0</v>
      </c>
      <c r="HH31" s="114">
        <v>321268</v>
      </c>
      <c r="HI31" s="114">
        <v>174433</v>
      </c>
      <c r="HJ31" s="114">
        <v>0</v>
      </c>
      <c r="HK31" s="114">
        <v>0</v>
      </c>
      <c r="HL31" s="114">
        <v>471892</v>
      </c>
      <c r="HM31" s="113">
        <v>967593</v>
      </c>
      <c r="HN31" s="109">
        <v>1021623</v>
      </c>
      <c r="HO31" s="328"/>
      <c r="HP31" s="329"/>
      <c r="HQ31" s="330"/>
      <c r="HR31" s="331"/>
      <c r="HS31" s="329"/>
      <c r="HT31" s="329"/>
      <c r="HU31" s="329"/>
      <c r="HV31" s="329"/>
      <c r="HW31" s="329"/>
      <c r="HX31" s="332"/>
      <c r="HY31" s="333"/>
      <c r="HZ31" s="131">
        <v>0</v>
      </c>
      <c r="IA31" s="132">
        <v>0</v>
      </c>
      <c r="IB31" s="133">
        <v>0</v>
      </c>
      <c r="IC31" s="146">
        <v>0</v>
      </c>
      <c r="ID31" s="132">
        <v>112277</v>
      </c>
      <c r="IE31" s="147">
        <v>217659</v>
      </c>
      <c r="IF31" s="133">
        <v>298937</v>
      </c>
      <c r="IG31" s="132">
        <v>255566</v>
      </c>
      <c r="IH31" s="133">
        <v>0</v>
      </c>
      <c r="II31" s="148">
        <v>884439</v>
      </c>
      <c r="IJ31" s="139">
        <v>884439</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12277</v>
      </c>
      <c r="JL31" s="119">
        <v>139127</v>
      </c>
      <c r="JM31" s="119">
        <v>41383</v>
      </c>
      <c r="JN31" s="119">
        <v>0</v>
      </c>
      <c r="JO31" s="119">
        <v>0</v>
      </c>
      <c r="JP31" s="120">
        <v>292787</v>
      </c>
      <c r="JQ31" s="320">
        <v>292787</v>
      </c>
      <c r="JR31" s="142">
        <v>0</v>
      </c>
      <c r="JS31" s="119">
        <v>0</v>
      </c>
      <c r="JT31" s="141">
        <v>0</v>
      </c>
      <c r="JU31" s="118">
        <v>0</v>
      </c>
      <c r="JV31" s="119">
        <v>0</v>
      </c>
      <c r="JW31" s="119">
        <v>78532</v>
      </c>
      <c r="JX31" s="119">
        <v>0</v>
      </c>
      <c r="JY31" s="119">
        <v>0</v>
      </c>
      <c r="JZ31" s="119">
        <v>0</v>
      </c>
      <c r="KA31" s="120">
        <v>78532</v>
      </c>
      <c r="KB31" s="320">
        <v>78532</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57554</v>
      </c>
      <c r="KU31" s="119">
        <v>255566</v>
      </c>
      <c r="KV31" s="119">
        <v>0</v>
      </c>
      <c r="KW31" s="120">
        <v>513120</v>
      </c>
      <c r="KX31" s="320">
        <v>51312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227139</v>
      </c>
      <c r="ML31" s="119">
        <v>502764</v>
      </c>
      <c r="MM31" s="119">
        <v>1575683</v>
      </c>
      <c r="MN31" s="119">
        <v>-284</v>
      </c>
      <c r="MO31" s="120">
        <v>2305302</v>
      </c>
      <c r="MP31" s="143">
        <v>2305302</v>
      </c>
      <c r="MQ31" s="142">
        <v>0</v>
      </c>
      <c r="MR31" s="119">
        <v>0</v>
      </c>
      <c r="MS31" s="120">
        <v>0</v>
      </c>
      <c r="MT31" s="145"/>
      <c r="MU31" s="119">
        <v>0</v>
      </c>
      <c r="MV31" s="119">
        <v>0</v>
      </c>
      <c r="MW31" s="119">
        <v>237816</v>
      </c>
      <c r="MX31" s="119">
        <v>812388</v>
      </c>
      <c r="MY31" s="119">
        <v>-284</v>
      </c>
      <c r="MZ31" s="120">
        <v>1049920</v>
      </c>
      <c r="NA31" s="143">
        <v>1049920</v>
      </c>
      <c r="NB31" s="142">
        <v>0</v>
      </c>
      <c r="NC31" s="119">
        <v>0</v>
      </c>
      <c r="ND31" s="120">
        <v>0</v>
      </c>
      <c r="NE31" s="145"/>
      <c r="NF31" s="119">
        <v>0</v>
      </c>
      <c r="NG31" s="119">
        <v>227139</v>
      </c>
      <c r="NH31" s="119">
        <v>264948</v>
      </c>
      <c r="NI31" s="119">
        <v>763295</v>
      </c>
      <c r="NJ31" s="119">
        <v>0</v>
      </c>
      <c r="NK31" s="120">
        <v>1255382</v>
      </c>
      <c r="NL31" s="320">
        <v>1255382</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89812</v>
      </c>
      <c r="OJ31" s="119">
        <v>16224</v>
      </c>
      <c r="OK31" s="141">
        <v>106036</v>
      </c>
      <c r="OL31" s="118">
        <v>0</v>
      </c>
      <c r="OM31" s="119">
        <v>1321901</v>
      </c>
      <c r="ON31" s="119">
        <v>1956732</v>
      </c>
      <c r="OO31" s="119">
        <v>3007183</v>
      </c>
      <c r="OP31" s="119">
        <v>2266219</v>
      </c>
      <c r="OQ31" s="119">
        <v>945555</v>
      </c>
      <c r="OR31" s="120">
        <v>9497590</v>
      </c>
      <c r="OS31" s="143">
        <v>9603626</v>
      </c>
    </row>
    <row r="32" spans="2:409" ht="21" customHeight="1" x14ac:dyDescent="0.2">
      <c r="B32" s="126" t="s">
        <v>27</v>
      </c>
      <c r="C32" s="110">
        <v>114343</v>
      </c>
      <c r="D32" s="114">
        <v>196367</v>
      </c>
      <c r="E32" s="113">
        <v>310710</v>
      </c>
      <c r="F32" s="109">
        <v>0</v>
      </c>
      <c r="G32" s="114">
        <v>1263624</v>
      </c>
      <c r="H32" s="114">
        <v>1728766</v>
      </c>
      <c r="I32" s="114">
        <v>1584643</v>
      </c>
      <c r="J32" s="114">
        <v>1595407</v>
      </c>
      <c r="K32" s="114">
        <v>921855</v>
      </c>
      <c r="L32" s="173">
        <v>7094295</v>
      </c>
      <c r="M32" s="116">
        <v>7405005</v>
      </c>
      <c r="N32" s="110">
        <v>54334</v>
      </c>
      <c r="O32" s="114">
        <v>29558</v>
      </c>
      <c r="P32" s="113">
        <v>83892</v>
      </c>
      <c r="Q32" s="110">
        <v>0</v>
      </c>
      <c r="R32" s="114">
        <v>161528</v>
      </c>
      <c r="S32" s="114">
        <v>415913</v>
      </c>
      <c r="T32" s="114">
        <v>606779</v>
      </c>
      <c r="U32" s="114">
        <v>652041</v>
      </c>
      <c r="V32" s="114">
        <v>593307</v>
      </c>
      <c r="W32" s="113">
        <v>2429568</v>
      </c>
      <c r="X32" s="116">
        <v>2513460</v>
      </c>
      <c r="Y32" s="110">
        <v>0</v>
      </c>
      <c r="Z32" s="114">
        <v>0</v>
      </c>
      <c r="AA32" s="113">
        <v>0</v>
      </c>
      <c r="AB32" s="110">
        <v>0</v>
      </c>
      <c r="AC32" s="114">
        <v>24849</v>
      </c>
      <c r="AD32" s="114">
        <v>179726</v>
      </c>
      <c r="AE32" s="114">
        <v>395885</v>
      </c>
      <c r="AF32" s="114">
        <v>534511</v>
      </c>
      <c r="AG32" s="114">
        <v>230708</v>
      </c>
      <c r="AH32" s="113">
        <v>1365679</v>
      </c>
      <c r="AI32" s="116">
        <v>1365679</v>
      </c>
      <c r="AJ32" s="110">
        <v>0</v>
      </c>
      <c r="AK32" s="114">
        <v>0</v>
      </c>
      <c r="AL32" s="113">
        <v>0</v>
      </c>
      <c r="AM32" s="110">
        <v>0</v>
      </c>
      <c r="AN32" s="114">
        <v>0</v>
      </c>
      <c r="AO32" s="114">
        <v>0</v>
      </c>
      <c r="AP32" s="114">
        <v>0</v>
      </c>
      <c r="AQ32" s="114">
        <v>0</v>
      </c>
      <c r="AR32" s="114">
        <v>79699</v>
      </c>
      <c r="AS32" s="113">
        <v>79699</v>
      </c>
      <c r="AT32" s="116">
        <v>79699</v>
      </c>
      <c r="AU32" s="110">
        <v>39278</v>
      </c>
      <c r="AV32" s="114">
        <v>29558</v>
      </c>
      <c r="AW32" s="113">
        <v>68836</v>
      </c>
      <c r="AX32" s="110">
        <v>0</v>
      </c>
      <c r="AY32" s="114">
        <v>103743</v>
      </c>
      <c r="AZ32" s="114">
        <v>154463</v>
      </c>
      <c r="BA32" s="114">
        <v>141774</v>
      </c>
      <c r="BB32" s="114">
        <v>68778</v>
      </c>
      <c r="BC32" s="114">
        <v>234260</v>
      </c>
      <c r="BD32" s="113">
        <v>703018</v>
      </c>
      <c r="BE32" s="116">
        <v>771854</v>
      </c>
      <c r="BF32" s="110">
        <v>0</v>
      </c>
      <c r="BG32" s="114">
        <v>0</v>
      </c>
      <c r="BH32" s="112">
        <v>0</v>
      </c>
      <c r="BI32" s="111">
        <v>0</v>
      </c>
      <c r="BJ32" s="114">
        <v>0</v>
      </c>
      <c r="BK32" s="114">
        <v>23700</v>
      </c>
      <c r="BL32" s="114">
        <v>0</v>
      </c>
      <c r="BM32" s="114">
        <v>0</v>
      </c>
      <c r="BN32" s="114">
        <v>0</v>
      </c>
      <c r="BO32" s="113">
        <v>23700</v>
      </c>
      <c r="BP32" s="116">
        <v>23700</v>
      </c>
      <c r="BQ32" s="110">
        <v>15056</v>
      </c>
      <c r="BR32" s="114">
        <v>0</v>
      </c>
      <c r="BS32" s="113">
        <v>15056</v>
      </c>
      <c r="BT32" s="110">
        <v>0</v>
      </c>
      <c r="BU32" s="114">
        <v>32936</v>
      </c>
      <c r="BV32" s="114">
        <v>58024</v>
      </c>
      <c r="BW32" s="114">
        <v>69120</v>
      </c>
      <c r="BX32" s="114">
        <v>48752</v>
      </c>
      <c r="BY32" s="114">
        <v>48640</v>
      </c>
      <c r="BZ32" s="113">
        <v>257472</v>
      </c>
      <c r="CA32" s="116">
        <v>272528</v>
      </c>
      <c r="CB32" s="110">
        <v>0</v>
      </c>
      <c r="CC32" s="114">
        <v>77969</v>
      </c>
      <c r="CD32" s="113">
        <v>77969</v>
      </c>
      <c r="CE32" s="110">
        <v>0</v>
      </c>
      <c r="CF32" s="114">
        <v>535656</v>
      </c>
      <c r="CG32" s="114">
        <v>562433</v>
      </c>
      <c r="CH32" s="114">
        <v>576481</v>
      </c>
      <c r="CI32" s="114">
        <v>329344</v>
      </c>
      <c r="CJ32" s="114">
        <v>0</v>
      </c>
      <c r="CK32" s="113">
        <v>2003914</v>
      </c>
      <c r="CL32" s="116">
        <v>2081883</v>
      </c>
      <c r="CM32" s="110">
        <v>0</v>
      </c>
      <c r="CN32" s="114">
        <v>0</v>
      </c>
      <c r="CO32" s="113">
        <v>0</v>
      </c>
      <c r="CP32" s="111">
        <v>0</v>
      </c>
      <c r="CQ32" s="114">
        <v>480404</v>
      </c>
      <c r="CR32" s="114">
        <v>357209</v>
      </c>
      <c r="CS32" s="114">
        <v>449408</v>
      </c>
      <c r="CT32" s="114">
        <v>329344</v>
      </c>
      <c r="CU32" s="114">
        <v>0</v>
      </c>
      <c r="CV32" s="113">
        <v>1616365</v>
      </c>
      <c r="CW32" s="116">
        <v>1616365</v>
      </c>
      <c r="CX32" s="110">
        <v>0</v>
      </c>
      <c r="CY32" s="114">
        <v>77969</v>
      </c>
      <c r="CZ32" s="113">
        <v>77969</v>
      </c>
      <c r="DA32" s="110">
        <v>0</v>
      </c>
      <c r="DB32" s="114">
        <v>55252</v>
      </c>
      <c r="DC32" s="114">
        <v>205224</v>
      </c>
      <c r="DD32" s="114">
        <v>127073</v>
      </c>
      <c r="DE32" s="114">
        <v>0</v>
      </c>
      <c r="DF32" s="114">
        <v>0</v>
      </c>
      <c r="DG32" s="113">
        <v>387549</v>
      </c>
      <c r="DH32" s="116">
        <v>465518</v>
      </c>
      <c r="DI32" s="110">
        <v>0</v>
      </c>
      <c r="DJ32" s="114">
        <v>0</v>
      </c>
      <c r="DK32" s="112">
        <v>0</v>
      </c>
      <c r="DL32" s="111">
        <v>0</v>
      </c>
      <c r="DM32" s="114">
        <v>28012</v>
      </c>
      <c r="DN32" s="114">
        <v>184262</v>
      </c>
      <c r="DO32" s="114">
        <v>34392</v>
      </c>
      <c r="DP32" s="114">
        <v>0</v>
      </c>
      <c r="DQ32" s="114">
        <v>28254</v>
      </c>
      <c r="DR32" s="113">
        <v>274920</v>
      </c>
      <c r="DS32" s="116">
        <v>274920</v>
      </c>
      <c r="DT32" s="110">
        <v>0</v>
      </c>
      <c r="DU32" s="114">
        <v>0</v>
      </c>
      <c r="DV32" s="113">
        <v>0</v>
      </c>
      <c r="DW32" s="110">
        <v>0</v>
      </c>
      <c r="DX32" s="114">
        <v>28012</v>
      </c>
      <c r="DY32" s="114">
        <v>184262</v>
      </c>
      <c r="DZ32" s="114">
        <v>34392</v>
      </c>
      <c r="EA32" s="114">
        <v>0</v>
      </c>
      <c r="EB32" s="114">
        <v>28254</v>
      </c>
      <c r="EC32" s="113">
        <v>274920</v>
      </c>
      <c r="ED32" s="116">
        <v>274920</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7600</v>
      </c>
      <c r="FM32" s="114">
        <v>88840</v>
      </c>
      <c r="FN32" s="113">
        <v>96440</v>
      </c>
      <c r="FO32" s="110">
        <v>0</v>
      </c>
      <c r="FP32" s="114">
        <v>61200</v>
      </c>
      <c r="FQ32" s="114">
        <v>207784</v>
      </c>
      <c r="FR32" s="114">
        <v>130776</v>
      </c>
      <c r="FS32" s="114">
        <v>121456</v>
      </c>
      <c r="FT32" s="114">
        <v>68160</v>
      </c>
      <c r="FU32" s="113">
        <v>589376</v>
      </c>
      <c r="FV32" s="116">
        <v>685816</v>
      </c>
      <c r="FW32" s="115">
        <v>7600</v>
      </c>
      <c r="FX32" s="114">
        <v>79320</v>
      </c>
      <c r="FY32" s="112">
        <v>86920</v>
      </c>
      <c r="FZ32" s="111">
        <v>0</v>
      </c>
      <c r="GA32" s="114">
        <v>8400</v>
      </c>
      <c r="GB32" s="114">
        <v>207784</v>
      </c>
      <c r="GC32" s="114">
        <v>130776</v>
      </c>
      <c r="GD32" s="114">
        <v>121456</v>
      </c>
      <c r="GE32" s="114">
        <v>68160</v>
      </c>
      <c r="GF32" s="113">
        <v>536576</v>
      </c>
      <c r="GG32" s="318">
        <v>623496</v>
      </c>
      <c r="GH32" s="115">
        <v>0</v>
      </c>
      <c r="GI32" s="114">
        <v>9520</v>
      </c>
      <c r="GJ32" s="112">
        <v>9520</v>
      </c>
      <c r="GK32" s="111">
        <v>0</v>
      </c>
      <c r="GL32" s="114">
        <v>0</v>
      </c>
      <c r="GM32" s="114">
        <v>0</v>
      </c>
      <c r="GN32" s="114">
        <v>0</v>
      </c>
      <c r="GO32" s="114">
        <v>0</v>
      </c>
      <c r="GP32" s="114">
        <v>0</v>
      </c>
      <c r="GQ32" s="113">
        <v>0</v>
      </c>
      <c r="GR32" s="116">
        <v>9520</v>
      </c>
      <c r="GS32" s="110">
        <v>0</v>
      </c>
      <c r="GT32" s="114">
        <v>0</v>
      </c>
      <c r="GU32" s="113">
        <v>0</v>
      </c>
      <c r="GV32" s="110">
        <v>0</v>
      </c>
      <c r="GW32" s="114">
        <v>52800</v>
      </c>
      <c r="GX32" s="114">
        <v>0</v>
      </c>
      <c r="GY32" s="114">
        <v>0</v>
      </c>
      <c r="GZ32" s="114">
        <v>0</v>
      </c>
      <c r="HA32" s="114">
        <v>0</v>
      </c>
      <c r="HB32" s="112">
        <v>52800</v>
      </c>
      <c r="HC32" s="116">
        <v>52800</v>
      </c>
      <c r="HD32" s="110">
        <v>52409</v>
      </c>
      <c r="HE32" s="114">
        <v>0</v>
      </c>
      <c r="HF32" s="112">
        <v>52409</v>
      </c>
      <c r="HG32" s="111">
        <v>0</v>
      </c>
      <c r="HH32" s="114">
        <v>477228</v>
      </c>
      <c r="HI32" s="114">
        <v>358374</v>
      </c>
      <c r="HJ32" s="114">
        <v>236215</v>
      </c>
      <c r="HK32" s="114">
        <v>492566</v>
      </c>
      <c r="HL32" s="114">
        <v>232134</v>
      </c>
      <c r="HM32" s="113">
        <v>1796517</v>
      </c>
      <c r="HN32" s="109">
        <v>1848926</v>
      </c>
      <c r="HO32" s="328"/>
      <c r="HP32" s="329"/>
      <c r="HQ32" s="330"/>
      <c r="HR32" s="331"/>
      <c r="HS32" s="329"/>
      <c r="HT32" s="329"/>
      <c r="HU32" s="329"/>
      <c r="HV32" s="329"/>
      <c r="HW32" s="329"/>
      <c r="HX32" s="332"/>
      <c r="HY32" s="333"/>
      <c r="HZ32" s="150">
        <v>0</v>
      </c>
      <c r="IA32" s="135">
        <v>0</v>
      </c>
      <c r="IB32" s="150">
        <v>0</v>
      </c>
      <c r="IC32" s="134">
        <v>0</v>
      </c>
      <c r="ID32" s="135">
        <v>145733</v>
      </c>
      <c r="IE32" s="136">
        <v>63970</v>
      </c>
      <c r="IF32" s="137">
        <v>656319</v>
      </c>
      <c r="IG32" s="135">
        <v>448146</v>
      </c>
      <c r="IH32" s="137">
        <v>269681</v>
      </c>
      <c r="II32" s="138">
        <v>1583849</v>
      </c>
      <c r="IJ32" s="150">
        <v>1583849</v>
      </c>
      <c r="IK32" s="232">
        <v>0</v>
      </c>
      <c r="IL32" s="236">
        <v>0</v>
      </c>
      <c r="IM32" s="237">
        <v>0</v>
      </c>
      <c r="IN32" s="140"/>
      <c r="IO32" s="119">
        <v>0</v>
      </c>
      <c r="IP32" s="119">
        <v>0</v>
      </c>
      <c r="IQ32" s="119">
        <v>175496</v>
      </c>
      <c r="IR32" s="119">
        <v>0</v>
      </c>
      <c r="IS32" s="119">
        <v>0</v>
      </c>
      <c r="IT32" s="141">
        <v>175496</v>
      </c>
      <c r="IU32" s="320">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797</v>
      </c>
      <c r="JL32" s="119">
        <v>42442</v>
      </c>
      <c r="JM32" s="119">
        <v>0</v>
      </c>
      <c r="JN32" s="119">
        <v>0</v>
      </c>
      <c r="JO32" s="119">
        <v>0</v>
      </c>
      <c r="JP32" s="120">
        <v>61239</v>
      </c>
      <c r="JQ32" s="320">
        <v>61239</v>
      </c>
      <c r="JR32" s="142">
        <v>0</v>
      </c>
      <c r="JS32" s="119">
        <v>0</v>
      </c>
      <c r="JT32" s="141">
        <v>0</v>
      </c>
      <c r="JU32" s="118">
        <v>0</v>
      </c>
      <c r="JV32" s="119">
        <v>126936</v>
      </c>
      <c r="JW32" s="119">
        <v>21528</v>
      </c>
      <c r="JX32" s="119">
        <v>0</v>
      </c>
      <c r="JY32" s="119">
        <v>251760</v>
      </c>
      <c r="JZ32" s="119">
        <v>0</v>
      </c>
      <c r="KA32" s="120">
        <v>400224</v>
      </c>
      <c r="KB32" s="320">
        <v>400224</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50858</v>
      </c>
      <c r="KU32" s="119">
        <v>196386</v>
      </c>
      <c r="KV32" s="119">
        <v>0</v>
      </c>
      <c r="KW32" s="120">
        <v>447244</v>
      </c>
      <c r="KX32" s="320">
        <v>447244</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29965</v>
      </c>
      <c r="LQ32" s="119">
        <v>0</v>
      </c>
      <c r="LR32" s="119">
        <v>269681</v>
      </c>
      <c r="LS32" s="120">
        <v>499646</v>
      </c>
      <c r="LT32" s="320">
        <v>499646</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731530</v>
      </c>
      <c r="ML32" s="119">
        <v>1004825</v>
      </c>
      <c r="MM32" s="119">
        <v>900950</v>
      </c>
      <c r="MN32" s="119">
        <v>0</v>
      </c>
      <c r="MO32" s="120">
        <v>2637305</v>
      </c>
      <c r="MP32" s="143">
        <v>2637305</v>
      </c>
      <c r="MQ32" s="142">
        <v>0</v>
      </c>
      <c r="MR32" s="119">
        <v>0</v>
      </c>
      <c r="MS32" s="120">
        <v>0</v>
      </c>
      <c r="MT32" s="145"/>
      <c r="MU32" s="119">
        <v>0</v>
      </c>
      <c r="MV32" s="119">
        <v>234623</v>
      </c>
      <c r="MW32" s="119">
        <v>207380</v>
      </c>
      <c r="MX32" s="119">
        <v>0</v>
      </c>
      <c r="MY32" s="119">
        <v>0</v>
      </c>
      <c r="MZ32" s="120">
        <v>442003</v>
      </c>
      <c r="NA32" s="143">
        <v>442003</v>
      </c>
      <c r="NB32" s="142">
        <v>0</v>
      </c>
      <c r="NC32" s="119">
        <v>0</v>
      </c>
      <c r="ND32" s="120">
        <v>0</v>
      </c>
      <c r="NE32" s="145"/>
      <c r="NF32" s="119">
        <v>0</v>
      </c>
      <c r="NG32" s="119">
        <v>496907</v>
      </c>
      <c r="NH32" s="119">
        <v>797445</v>
      </c>
      <c r="NI32" s="119">
        <v>534425</v>
      </c>
      <c r="NJ32" s="119">
        <v>0</v>
      </c>
      <c r="NK32" s="120">
        <v>1828777</v>
      </c>
      <c r="NL32" s="320">
        <v>1828777</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66525</v>
      </c>
      <c r="OF32" s="119">
        <v>0</v>
      </c>
      <c r="OG32" s="120">
        <v>366525</v>
      </c>
      <c r="OH32" s="121">
        <v>366525</v>
      </c>
      <c r="OI32" s="142">
        <v>114343</v>
      </c>
      <c r="OJ32" s="119">
        <v>196367</v>
      </c>
      <c r="OK32" s="141">
        <v>310710</v>
      </c>
      <c r="OL32" s="118">
        <v>0</v>
      </c>
      <c r="OM32" s="119">
        <v>1409357</v>
      </c>
      <c r="ON32" s="119">
        <v>2524266</v>
      </c>
      <c r="OO32" s="119">
        <v>3245787</v>
      </c>
      <c r="OP32" s="119">
        <v>2944503</v>
      </c>
      <c r="OQ32" s="119">
        <v>1191536</v>
      </c>
      <c r="OR32" s="120">
        <v>11315449</v>
      </c>
      <c r="OS32" s="143">
        <v>11626159</v>
      </c>
    </row>
    <row r="33" spans="2:409" ht="21" customHeight="1" x14ac:dyDescent="0.2">
      <c r="B33" s="126" t="s">
        <v>28</v>
      </c>
      <c r="C33" s="110">
        <v>0</v>
      </c>
      <c r="D33" s="114">
        <v>45607</v>
      </c>
      <c r="E33" s="113">
        <v>45607</v>
      </c>
      <c r="F33" s="109">
        <v>0</v>
      </c>
      <c r="G33" s="114">
        <v>298907</v>
      </c>
      <c r="H33" s="114">
        <v>80274</v>
      </c>
      <c r="I33" s="114">
        <v>139195</v>
      </c>
      <c r="J33" s="114">
        <v>363872</v>
      </c>
      <c r="K33" s="114">
        <v>164520</v>
      </c>
      <c r="L33" s="173">
        <v>1046768</v>
      </c>
      <c r="M33" s="116">
        <v>1092375</v>
      </c>
      <c r="N33" s="110">
        <v>0</v>
      </c>
      <c r="O33" s="114">
        <v>0</v>
      </c>
      <c r="P33" s="113">
        <v>0</v>
      </c>
      <c r="Q33" s="110">
        <v>0</v>
      </c>
      <c r="R33" s="114">
        <v>4144</v>
      </c>
      <c r="S33" s="114">
        <v>16782</v>
      </c>
      <c r="T33" s="114">
        <v>0</v>
      </c>
      <c r="U33" s="114">
        <v>294480</v>
      </c>
      <c r="V33" s="114">
        <v>23760</v>
      </c>
      <c r="W33" s="113">
        <v>339166</v>
      </c>
      <c r="X33" s="116">
        <v>339166</v>
      </c>
      <c r="Y33" s="110">
        <v>0</v>
      </c>
      <c r="Z33" s="114">
        <v>0</v>
      </c>
      <c r="AA33" s="113">
        <v>0</v>
      </c>
      <c r="AB33" s="110">
        <v>0</v>
      </c>
      <c r="AC33" s="114">
        <v>0</v>
      </c>
      <c r="AD33" s="114">
        <v>0</v>
      </c>
      <c r="AE33" s="114">
        <v>0</v>
      </c>
      <c r="AF33" s="114">
        <v>142784</v>
      </c>
      <c r="AG33" s="114">
        <v>0</v>
      </c>
      <c r="AH33" s="113">
        <v>142784</v>
      </c>
      <c r="AI33" s="116">
        <v>142784</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8510</v>
      </c>
      <c r="BA33" s="114">
        <v>0</v>
      </c>
      <c r="BB33" s="114">
        <v>146928</v>
      </c>
      <c r="BC33" s="114">
        <v>0</v>
      </c>
      <c r="BD33" s="113">
        <v>155438</v>
      </c>
      <c r="BE33" s="116">
        <v>155438</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4144</v>
      </c>
      <c r="BV33" s="114">
        <v>8272</v>
      </c>
      <c r="BW33" s="114">
        <v>0</v>
      </c>
      <c r="BX33" s="114">
        <v>4768</v>
      </c>
      <c r="BY33" s="114">
        <v>23760</v>
      </c>
      <c r="BZ33" s="113">
        <v>40944</v>
      </c>
      <c r="CA33" s="116">
        <v>40944</v>
      </c>
      <c r="CB33" s="110">
        <v>0</v>
      </c>
      <c r="CC33" s="114">
        <v>38807</v>
      </c>
      <c r="CD33" s="113">
        <v>38807</v>
      </c>
      <c r="CE33" s="110">
        <v>0</v>
      </c>
      <c r="CF33" s="114">
        <v>127042</v>
      </c>
      <c r="CG33" s="114">
        <v>23316</v>
      </c>
      <c r="CH33" s="114">
        <v>78235</v>
      </c>
      <c r="CI33" s="114">
        <v>0</v>
      </c>
      <c r="CJ33" s="114">
        <v>0</v>
      </c>
      <c r="CK33" s="113">
        <v>228593</v>
      </c>
      <c r="CL33" s="116">
        <v>267400</v>
      </c>
      <c r="CM33" s="110">
        <v>0</v>
      </c>
      <c r="CN33" s="114">
        <v>0</v>
      </c>
      <c r="CO33" s="113">
        <v>0</v>
      </c>
      <c r="CP33" s="111">
        <v>0</v>
      </c>
      <c r="CQ33" s="114">
        <v>127042</v>
      </c>
      <c r="CR33" s="114">
        <v>23316</v>
      </c>
      <c r="CS33" s="114">
        <v>0</v>
      </c>
      <c r="CT33" s="114">
        <v>0</v>
      </c>
      <c r="CU33" s="114">
        <v>0</v>
      </c>
      <c r="CV33" s="113">
        <v>150358</v>
      </c>
      <c r="CW33" s="116">
        <v>150358</v>
      </c>
      <c r="CX33" s="110">
        <v>0</v>
      </c>
      <c r="CY33" s="114">
        <v>38807</v>
      </c>
      <c r="CZ33" s="113">
        <v>38807</v>
      </c>
      <c r="DA33" s="110">
        <v>0</v>
      </c>
      <c r="DB33" s="114">
        <v>0</v>
      </c>
      <c r="DC33" s="114">
        <v>0</v>
      </c>
      <c r="DD33" s="114">
        <v>78235</v>
      </c>
      <c r="DE33" s="114">
        <v>0</v>
      </c>
      <c r="DF33" s="114">
        <v>0</v>
      </c>
      <c r="DG33" s="113">
        <v>78235</v>
      </c>
      <c r="DH33" s="116">
        <v>117042</v>
      </c>
      <c r="DI33" s="110">
        <v>0</v>
      </c>
      <c r="DJ33" s="114">
        <v>0</v>
      </c>
      <c r="DK33" s="112">
        <v>0</v>
      </c>
      <c r="DL33" s="111">
        <v>0</v>
      </c>
      <c r="DM33" s="114">
        <v>0</v>
      </c>
      <c r="DN33" s="114">
        <v>0</v>
      </c>
      <c r="DO33" s="114">
        <v>24320</v>
      </c>
      <c r="DP33" s="114">
        <v>0</v>
      </c>
      <c r="DQ33" s="114">
        <v>140760</v>
      </c>
      <c r="DR33" s="113">
        <v>165080</v>
      </c>
      <c r="DS33" s="116">
        <v>165080</v>
      </c>
      <c r="DT33" s="110">
        <v>0</v>
      </c>
      <c r="DU33" s="114">
        <v>0</v>
      </c>
      <c r="DV33" s="113">
        <v>0</v>
      </c>
      <c r="DW33" s="110">
        <v>0</v>
      </c>
      <c r="DX33" s="114">
        <v>0</v>
      </c>
      <c r="DY33" s="114">
        <v>0</v>
      </c>
      <c r="DZ33" s="114">
        <v>24320</v>
      </c>
      <c r="EA33" s="114">
        <v>0</v>
      </c>
      <c r="EB33" s="114">
        <v>140760</v>
      </c>
      <c r="EC33" s="113">
        <v>165080</v>
      </c>
      <c r="ED33" s="116">
        <v>16508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6800</v>
      </c>
      <c r="FN33" s="113">
        <v>6800</v>
      </c>
      <c r="FO33" s="110">
        <v>0</v>
      </c>
      <c r="FP33" s="114">
        <v>11840</v>
      </c>
      <c r="FQ33" s="114">
        <v>40176</v>
      </c>
      <c r="FR33" s="114">
        <v>36640</v>
      </c>
      <c r="FS33" s="114">
        <v>7200</v>
      </c>
      <c r="FT33" s="114">
        <v>0</v>
      </c>
      <c r="FU33" s="113">
        <v>95856</v>
      </c>
      <c r="FV33" s="116">
        <v>102656</v>
      </c>
      <c r="FW33" s="115">
        <v>0</v>
      </c>
      <c r="FX33" s="114">
        <v>6800</v>
      </c>
      <c r="FY33" s="112">
        <v>6800</v>
      </c>
      <c r="FZ33" s="111">
        <v>0</v>
      </c>
      <c r="GA33" s="114">
        <v>11840</v>
      </c>
      <c r="GB33" s="114">
        <v>40176</v>
      </c>
      <c r="GC33" s="114">
        <v>36640</v>
      </c>
      <c r="GD33" s="114">
        <v>7200</v>
      </c>
      <c r="GE33" s="114">
        <v>0</v>
      </c>
      <c r="GF33" s="113">
        <v>95856</v>
      </c>
      <c r="GG33" s="318">
        <v>10265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55881</v>
      </c>
      <c r="HI33" s="114">
        <v>0</v>
      </c>
      <c r="HJ33" s="114">
        <v>0</v>
      </c>
      <c r="HK33" s="114">
        <v>62192</v>
      </c>
      <c r="HL33" s="114">
        <v>0</v>
      </c>
      <c r="HM33" s="113">
        <v>218073</v>
      </c>
      <c r="HN33" s="109">
        <v>218073</v>
      </c>
      <c r="HO33" s="328"/>
      <c r="HP33" s="329"/>
      <c r="HQ33" s="330"/>
      <c r="HR33" s="331"/>
      <c r="HS33" s="329"/>
      <c r="HT33" s="329"/>
      <c r="HU33" s="329"/>
      <c r="HV33" s="329"/>
      <c r="HW33" s="329"/>
      <c r="HX33" s="332"/>
      <c r="HY33" s="333"/>
      <c r="HZ33" s="131">
        <v>0</v>
      </c>
      <c r="IA33" s="132">
        <v>0</v>
      </c>
      <c r="IB33" s="133">
        <v>0</v>
      </c>
      <c r="IC33" s="146">
        <v>0</v>
      </c>
      <c r="ID33" s="132">
        <v>101776</v>
      </c>
      <c r="IE33" s="147">
        <v>37048</v>
      </c>
      <c r="IF33" s="133">
        <v>20840</v>
      </c>
      <c r="IG33" s="132">
        <v>0</v>
      </c>
      <c r="IH33" s="133">
        <v>400752</v>
      </c>
      <c r="II33" s="148">
        <v>560416</v>
      </c>
      <c r="IJ33" s="139">
        <v>560416</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01776</v>
      </c>
      <c r="JL33" s="119">
        <v>37048</v>
      </c>
      <c r="JM33" s="119">
        <v>20840</v>
      </c>
      <c r="JN33" s="119">
        <v>0</v>
      </c>
      <c r="JO33" s="119">
        <v>0</v>
      </c>
      <c r="JP33" s="120">
        <v>159664</v>
      </c>
      <c r="JQ33" s="320">
        <v>159664</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400752</v>
      </c>
      <c r="KW33" s="120">
        <v>400752</v>
      </c>
      <c r="KX33" s="320">
        <v>400752</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7504</v>
      </c>
      <c r="ML33" s="119">
        <v>0</v>
      </c>
      <c r="MM33" s="119">
        <v>1031004</v>
      </c>
      <c r="MN33" s="119">
        <v>0</v>
      </c>
      <c r="MO33" s="120">
        <v>1248508</v>
      </c>
      <c r="MP33" s="143">
        <v>1248508</v>
      </c>
      <c r="MQ33" s="142">
        <v>0</v>
      </c>
      <c r="MR33" s="119">
        <v>0</v>
      </c>
      <c r="MS33" s="120">
        <v>0</v>
      </c>
      <c r="MT33" s="145"/>
      <c r="MU33" s="119">
        <v>0</v>
      </c>
      <c r="MV33" s="119">
        <v>0</v>
      </c>
      <c r="MW33" s="119">
        <v>0</v>
      </c>
      <c r="MX33" s="119">
        <v>229616</v>
      </c>
      <c r="MY33" s="119">
        <v>0</v>
      </c>
      <c r="MZ33" s="120">
        <v>229616</v>
      </c>
      <c r="NA33" s="143">
        <v>229616</v>
      </c>
      <c r="NB33" s="142">
        <v>0</v>
      </c>
      <c r="NC33" s="119">
        <v>0</v>
      </c>
      <c r="ND33" s="120">
        <v>0</v>
      </c>
      <c r="NE33" s="145"/>
      <c r="NF33" s="119">
        <v>0</v>
      </c>
      <c r="NG33" s="119">
        <v>217504</v>
      </c>
      <c r="NH33" s="119">
        <v>0</v>
      </c>
      <c r="NI33" s="119">
        <v>801388</v>
      </c>
      <c r="NJ33" s="119">
        <v>0</v>
      </c>
      <c r="NK33" s="120">
        <v>1018892</v>
      </c>
      <c r="NL33" s="320">
        <v>1018892</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5607</v>
      </c>
      <c r="OK33" s="141">
        <v>45607</v>
      </c>
      <c r="OL33" s="118">
        <v>0</v>
      </c>
      <c r="OM33" s="119">
        <v>400683</v>
      </c>
      <c r="ON33" s="119">
        <v>334826</v>
      </c>
      <c r="OO33" s="119">
        <v>160035</v>
      </c>
      <c r="OP33" s="119">
        <v>1394876</v>
      </c>
      <c r="OQ33" s="119">
        <v>565272</v>
      </c>
      <c r="OR33" s="120">
        <v>2855692</v>
      </c>
      <c r="OS33" s="143">
        <v>2901299</v>
      </c>
    </row>
    <row r="34" spans="2:409" ht="21" customHeight="1" x14ac:dyDescent="0.2">
      <c r="B34" s="126" t="s">
        <v>29</v>
      </c>
      <c r="C34" s="110">
        <v>84280</v>
      </c>
      <c r="D34" s="114">
        <v>14688</v>
      </c>
      <c r="E34" s="113">
        <v>98968</v>
      </c>
      <c r="F34" s="109">
        <v>0</v>
      </c>
      <c r="G34" s="114">
        <v>221648</v>
      </c>
      <c r="H34" s="114">
        <v>966085</v>
      </c>
      <c r="I34" s="114">
        <v>0</v>
      </c>
      <c r="J34" s="114">
        <v>330624</v>
      </c>
      <c r="K34" s="114">
        <v>442431</v>
      </c>
      <c r="L34" s="173">
        <v>1960788</v>
      </c>
      <c r="M34" s="116">
        <v>2059756</v>
      </c>
      <c r="N34" s="110">
        <v>0</v>
      </c>
      <c r="O34" s="114">
        <v>14688</v>
      </c>
      <c r="P34" s="113">
        <v>14688</v>
      </c>
      <c r="Q34" s="110">
        <v>0</v>
      </c>
      <c r="R34" s="114">
        <v>14032</v>
      </c>
      <c r="S34" s="114">
        <v>119520</v>
      </c>
      <c r="T34" s="114">
        <v>0</v>
      </c>
      <c r="U34" s="114">
        <v>4144</v>
      </c>
      <c r="V34" s="114">
        <v>52360</v>
      </c>
      <c r="W34" s="113">
        <v>190056</v>
      </c>
      <c r="X34" s="116">
        <v>204744</v>
      </c>
      <c r="Y34" s="110">
        <v>0</v>
      </c>
      <c r="Z34" s="114">
        <v>0</v>
      </c>
      <c r="AA34" s="113">
        <v>0</v>
      </c>
      <c r="AB34" s="110">
        <v>0</v>
      </c>
      <c r="AC34" s="114">
        <v>0</v>
      </c>
      <c r="AD34" s="114">
        <v>0</v>
      </c>
      <c r="AE34" s="114">
        <v>0</v>
      </c>
      <c r="AF34" s="114">
        <v>0</v>
      </c>
      <c r="AG34" s="114">
        <v>0</v>
      </c>
      <c r="AH34" s="113">
        <v>0</v>
      </c>
      <c r="AI34" s="116">
        <v>0</v>
      </c>
      <c r="AJ34" s="110">
        <v>0</v>
      </c>
      <c r="AK34" s="114">
        <v>0</v>
      </c>
      <c r="AL34" s="113">
        <v>0</v>
      </c>
      <c r="AM34" s="110">
        <v>0</v>
      </c>
      <c r="AN34" s="114">
        <v>0</v>
      </c>
      <c r="AO34" s="114">
        <v>0</v>
      </c>
      <c r="AP34" s="114">
        <v>0</v>
      </c>
      <c r="AQ34" s="114">
        <v>0</v>
      </c>
      <c r="AR34" s="114">
        <v>43704</v>
      </c>
      <c r="AS34" s="113">
        <v>43704</v>
      </c>
      <c r="AT34" s="116">
        <v>43704</v>
      </c>
      <c r="AU34" s="110">
        <v>0</v>
      </c>
      <c r="AV34" s="114">
        <v>14688</v>
      </c>
      <c r="AW34" s="113">
        <v>14688</v>
      </c>
      <c r="AX34" s="110">
        <v>0</v>
      </c>
      <c r="AY34" s="114">
        <v>0</v>
      </c>
      <c r="AZ34" s="114">
        <v>30272</v>
      </c>
      <c r="BA34" s="114">
        <v>0</v>
      </c>
      <c r="BB34" s="114">
        <v>0</v>
      </c>
      <c r="BC34" s="114">
        <v>0</v>
      </c>
      <c r="BD34" s="113">
        <v>30272</v>
      </c>
      <c r="BE34" s="116">
        <v>44960</v>
      </c>
      <c r="BF34" s="110">
        <v>0</v>
      </c>
      <c r="BG34" s="114">
        <v>0</v>
      </c>
      <c r="BH34" s="112">
        <v>0</v>
      </c>
      <c r="BI34" s="111">
        <v>0</v>
      </c>
      <c r="BJ34" s="114">
        <v>0</v>
      </c>
      <c r="BK34" s="114">
        <v>30592</v>
      </c>
      <c r="BL34" s="114">
        <v>0</v>
      </c>
      <c r="BM34" s="114">
        <v>0</v>
      </c>
      <c r="BN34" s="114">
        <v>0</v>
      </c>
      <c r="BO34" s="113">
        <v>30592</v>
      </c>
      <c r="BP34" s="116">
        <v>30592</v>
      </c>
      <c r="BQ34" s="110">
        <v>0</v>
      </c>
      <c r="BR34" s="114">
        <v>0</v>
      </c>
      <c r="BS34" s="113">
        <v>0</v>
      </c>
      <c r="BT34" s="110">
        <v>0</v>
      </c>
      <c r="BU34" s="114">
        <v>14032</v>
      </c>
      <c r="BV34" s="114">
        <v>58656</v>
      </c>
      <c r="BW34" s="114">
        <v>0</v>
      </c>
      <c r="BX34" s="114">
        <v>4144</v>
      </c>
      <c r="BY34" s="114">
        <v>8656</v>
      </c>
      <c r="BZ34" s="113">
        <v>85488</v>
      </c>
      <c r="CA34" s="116">
        <v>85488</v>
      </c>
      <c r="CB34" s="110">
        <v>18544</v>
      </c>
      <c r="CC34" s="114">
        <v>0</v>
      </c>
      <c r="CD34" s="113">
        <v>18544</v>
      </c>
      <c r="CE34" s="110">
        <v>0</v>
      </c>
      <c r="CF34" s="114">
        <v>200016</v>
      </c>
      <c r="CG34" s="114">
        <v>348189</v>
      </c>
      <c r="CH34" s="114">
        <v>0</v>
      </c>
      <c r="CI34" s="114">
        <v>74573</v>
      </c>
      <c r="CJ34" s="114">
        <v>0</v>
      </c>
      <c r="CK34" s="113">
        <v>622778</v>
      </c>
      <c r="CL34" s="116">
        <v>641322</v>
      </c>
      <c r="CM34" s="110">
        <v>0</v>
      </c>
      <c r="CN34" s="114">
        <v>0</v>
      </c>
      <c r="CO34" s="113">
        <v>0</v>
      </c>
      <c r="CP34" s="111">
        <v>0</v>
      </c>
      <c r="CQ34" s="114">
        <v>200016</v>
      </c>
      <c r="CR34" s="114">
        <v>348189</v>
      </c>
      <c r="CS34" s="114">
        <v>0</v>
      </c>
      <c r="CT34" s="114">
        <v>74573</v>
      </c>
      <c r="CU34" s="114">
        <v>0</v>
      </c>
      <c r="CV34" s="113">
        <v>622778</v>
      </c>
      <c r="CW34" s="116">
        <v>622778</v>
      </c>
      <c r="CX34" s="110">
        <v>18544</v>
      </c>
      <c r="CY34" s="114">
        <v>0</v>
      </c>
      <c r="CZ34" s="113">
        <v>18544</v>
      </c>
      <c r="DA34" s="110">
        <v>0</v>
      </c>
      <c r="DB34" s="114">
        <v>0</v>
      </c>
      <c r="DC34" s="114">
        <v>0</v>
      </c>
      <c r="DD34" s="114">
        <v>0</v>
      </c>
      <c r="DE34" s="114">
        <v>0</v>
      </c>
      <c r="DF34" s="114">
        <v>0</v>
      </c>
      <c r="DG34" s="113">
        <v>0</v>
      </c>
      <c r="DH34" s="116">
        <v>18544</v>
      </c>
      <c r="DI34" s="110">
        <v>0</v>
      </c>
      <c r="DJ34" s="114">
        <v>0</v>
      </c>
      <c r="DK34" s="112">
        <v>0</v>
      </c>
      <c r="DL34" s="111">
        <v>0</v>
      </c>
      <c r="DM34" s="114">
        <v>0</v>
      </c>
      <c r="DN34" s="114">
        <v>85935</v>
      </c>
      <c r="DO34" s="114">
        <v>0</v>
      </c>
      <c r="DP34" s="114">
        <v>0</v>
      </c>
      <c r="DQ34" s="114">
        <v>110015</v>
      </c>
      <c r="DR34" s="113">
        <v>195950</v>
      </c>
      <c r="DS34" s="116">
        <v>195950</v>
      </c>
      <c r="DT34" s="110">
        <v>0</v>
      </c>
      <c r="DU34" s="114">
        <v>0</v>
      </c>
      <c r="DV34" s="113">
        <v>0</v>
      </c>
      <c r="DW34" s="110">
        <v>0</v>
      </c>
      <c r="DX34" s="114">
        <v>0</v>
      </c>
      <c r="DY34" s="114">
        <v>85935</v>
      </c>
      <c r="DZ34" s="114">
        <v>0</v>
      </c>
      <c r="EA34" s="114">
        <v>0</v>
      </c>
      <c r="EB34" s="114">
        <v>110015</v>
      </c>
      <c r="EC34" s="113">
        <v>195950</v>
      </c>
      <c r="ED34" s="116">
        <v>195950</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3680</v>
      </c>
      <c r="FM34" s="114">
        <v>0</v>
      </c>
      <c r="FN34" s="113">
        <v>13680</v>
      </c>
      <c r="FO34" s="110">
        <v>0</v>
      </c>
      <c r="FP34" s="114">
        <v>7600</v>
      </c>
      <c r="FQ34" s="114">
        <v>55832</v>
      </c>
      <c r="FR34" s="114">
        <v>0</v>
      </c>
      <c r="FS34" s="114">
        <v>35200</v>
      </c>
      <c r="FT34" s="114">
        <v>52640</v>
      </c>
      <c r="FU34" s="113">
        <v>151272</v>
      </c>
      <c r="FV34" s="116">
        <v>164952</v>
      </c>
      <c r="FW34" s="115">
        <v>13680</v>
      </c>
      <c r="FX34" s="114">
        <v>0</v>
      </c>
      <c r="FY34" s="112">
        <v>13680</v>
      </c>
      <c r="FZ34" s="111">
        <v>0</v>
      </c>
      <c r="GA34" s="114">
        <v>7600</v>
      </c>
      <c r="GB34" s="114">
        <v>55832</v>
      </c>
      <c r="GC34" s="114">
        <v>0</v>
      </c>
      <c r="GD34" s="114">
        <v>35200</v>
      </c>
      <c r="GE34" s="114">
        <v>52640</v>
      </c>
      <c r="GF34" s="113">
        <v>151272</v>
      </c>
      <c r="GG34" s="318">
        <v>164952</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52056</v>
      </c>
      <c r="HE34" s="114">
        <v>0</v>
      </c>
      <c r="HF34" s="112">
        <v>52056</v>
      </c>
      <c r="HG34" s="111">
        <v>0</v>
      </c>
      <c r="HH34" s="114">
        <v>0</v>
      </c>
      <c r="HI34" s="114">
        <v>356609</v>
      </c>
      <c r="HJ34" s="114">
        <v>0</v>
      </c>
      <c r="HK34" s="114">
        <v>216707</v>
      </c>
      <c r="HL34" s="114">
        <v>227416</v>
      </c>
      <c r="HM34" s="113">
        <v>800732</v>
      </c>
      <c r="HN34" s="109">
        <v>852788</v>
      </c>
      <c r="HO34" s="328"/>
      <c r="HP34" s="329"/>
      <c r="HQ34" s="330"/>
      <c r="HR34" s="331"/>
      <c r="HS34" s="329"/>
      <c r="HT34" s="329"/>
      <c r="HU34" s="329"/>
      <c r="HV34" s="329"/>
      <c r="HW34" s="329"/>
      <c r="HX34" s="332"/>
      <c r="HY34" s="333"/>
      <c r="HZ34" s="150">
        <v>0</v>
      </c>
      <c r="IA34" s="135">
        <v>0</v>
      </c>
      <c r="IB34" s="150">
        <v>0</v>
      </c>
      <c r="IC34" s="134">
        <v>0</v>
      </c>
      <c r="ID34" s="135">
        <v>417440</v>
      </c>
      <c r="IE34" s="136">
        <v>66976</v>
      </c>
      <c r="IF34" s="137">
        <v>0</v>
      </c>
      <c r="IG34" s="135">
        <v>0</v>
      </c>
      <c r="IH34" s="137">
        <v>0</v>
      </c>
      <c r="II34" s="138">
        <v>484416</v>
      </c>
      <c r="IJ34" s="150">
        <v>484416</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216928</v>
      </c>
      <c r="JL34" s="119">
        <v>66976</v>
      </c>
      <c r="JM34" s="119">
        <v>0</v>
      </c>
      <c r="JN34" s="119">
        <v>0</v>
      </c>
      <c r="JO34" s="119">
        <v>0</v>
      </c>
      <c r="JP34" s="120">
        <v>283904</v>
      </c>
      <c r="JQ34" s="320">
        <v>283904</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200512</v>
      </c>
      <c r="LO34" s="119">
        <v>0</v>
      </c>
      <c r="LP34" s="119">
        <v>0</v>
      </c>
      <c r="LQ34" s="119">
        <v>0</v>
      </c>
      <c r="LR34" s="119">
        <v>0</v>
      </c>
      <c r="LS34" s="120">
        <v>200512</v>
      </c>
      <c r="LT34" s="320">
        <v>200512</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0</v>
      </c>
      <c r="MN34" s="119">
        <v>54328</v>
      </c>
      <c r="MO34" s="120">
        <v>54328</v>
      </c>
      <c r="MP34" s="143">
        <v>54328</v>
      </c>
      <c r="MQ34" s="142">
        <v>0</v>
      </c>
      <c r="MR34" s="119">
        <v>0</v>
      </c>
      <c r="MS34" s="120">
        <v>0</v>
      </c>
      <c r="MT34" s="145"/>
      <c r="MU34" s="119">
        <v>0</v>
      </c>
      <c r="MV34" s="119">
        <v>0</v>
      </c>
      <c r="MW34" s="119">
        <v>0</v>
      </c>
      <c r="MX34" s="119">
        <v>0</v>
      </c>
      <c r="MY34" s="119">
        <v>54328</v>
      </c>
      <c r="MZ34" s="120">
        <v>54328</v>
      </c>
      <c r="NA34" s="143">
        <v>54328</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84280</v>
      </c>
      <c r="OJ34" s="119">
        <v>14688</v>
      </c>
      <c r="OK34" s="141">
        <v>98968</v>
      </c>
      <c r="OL34" s="118">
        <v>0</v>
      </c>
      <c r="OM34" s="119">
        <v>639088</v>
      </c>
      <c r="ON34" s="119">
        <v>1033061</v>
      </c>
      <c r="OO34" s="119">
        <v>0</v>
      </c>
      <c r="OP34" s="119">
        <v>330624</v>
      </c>
      <c r="OQ34" s="119">
        <v>496759</v>
      </c>
      <c r="OR34" s="120">
        <v>2499532</v>
      </c>
      <c r="OS34" s="143">
        <v>2598500</v>
      </c>
    </row>
    <row r="35" spans="2:409" ht="21" customHeight="1" x14ac:dyDescent="0.2">
      <c r="B35" s="126" t="s">
        <v>30</v>
      </c>
      <c r="C35" s="110">
        <v>80000</v>
      </c>
      <c r="D35" s="114">
        <v>66560</v>
      </c>
      <c r="E35" s="174">
        <v>146560</v>
      </c>
      <c r="F35" s="175">
        <v>0</v>
      </c>
      <c r="G35" s="176">
        <v>211247</v>
      </c>
      <c r="H35" s="176">
        <v>33096</v>
      </c>
      <c r="I35" s="176">
        <v>417361</v>
      </c>
      <c r="J35" s="176">
        <v>330560</v>
      </c>
      <c r="K35" s="176">
        <v>0</v>
      </c>
      <c r="L35" s="177">
        <v>992264</v>
      </c>
      <c r="M35" s="116">
        <v>1138824</v>
      </c>
      <c r="N35" s="110">
        <v>58944</v>
      </c>
      <c r="O35" s="114">
        <v>65760</v>
      </c>
      <c r="P35" s="113">
        <v>124704</v>
      </c>
      <c r="Q35" s="110">
        <v>0</v>
      </c>
      <c r="R35" s="114">
        <v>33047</v>
      </c>
      <c r="S35" s="114">
        <v>26696</v>
      </c>
      <c r="T35" s="114">
        <v>96312</v>
      </c>
      <c r="U35" s="114">
        <v>100360</v>
      </c>
      <c r="V35" s="114">
        <v>0</v>
      </c>
      <c r="W35" s="113">
        <v>256415</v>
      </c>
      <c r="X35" s="116">
        <v>381119</v>
      </c>
      <c r="Y35" s="110">
        <v>0</v>
      </c>
      <c r="Z35" s="114">
        <v>0</v>
      </c>
      <c r="AA35" s="113">
        <v>0</v>
      </c>
      <c r="AB35" s="110">
        <v>0</v>
      </c>
      <c r="AC35" s="114">
        <v>20287</v>
      </c>
      <c r="AD35" s="114">
        <v>24408</v>
      </c>
      <c r="AE35" s="114">
        <v>25400</v>
      </c>
      <c r="AF35" s="114">
        <v>33688</v>
      </c>
      <c r="AG35" s="114">
        <v>0</v>
      </c>
      <c r="AH35" s="113">
        <v>103783</v>
      </c>
      <c r="AI35" s="116">
        <v>103783</v>
      </c>
      <c r="AJ35" s="110">
        <v>0</v>
      </c>
      <c r="AK35" s="114">
        <v>0</v>
      </c>
      <c r="AL35" s="113">
        <v>0</v>
      </c>
      <c r="AM35" s="110">
        <v>0</v>
      </c>
      <c r="AN35" s="114">
        <v>0</v>
      </c>
      <c r="AO35" s="114">
        <v>0</v>
      </c>
      <c r="AP35" s="114">
        <v>0</v>
      </c>
      <c r="AQ35" s="114">
        <v>0</v>
      </c>
      <c r="AR35" s="114">
        <v>0</v>
      </c>
      <c r="AS35" s="113">
        <v>0</v>
      </c>
      <c r="AT35" s="116">
        <v>0</v>
      </c>
      <c r="AU35" s="110">
        <v>0</v>
      </c>
      <c r="AV35" s="114">
        <v>65760</v>
      </c>
      <c r="AW35" s="113">
        <v>65760</v>
      </c>
      <c r="AX35" s="110">
        <v>0</v>
      </c>
      <c r="AY35" s="114">
        <v>0</v>
      </c>
      <c r="AZ35" s="114">
        <v>0</v>
      </c>
      <c r="BA35" s="114">
        <v>70912</v>
      </c>
      <c r="BB35" s="114">
        <v>35456</v>
      </c>
      <c r="BC35" s="114">
        <v>0</v>
      </c>
      <c r="BD35" s="113">
        <v>106368</v>
      </c>
      <c r="BE35" s="116">
        <v>172128</v>
      </c>
      <c r="BF35" s="110">
        <v>58944</v>
      </c>
      <c r="BG35" s="114">
        <v>0</v>
      </c>
      <c r="BH35" s="112">
        <v>58944</v>
      </c>
      <c r="BI35" s="111">
        <v>0</v>
      </c>
      <c r="BJ35" s="114">
        <v>0</v>
      </c>
      <c r="BK35" s="114">
        <v>0</v>
      </c>
      <c r="BL35" s="114">
        <v>0</v>
      </c>
      <c r="BM35" s="114">
        <v>0</v>
      </c>
      <c r="BN35" s="114">
        <v>0</v>
      </c>
      <c r="BO35" s="113">
        <v>0</v>
      </c>
      <c r="BP35" s="116">
        <v>58944</v>
      </c>
      <c r="BQ35" s="110">
        <v>0</v>
      </c>
      <c r="BR35" s="114">
        <v>0</v>
      </c>
      <c r="BS35" s="113">
        <v>0</v>
      </c>
      <c r="BT35" s="110">
        <v>0</v>
      </c>
      <c r="BU35" s="114">
        <v>12760</v>
      </c>
      <c r="BV35" s="114">
        <v>2288</v>
      </c>
      <c r="BW35" s="114">
        <v>0</v>
      </c>
      <c r="BX35" s="114">
        <v>31216</v>
      </c>
      <c r="BY35" s="114">
        <v>0</v>
      </c>
      <c r="BZ35" s="113">
        <v>46264</v>
      </c>
      <c r="CA35" s="116">
        <v>46264</v>
      </c>
      <c r="CB35" s="110">
        <v>21056</v>
      </c>
      <c r="CC35" s="114">
        <v>0</v>
      </c>
      <c r="CD35" s="113">
        <v>21056</v>
      </c>
      <c r="CE35" s="110">
        <v>0</v>
      </c>
      <c r="CF35" s="114">
        <v>16940</v>
      </c>
      <c r="CG35" s="114">
        <v>0</v>
      </c>
      <c r="CH35" s="114">
        <v>194894</v>
      </c>
      <c r="CI35" s="114">
        <v>147808</v>
      </c>
      <c r="CJ35" s="114">
        <v>0</v>
      </c>
      <c r="CK35" s="113">
        <v>359642</v>
      </c>
      <c r="CL35" s="116">
        <v>380698</v>
      </c>
      <c r="CM35" s="110">
        <v>0</v>
      </c>
      <c r="CN35" s="114">
        <v>0</v>
      </c>
      <c r="CO35" s="113">
        <v>0</v>
      </c>
      <c r="CP35" s="111">
        <v>0</v>
      </c>
      <c r="CQ35" s="114">
        <v>16940</v>
      </c>
      <c r="CR35" s="114">
        <v>0</v>
      </c>
      <c r="CS35" s="114">
        <v>0</v>
      </c>
      <c r="CT35" s="114">
        <v>147808</v>
      </c>
      <c r="CU35" s="114">
        <v>0</v>
      </c>
      <c r="CV35" s="113">
        <v>164748</v>
      </c>
      <c r="CW35" s="116">
        <v>164748</v>
      </c>
      <c r="CX35" s="110">
        <v>21056</v>
      </c>
      <c r="CY35" s="114">
        <v>0</v>
      </c>
      <c r="CZ35" s="113">
        <v>21056</v>
      </c>
      <c r="DA35" s="110">
        <v>0</v>
      </c>
      <c r="DB35" s="114">
        <v>0</v>
      </c>
      <c r="DC35" s="114">
        <v>0</v>
      </c>
      <c r="DD35" s="114">
        <v>194894</v>
      </c>
      <c r="DE35" s="114">
        <v>0</v>
      </c>
      <c r="DF35" s="114">
        <v>0</v>
      </c>
      <c r="DG35" s="113">
        <v>194894</v>
      </c>
      <c r="DH35" s="116">
        <v>215950</v>
      </c>
      <c r="DI35" s="110">
        <v>0</v>
      </c>
      <c r="DJ35" s="114">
        <v>0</v>
      </c>
      <c r="DK35" s="112">
        <v>0</v>
      </c>
      <c r="DL35" s="111">
        <v>0</v>
      </c>
      <c r="DM35" s="114">
        <v>0</v>
      </c>
      <c r="DN35" s="114">
        <v>0</v>
      </c>
      <c r="DO35" s="114">
        <v>77835</v>
      </c>
      <c r="DP35" s="114">
        <v>33464</v>
      </c>
      <c r="DQ35" s="114">
        <v>0</v>
      </c>
      <c r="DR35" s="113">
        <v>111299</v>
      </c>
      <c r="DS35" s="116">
        <v>111299</v>
      </c>
      <c r="DT35" s="110">
        <v>0</v>
      </c>
      <c r="DU35" s="114">
        <v>0</v>
      </c>
      <c r="DV35" s="113">
        <v>0</v>
      </c>
      <c r="DW35" s="110">
        <v>0</v>
      </c>
      <c r="DX35" s="114">
        <v>0</v>
      </c>
      <c r="DY35" s="114">
        <v>0</v>
      </c>
      <c r="DZ35" s="114">
        <v>77835</v>
      </c>
      <c r="EA35" s="114">
        <v>33464</v>
      </c>
      <c r="EB35" s="114">
        <v>0</v>
      </c>
      <c r="EC35" s="113">
        <v>111299</v>
      </c>
      <c r="ED35" s="116">
        <v>111299</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800</v>
      </c>
      <c r="FN35" s="113">
        <v>800</v>
      </c>
      <c r="FO35" s="110">
        <v>0</v>
      </c>
      <c r="FP35" s="114">
        <v>640</v>
      </c>
      <c r="FQ35" s="114">
        <v>6400</v>
      </c>
      <c r="FR35" s="114">
        <v>48320</v>
      </c>
      <c r="FS35" s="114">
        <v>48928</v>
      </c>
      <c r="FT35" s="114">
        <v>0</v>
      </c>
      <c r="FU35" s="113">
        <v>104288</v>
      </c>
      <c r="FV35" s="116">
        <v>105088</v>
      </c>
      <c r="FW35" s="115">
        <v>0</v>
      </c>
      <c r="FX35" s="114">
        <v>800</v>
      </c>
      <c r="FY35" s="112">
        <v>800</v>
      </c>
      <c r="FZ35" s="111">
        <v>0</v>
      </c>
      <c r="GA35" s="114">
        <v>640</v>
      </c>
      <c r="GB35" s="114">
        <v>6400</v>
      </c>
      <c r="GC35" s="114">
        <v>48320</v>
      </c>
      <c r="GD35" s="114">
        <v>48928</v>
      </c>
      <c r="GE35" s="114">
        <v>0</v>
      </c>
      <c r="GF35" s="113">
        <v>104288</v>
      </c>
      <c r="GG35" s="318">
        <v>10508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60620</v>
      </c>
      <c r="HI35" s="114">
        <v>0</v>
      </c>
      <c r="HJ35" s="114">
        <v>0</v>
      </c>
      <c r="HK35" s="114">
        <v>0</v>
      </c>
      <c r="HL35" s="114">
        <v>0</v>
      </c>
      <c r="HM35" s="113">
        <v>160620</v>
      </c>
      <c r="HN35" s="109">
        <v>160620</v>
      </c>
      <c r="HO35" s="328"/>
      <c r="HP35" s="329"/>
      <c r="HQ35" s="330"/>
      <c r="HR35" s="331"/>
      <c r="HS35" s="329"/>
      <c r="HT35" s="329"/>
      <c r="HU35" s="329"/>
      <c r="HV35" s="329"/>
      <c r="HW35" s="329"/>
      <c r="HX35" s="332"/>
      <c r="HY35" s="333"/>
      <c r="HZ35" s="131">
        <v>26763</v>
      </c>
      <c r="IA35" s="132">
        <v>0</v>
      </c>
      <c r="IB35" s="133">
        <v>26763</v>
      </c>
      <c r="IC35" s="146">
        <v>0</v>
      </c>
      <c r="ID35" s="132">
        <v>31126</v>
      </c>
      <c r="IE35" s="147">
        <v>25600</v>
      </c>
      <c r="IF35" s="133">
        <v>69904</v>
      </c>
      <c r="IG35" s="132">
        <v>243328</v>
      </c>
      <c r="IH35" s="133">
        <v>0</v>
      </c>
      <c r="II35" s="148">
        <v>369958</v>
      </c>
      <c r="IJ35" s="139">
        <v>396721</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31126</v>
      </c>
      <c r="JL35" s="119">
        <v>0</v>
      </c>
      <c r="JM35" s="119">
        <v>69904</v>
      </c>
      <c r="JN35" s="119">
        <v>0</v>
      </c>
      <c r="JO35" s="119">
        <v>0</v>
      </c>
      <c r="JP35" s="120">
        <v>101030</v>
      </c>
      <c r="JQ35" s="320">
        <v>101030</v>
      </c>
      <c r="JR35" s="142">
        <v>26763</v>
      </c>
      <c r="JS35" s="119">
        <v>0</v>
      </c>
      <c r="JT35" s="141">
        <v>26763</v>
      </c>
      <c r="JU35" s="118">
        <v>0</v>
      </c>
      <c r="JV35" s="119">
        <v>0</v>
      </c>
      <c r="JW35" s="119">
        <v>0</v>
      </c>
      <c r="JX35" s="119">
        <v>0</v>
      </c>
      <c r="JY35" s="119">
        <v>0</v>
      </c>
      <c r="JZ35" s="119">
        <v>0</v>
      </c>
      <c r="KA35" s="120">
        <v>0</v>
      </c>
      <c r="KB35" s="320">
        <v>26763</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25600</v>
      </c>
      <c r="KT35" s="119">
        <v>0</v>
      </c>
      <c r="KU35" s="119">
        <v>243328</v>
      </c>
      <c r="KV35" s="119">
        <v>0</v>
      </c>
      <c r="KW35" s="120">
        <v>268928</v>
      </c>
      <c r="KX35" s="320">
        <v>26892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465464</v>
      </c>
      <c r="MK35" s="119">
        <v>0</v>
      </c>
      <c r="ML35" s="119">
        <v>263740</v>
      </c>
      <c r="MM35" s="119">
        <v>1281712</v>
      </c>
      <c r="MN35" s="119">
        <v>668586</v>
      </c>
      <c r="MO35" s="120">
        <v>2679502</v>
      </c>
      <c r="MP35" s="143">
        <v>2679502</v>
      </c>
      <c r="MQ35" s="142">
        <v>0</v>
      </c>
      <c r="MR35" s="119">
        <v>0</v>
      </c>
      <c r="MS35" s="120">
        <v>0</v>
      </c>
      <c r="MT35" s="145"/>
      <c r="MU35" s="119">
        <v>0</v>
      </c>
      <c r="MV35" s="119">
        <v>0</v>
      </c>
      <c r="MW35" s="119">
        <v>0</v>
      </c>
      <c r="MX35" s="119">
        <v>712088</v>
      </c>
      <c r="MY35" s="119">
        <v>0</v>
      </c>
      <c r="MZ35" s="120">
        <v>712088</v>
      </c>
      <c r="NA35" s="143">
        <v>712088</v>
      </c>
      <c r="NB35" s="142">
        <v>0</v>
      </c>
      <c r="NC35" s="119">
        <v>0</v>
      </c>
      <c r="ND35" s="120">
        <v>0</v>
      </c>
      <c r="NE35" s="145"/>
      <c r="NF35" s="119">
        <v>465464</v>
      </c>
      <c r="NG35" s="119">
        <v>0</v>
      </c>
      <c r="NH35" s="119">
        <v>263740</v>
      </c>
      <c r="NI35" s="119">
        <v>569624</v>
      </c>
      <c r="NJ35" s="119">
        <v>261312</v>
      </c>
      <c r="NK35" s="120">
        <v>1560140</v>
      </c>
      <c r="NL35" s="320">
        <v>156014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407274</v>
      </c>
      <c r="OG35" s="120">
        <v>407274</v>
      </c>
      <c r="OH35" s="121">
        <v>407274</v>
      </c>
      <c r="OI35" s="142">
        <v>106763</v>
      </c>
      <c r="OJ35" s="119">
        <v>66560</v>
      </c>
      <c r="OK35" s="141">
        <v>173323</v>
      </c>
      <c r="OL35" s="118">
        <v>0</v>
      </c>
      <c r="OM35" s="119">
        <v>707837</v>
      </c>
      <c r="ON35" s="119">
        <v>58696</v>
      </c>
      <c r="OO35" s="119">
        <v>751005</v>
      </c>
      <c r="OP35" s="119">
        <v>1855600</v>
      </c>
      <c r="OQ35" s="119">
        <v>668586</v>
      </c>
      <c r="OR35" s="120">
        <v>4041724</v>
      </c>
      <c r="OS35" s="143">
        <v>4215047</v>
      </c>
    </row>
    <row r="36" spans="2:409" ht="21" customHeight="1" x14ac:dyDescent="0.2">
      <c r="B36" s="126" t="s">
        <v>31</v>
      </c>
      <c r="C36" s="110">
        <v>13296</v>
      </c>
      <c r="D36" s="114">
        <v>15600</v>
      </c>
      <c r="E36" s="113">
        <v>28896</v>
      </c>
      <c r="F36" s="109">
        <v>0</v>
      </c>
      <c r="G36" s="114">
        <v>341798</v>
      </c>
      <c r="H36" s="114">
        <v>554045</v>
      </c>
      <c r="I36" s="114">
        <v>562703</v>
      </c>
      <c r="J36" s="114">
        <v>280808</v>
      </c>
      <c r="K36" s="114">
        <v>0</v>
      </c>
      <c r="L36" s="173">
        <v>1739354</v>
      </c>
      <c r="M36" s="116">
        <v>1768250</v>
      </c>
      <c r="N36" s="110">
        <v>8096</v>
      </c>
      <c r="O36" s="114">
        <v>0</v>
      </c>
      <c r="P36" s="113">
        <v>8096</v>
      </c>
      <c r="Q36" s="110">
        <v>0</v>
      </c>
      <c r="R36" s="114">
        <v>12696</v>
      </c>
      <c r="S36" s="114">
        <v>144048</v>
      </c>
      <c r="T36" s="114">
        <v>202288</v>
      </c>
      <c r="U36" s="114">
        <v>78584</v>
      </c>
      <c r="V36" s="114">
        <v>0</v>
      </c>
      <c r="W36" s="113">
        <v>437616</v>
      </c>
      <c r="X36" s="116">
        <v>445712</v>
      </c>
      <c r="Y36" s="110">
        <v>0</v>
      </c>
      <c r="Z36" s="114">
        <v>0</v>
      </c>
      <c r="AA36" s="113">
        <v>0</v>
      </c>
      <c r="AB36" s="110">
        <v>0</v>
      </c>
      <c r="AC36" s="114">
        <v>12696</v>
      </c>
      <c r="AD36" s="114">
        <v>0</v>
      </c>
      <c r="AE36" s="114">
        <v>40024</v>
      </c>
      <c r="AF36" s="114">
        <v>0</v>
      </c>
      <c r="AG36" s="114">
        <v>0</v>
      </c>
      <c r="AH36" s="113">
        <v>52720</v>
      </c>
      <c r="AI36" s="116">
        <v>52720</v>
      </c>
      <c r="AJ36" s="110">
        <v>0</v>
      </c>
      <c r="AK36" s="114">
        <v>0</v>
      </c>
      <c r="AL36" s="113">
        <v>0</v>
      </c>
      <c r="AM36" s="110">
        <v>0</v>
      </c>
      <c r="AN36" s="114">
        <v>0</v>
      </c>
      <c r="AO36" s="114">
        <v>43704</v>
      </c>
      <c r="AP36" s="114">
        <v>87416</v>
      </c>
      <c r="AQ36" s="114">
        <v>0</v>
      </c>
      <c r="AR36" s="114">
        <v>0</v>
      </c>
      <c r="AS36" s="113">
        <v>131120</v>
      </c>
      <c r="AT36" s="116">
        <v>131120</v>
      </c>
      <c r="AU36" s="110">
        <v>8096</v>
      </c>
      <c r="AV36" s="114">
        <v>0</v>
      </c>
      <c r="AW36" s="113">
        <v>8096</v>
      </c>
      <c r="AX36" s="110">
        <v>0</v>
      </c>
      <c r="AY36" s="114">
        <v>0</v>
      </c>
      <c r="AZ36" s="114">
        <v>0</v>
      </c>
      <c r="BA36" s="114">
        <v>49256</v>
      </c>
      <c r="BB36" s="114">
        <v>73128</v>
      </c>
      <c r="BC36" s="114">
        <v>0</v>
      </c>
      <c r="BD36" s="113">
        <v>122384</v>
      </c>
      <c r="BE36" s="116">
        <v>130480</v>
      </c>
      <c r="BF36" s="110">
        <v>0</v>
      </c>
      <c r="BG36" s="114">
        <v>0</v>
      </c>
      <c r="BH36" s="112">
        <v>0</v>
      </c>
      <c r="BI36" s="111">
        <v>0</v>
      </c>
      <c r="BJ36" s="114">
        <v>0</v>
      </c>
      <c r="BK36" s="114">
        <v>93328</v>
      </c>
      <c r="BL36" s="114">
        <v>0</v>
      </c>
      <c r="BM36" s="114">
        <v>0</v>
      </c>
      <c r="BN36" s="114">
        <v>0</v>
      </c>
      <c r="BO36" s="113">
        <v>93328</v>
      </c>
      <c r="BP36" s="116">
        <v>93328</v>
      </c>
      <c r="BQ36" s="110">
        <v>0</v>
      </c>
      <c r="BR36" s="114">
        <v>0</v>
      </c>
      <c r="BS36" s="113">
        <v>0</v>
      </c>
      <c r="BT36" s="110">
        <v>0</v>
      </c>
      <c r="BU36" s="114">
        <v>0</v>
      </c>
      <c r="BV36" s="114">
        <v>7016</v>
      </c>
      <c r="BW36" s="114">
        <v>25592</v>
      </c>
      <c r="BX36" s="114">
        <v>5456</v>
      </c>
      <c r="BY36" s="114">
        <v>0</v>
      </c>
      <c r="BZ36" s="113">
        <v>38064</v>
      </c>
      <c r="CA36" s="116">
        <v>38064</v>
      </c>
      <c r="CB36" s="110">
        <v>0</v>
      </c>
      <c r="CC36" s="114">
        <v>0</v>
      </c>
      <c r="CD36" s="113">
        <v>0</v>
      </c>
      <c r="CE36" s="110">
        <v>0</v>
      </c>
      <c r="CF36" s="114">
        <v>153422</v>
      </c>
      <c r="CG36" s="114">
        <v>210225</v>
      </c>
      <c r="CH36" s="114">
        <v>33007</v>
      </c>
      <c r="CI36" s="114">
        <v>77584</v>
      </c>
      <c r="CJ36" s="114">
        <v>0</v>
      </c>
      <c r="CK36" s="113">
        <v>474238</v>
      </c>
      <c r="CL36" s="116">
        <v>474238</v>
      </c>
      <c r="CM36" s="110">
        <v>0</v>
      </c>
      <c r="CN36" s="114">
        <v>0</v>
      </c>
      <c r="CO36" s="113">
        <v>0</v>
      </c>
      <c r="CP36" s="111">
        <v>0</v>
      </c>
      <c r="CQ36" s="114">
        <v>98969</v>
      </c>
      <c r="CR36" s="114">
        <v>109560</v>
      </c>
      <c r="CS36" s="114">
        <v>33007</v>
      </c>
      <c r="CT36" s="114">
        <v>20216</v>
      </c>
      <c r="CU36" s="114">
        <v>0</v>
      </c>
      <c r="CV36" s="113">
        <v>261752</v>
      </c>
      <c r="CW36" s="116">
        <v>261752</v>
      </c>
      <c r="CX36" s="110">
        <v>0</v>
      </c>
      <c r="CY36" s="114">
        <v>0</v>
      </c>
      <c r="CZ36" s="113">
        <v>0</v>
      </c>
      <c r="DA36" s="110">
        <v>0</v>
      </c>
      <c r="DB36" s="114">
        <v>54453</v>
      </c>
      <c r="DC36" s="114">
        <v>100665</v>
      </c>
      <c r="DD36" s="114">
        <v>0</v>
      </c>
      <c r="DE36" s="114">
        <v>57368</v>
      </c>
      <c r="DF36" s="114">
        <v>0</v>
      </c>
      <c r="DG36" s="113">
        <v>212486</v>
      </c>
      <c r="DH36" s="116">
        <v>212486</v>
      </c>
      <c r="DI36" s="110">
        <v>0</v>
      </c>
      <c r="DJ36" s="114">
        <v>0</v>
      </c>
      <c r="DK36" s="112">
        <v>0</v>
      </c>
      <c r="DL36" s="111">
        <v>0</v>
      </c>
      <c r="DM36" s="114">
        <v>0</v>
      </c>
      <c r="DN36" s="114">
        <v>104532</v>
      </c>
      <c r="DO36" s="114">
        <v>8827</v>
      </c>
      <c r="DP36" s="114">
        <v>0</v>
      </c>
      <c r="DQ36" s="114">
        <v>0</v>
      </c>
      <c r="DR36" s="113">
        <v>113359</v>
      </c>
      <c r="DS36" s="116">
        <v>113359</v>
      </c>
      <c r="DT36" s="110">
        <v>0</v>
      </c>
      <c r="DU36" s="114">
        <v>0</v>
      </c>
      <c r="DV36" s="113">
        <v>0</v>
      </c>
      <c r="DW36" s="110">
        <v>0</v>
      </c>
      <c r="DX36" s="114">
        <v>0</v>
      </c>
      <c r="DY36" s="114">
        <v>104532</v>
      </c>
      <c r="DZ36" s="114">
        <v>8827</v>
      </c>
      <c r="EA36" s="114">
        <v>0</v>
      </c>
      <c r="EB36" s="114">
        <v>0</v>
      </c>
      <c r="EC36" s="113">
        <v>113359</v>
      </c>
      <c r="ED36" s="116">
        <v>113359</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5200</v>
      </c>
      <c r="FM36" s="114">
        <v>15600</v>
      </c>
      <c r="FN36" s="113">
        <v>20800</v>
      </c>
      <c r="FO36" s="110">
        <v>0</v>
      </c>
      <c r="FP36" s="114">
        <v>175680</v>
      </c>
      <c r="FQ36" s="114">
        <v>95240</v>
      </c>
      <c r="FR36" s="114">
        <v>42200</v>
      </c>
      <c r="FS36" s="114">
        <v>124640</v>
      </c>
      <c r="FT36" s="114">
        <v>0</v>
      </c>
      <c r="FU36" s="113">
        <v>437760</v>
      </c>
      <c r="FV36" s="116">
        <v>458560</v>
      </c>
      <c r="FW36" s="115">
        <v>5200</v>
      </c>
      <c r="FX36" s="114">
        <v>15600</v>
      </c>
      <c r="FY36" s="112">
        <v>20800</v>
      </c>
      <c r="FZ36" s="111">
        <v>0</v>
      </c>
      <c r="GA36" s="114">
        <v>15680</v>
      </c>
      <c r="GB36" s="114">
        <v>95240</v>
      </c>
      <c r="GC36" s="114">
        <v>42200</v>
      </c>
      <c r="GD36" s="114">
        <v>124640</v>
      </c>
      <c r="GE36" s="114">
        <v>0</v>
      </c>
      <c r="GF36" s="113">
        <v>277760</v>
      </c>
      <c r="GG36" s="318">
        <v>298560</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160000</v>
      </c>
      <c r="GX36" s="114">
        <v>0</v>
      </c>
      <c r="GY36" s="114">
        <v>0</v>
      </c>
      <c r="GZ36" s="114">
        <v>0</v>
      </c>
      <c r="HA36" s="114">
        <v>0</v>
      </c>
      <c r="HB36" s="112">
        <v>160000</v>
      </c>
      <c r="HC36" s="116">
        <v>160000</v>
      </c>
      <c r="HD36" s="110">
        <v>0</v>
      </c>
      <c r="HE36" s="114">
        <v>0</v>
      </c>
      <c r="HF36" s="112">
        <v>0</v>
      </c>
      <c r="HG36" s="111">
        <v>0</v>
      </c>
      <c r="HH36" s="114">
        <v>0</v>
      </c>
      <c r="HI36" s="114">
        <v>0</v>
      </c>
      <c r="HJ36" s="114">
        <v>276381</v>
      </c>
      <c r="HK36" s="114">
        <v>0</v>
      </c>
      <c r="HL36" s="114">
        <v>0</v>
      </c>
      <c r="HM36" s="113">
        <v>276381</v>
      </c>
      <c r="HN36" s="109">
        <v>276381</v>
      </c>
      <c r="HO36" s="328"/>
      <c r="HP36" s="329"/>
      <c r="HQ36" s="330"/>
      <c r="HR36" s="331"/>
      <c r="HS36" s="329"/>
      <c r="HT36" s="329"/>
      <c r="HU36" s="329"/>
      <c r="HV36" s="329"/>
      <c r="HW36" s="329"/>
      <c r="HX36" s="332"/>
      <c r="HY36" s="333"/>
      <c r="HZ36" s="150">
        <v>0</v>
      </c>
      <c r="IA36" s="135">
        <v>0</v>
      </c>
      <c r="IB36" s="150">
        <v>0</v>
      </c>
      <c r="IC36" s="134">
        <v>0</v>
      </c>
      <c r="ID36" s="135">
        <v>148713</v>
      </c>
      <c r="IE36" s="136">
        <v>539724</v>
      </c>
      <c r="IF36" s="137">
        <v>170116</v>
      </c>
      <c r="IG36" s="135">
        <v>252331</v>
      </c>
      <c r="IH36" s="137">
        <v>0</v>
      </c>
      <c r="II36" s="138">
        <v>1110884</v>
      </c>
      <c r="IJ36" s="150">
        <v>1110884</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2135</v>
      </c>
      <c r="JL36" s="119">
        <v>33756</v>
      </c>
      <c r="JM36" s="119">
        <v>0</v>
      </c>
      <c r="JN36" s="119">
        <v>0</v>
      </c>
      <c r="JO36" s="119">
        <v>0</v>
      </c>
      <c r="JP36" s="120">
        <v>45891</v>
      </c>
      <c r="JQ36" s="320">
        <v>45891</v>
      </c>
      <c r="JR36" s="142">
        <v>0</v>
      </c>
      <c r="JS36" s="119">
        <v>0</v>
      </c>
      <c r="JT36" s="141">
        <v>0</v>
      </c>
      <c r="JU36" s="118">
        <v>0</v>
      </c>
      <c r="JV36" s="119">
        <v>0</v>
      </c>
      <c r="JW36" s="119">
        <v>0</v>
      </c>
      <c r="JX36" s="119">
        <v>170116</v>
      </c>
      <c r="JY36" s="119">
        <v>0</v>
      </c>
      <c r="JZ36" s="119">
        <v>0</v>
      </c>
      <c r="KA36" s="120">
        <v>170116</v>
      </c>
      <c r="KB36" s="320">
        <v>170116</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505968</v>
      </c>
      <c r="KT36" s="119">
        <v>0</v>
      </c>
      <c r="KU36" s="119">
        <v>252331</v>
      </c>
      <c r="KV36" s="119">
        <v>0</v>
      </c>
      <c r="KW36" s="120">
        <v>758299</v>
      </c>
      <c r="KX36" s="320">
        <v>758299</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2867</v>
      </c>
      <c r="ML36" s="119">
        <v>219964</v>
      </c>
      <c r="MM36" s="119">
        <v>275112</v>
      </c>
      <c r="MN36" s="119">
        <v>0</v>
      </c>
      <c r="MO36" s="120">
        <v>727943</v>
      </c>
      <c r="MP36" s="143">
        <v>727943</v>
      </c>
      <c r="MQ36" s="142">
        <v>0</v>
      </c>
      <c r="MR36" s="119">
        <v>0</v>
      </c>
      <c r="MS36" s="120">
        <v>0</v>
      </c>
      <c r="MT36" s="145"/>
      <c r="MU36" s="119">
        <v>0</v>
      </c>
      <c r="MV36" s="119">
        <v>0</v>
      </c>
      <c r="MW36" s="119">
        <v>219964</v>
      </c>
      <c r="MX36" s="119">
        <v>275112</v>
      </c>
      <c r="MY36" s="119">
        <v>0</v>
      </c>
      <c r="MZ36" s="120">
        <v>495076</v>
      </c>
      <c r="NA36" s="143">
        <v>495076</v>
      </c>
      <c r="NB36" s="142">
        <v>0</v>
      </c>
      <c r="NC36" s="119">
        <v>0</v>
      </c>
      <c r="ND36" s="120">
        <v>0</v>
      </c>
      <c r="NE36" s="145"/>
      <c r="NF36" s="119">
        <v>0</v>
      </c>
      <c r="NG36" s="119">
        <v>232867</v>
      </c>
      <c r="NH36" s="119">
        <v>0</v>
      </c>
      <c r="NI36" s="119">
        <v>0</v>
      </c>
      <c r="NJ36" s="119">
        <v>0</v>
      </c>
      <c r="NK36" s="120">
        <v>232867</v>
      </c>
      <c r="NL36" s="320">
        <v>232867</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3296</v>
      </c>
      <c r="OJ36" s="119">
        <v>15600</v>
      </c>
      <c r="OK36" s="141">
        <v>28896</v>
      </c>
      <c r="OL36" s="118">
        <v>0</v>
      </c>
      <c r="OM36" s="119">
        <v>490511</v>
      </c>
      <c r="ON36" s="119">
        <v>1326636</v>
      </c>
      <c r="OO36" s="119">
        <v>952783</v>
      </c>
      <c r="OP36" s="119">
        <v>808251</v>
      </c>
      <c r="OQ36" s="119">
        <v>0</v>
      </c>
      <c r="OR36" s="120">
        <v>3578181</v>
      </c>
      <c r="OS36" s="143">
        <v>3607077</v>
      </c>
    </row>
    <row r="37" spans="2:409" ht="21" customHeight="1" x14ac:dyDescent="0.2">
      <c r="B37" s="126" t="s">
        <v>32</v>
      </c>
      <c r="C37" s="110">
        <v>0</v>
      </c>
      <c r="D37" s="114">
        <v>29088</v>
      </c>
      <c r="E37" s="174">
        <v>29088</v>
      </c>
      <c r="F37" s="175">
        <v>0</v>
      </c>
      <c r="G37" s="176">
        <v>314092</v>
      </c>
      <c r="H37" s="176">
        <v>758769</v>
      </c>
      <c r="I37" s="176">
        <v>748200</v>
      </c>
      <c r="J37" s="176">
        <v>871166</v>
      </c>
      <c r="K37" s="176">
        <v>553322</v>
      </c>
      <c r="L37" s="177">
        <v>3245549</v>
      </c>
      <c r="M37" s="116">
        <v>3274637</v>
      </c>
      <c r="N37" s="110">
        <v>0</v>
      </c>
      <c r="O37" s="114">
        <v>12688</v>
      </c>
      <c r="P37" s="113">
        <v>12688</v>
      </c>
      <c r="Q37" s="110">
        <v>0</v>
      </c>
      <c r="R37" s="114">
        <v>41480</v>
      </c>
      <c r="S37" s="114">
        <v>195621</v>
      </c>
      <c r="T37" s="114">
        <v>228617</v>
      </c>
      <c r="U37" s="114">
        <v>409036</v>
      </c>
      <c r="V37" s="114">
        <v>242424</v>
      </c>
      <c r="W37" s="113">
        <v>1117178</v>
      </c>
      <c r="X37" s="116">
        <v>1129866</v>
      </c>
      <c r="Y37" s="110">
        <v>0</v>
      </c>
      <c r="Z37" s="114">
        <v>0</v>
      </c>
      <c r="AA37" s="113">
        <v>0</v>
      </c>
      <c r="AB37" s="110">
        <v>0</v>
      </c>
      <c r="AC37" s="114">
        <v>26440</v>
      </c>
      <c r="AD37" s="114">
        <v>103701</v>
      </c>
      <c r="AE37" s="114">
        <v>152803</v>
      </c>
      <c r="AF37" s="114">
        <v>341540</v>
      </c>
      <c r="AG37" s="114">
        <v>196312</v>
      </c>
      <c r="AH37" s="113">
        <v>820796</v>
      </c>
      <c r="AI37" s="116">
        <v>820796</v>
      </c>
      <c r="AJ37" s="110">
        <v>0</v>
      </c>
      <c r="AK37" s="114">
        <v>0</v>
      </c>
      <c r="AL37" s="113">
        <v>0</v>
      </c>
      <c r="AM37" s="110">
        <v>0</v>
      </c>
      <c r="AN37" s="114">
        <v>0</v>
      </c>
      <c r="AO37" s="114">
        <v>0</v>
      </c>
      <c r="AP37" s="114">
        <v>0</v>
      </c>
      <c r="AQ37" s="114">
        <v>0</v>
      </c>
      <c r="AR37" s="114">
        <v>46112</v>
      </c>
      <c r="AS37" s="113">
        <v>46112</v>
      </c>
      <c r="AT37" s="116">
        <v>46112</v>
      </c>
      <c r="AU37" s="110">
        <v>0</v>
      </c>
      <c r="AV37" s="114">
        <v>12688</v>
      </c>
      <c r="AW37" s="113">
        <v>12688</v>
      </c>
      <c r="AX37" s="110">
        <v>0</v>
      </c>
      <c r="AY37" s="114">
        <v>15040</v>
      </c>
      <c r="AZ37" s="114">
        <v>59376</v>
      </c>
      <c r="BA37" s="114">
        <v>41070</v>
      </c>
      <c r="BB37" s="114">
        <v>0</v>
      </c>
      <c r="BC37" s="114">
        <v>0</v>
      </c>
      <c r="BD37" s="113">
        <v>115486</v>
      </c>
      <c r="BE37" s="116">
        <v>128174</v>
      </c>
      <c r="BF37" s="110">
        <v>0</v>
      </c>
      <c r="BG37" s="114">
        <v>0</v>
      </c>
      <c r="BH37" s="112">
        <v>0</v>
      </c>
      <c r="BI37" s="111">
        <v>0</v>
      </c>
      <c r="BJ37" s="114">
        <v>0</v>
      </c>
      <c r="BK37" s="114">
        <v>22944</v>
      </c>
      <c r="BL37" s="114">
        <v>0</v>
      </c>
      <c r="BM37" s="114">
        <v>0</v>
      </c>
      <c r="BN37" s="114">
        <v>0</v>
      </c>
      <c r="BO37" s="113">
        <v>22944</v>
      </c>
      <c r="BP37" s="116">
        <v>22944</v>
      </c>
      <c r="BQ37" s="110">
        <v>0</v>
      </c>
      <c r="BR37" s="114">
        <v>0</v>
      </c>
      <c r="BS37" s="113">
        <v>0</v>
      </c>
      <c r="BT37" s="110">
        <v>0</v>
      </c>
      <c r="BU37" s="114">
        <v>0</v>
      </c>
      <c r="BV37" s="114">
        <v>9600</v>
      </c>
      <c r="BW37" s="114">
        <v>34744</v>
      </c>
      <c r="BX37" s="114">
        <v>67496</v>
      </c>
      <c r="BY37" s="114">
        <v>0</v>
      </c>
      <c r="BZ37" s="113">
        <v>111840</v>
      </c>
      <c r="CA37" s="116">
        <v>111840</v>
      </c>
      <c r="CB37" s="110">
        <v>0</v>
      </c>
      <c r="CC37" s="114">
        <v>0</v>
      </c>
      <c r="CD37" s="113">
        <v>0</v>
      </c>
      <c r="CE37" s="110">
        <v>0</v>
      </c>
      <c r="CF37" s="114">
        <v>246452</v>
      </c>
      <c r="CG37" s="114">
        <v>251556</v>
      </c>
      <c r="CH37" s="114">
        <v>250967</v>
      </c>
      <c r="CI37" s="114">
        <v>0</v>
      </c>
      <c r="CJ37" s="114">
        <v>190487</v>
      </c>
      <c r="CK37" s="113">
        <v>939462</v>
      </c>
      <c r="CL37" s="116">
        <v>939462</v>
      </c>
      <c r="CM37" s="110">
        <v>0</v>
      </c>
      <c r="CN37" s="114">
        <v>0</v>
      </c>
      <c r="CO37" s="113">
        <v>0</v>
      </c>
      <c r="CP37" s="111">
        <v>0</v>
      </c>
      <c r="CQ37" s="114">
        <v>113256</v>
      </c>
      <c r="CR37" s="114">
        <v>202520</v>
      </c>
      <c r="CS37" s="114">
        <v>232408</v>
      </c>
      <c r="CT37" s="114">
        <v>0</v>
      </c>
      <c r="CU37" s="114">
        <v>130808</v>
      </c>
      <c r="CV37" s="113">
        <v>678992</v>
      </c>
      <c r="CW37" s="116">
        <v>678992</v>
      </c>
      <c r="CX37" s="110">
        <v>0</v>
      </c>
      <c r="CY37" s="114">
        <v>0</v>
      </c>
      <c r="CZ37" s="113">
        <v>0</v>
      </c>
      <c r="DA37" s="110">
        <v>0</v>
      </c>
      <c r="DB37" s="114">
        <v>133196</v>
      </c>
      <c r="DC37" s="114">
        <v>49036</v>
      </c>
      <c r="DD37" s="114">
        <v>18559</v>
      </c>
      <c r="DE37" s="114">
        <v>0</v>
      </c>
      <c r="DF37" s="114">
        <v>59679</v>
      </c>
      <c r="DG37" s="113">
        <v>260470</v>
      </c>
      <c r="DH37" s="116">
        <v>260470</v>
      </c>
      <c r="DI37" s="110">
        <v>0</v>
      </c>
      <c r="DJ37" s="114">
        <v>0</v>
      </c>
      <c r="DK37" s="112">
        <v>0</v>
      </c>
      <c r="DL37" s="111">
        <v>0</v>
      </c>
      <c r="DM37" s="114">
        <v>0</v>
      </c>
      <c r="DN37" s="114">
        <v>0</v>
      </c>
      <c r="DO37" s="114">
        <v>0</v>
      </c>
      <c r="DP37" s="114">
        <v>0</v>
      </c>
      <c r="DQ37" s="114">
        <v>67131</v>
      </c>
      <c r="DR37" s="113">
        <v>67131</v>
      </c>
      <c r="DS37" s="116">
        <v>67131</v>
      </c>
      <c r="DT37" s="110">
        <v>0</v>
      </c>
      <c r="DU37" s="114">
        <v>0</v>
      </c>
      <c r="DV37" s="113">
        <v>0</v>
      </c>
      <c r="DW37" s="110">
        <v>0</v>
      </c>
      <c r="DX37" s="114">
        <v>0</v>
      </c>
      <c r="DY37" s="114">
        <v>0</v>
      </c>
      <c r="DZ37" s="114">
        <v>0</v>
      </c>
      <c r="EA37" s="114">
        <v>0</v>
      </c>
      <c r="EB37" s="114">
        <v>67131</v>
      </c>
      <c r="EC37" s="113">
        <v>67131</v>
      </c>
      <c r="ED37" s="116">
        <v>67131</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16400</v>
      </c>
      <c r="FN37" s="113">
        <v>16400</v>
      </c>
      <c r="FO37" s="110">
        <v>0</v>
      </c>
      <c r="FP37" s="114">
        <v>26160</v>
      </c>
      <c r="FQ37" s="114">
        <v>140352</v>
      </c>
      <c r="FR37" s="114">
        <v>78128</v>
      </c>
      <c r="FS37" s="114">
        <v>25744</v>
      </c>
      <c r="FT37" s="114">
        <v>53280</v>
      </c>
      <c r="FU37" s="113">
        <v>323664</v>
      </c>
      <c r="FV37" s="116">
        <v>340064</v>
      </c>
      <c r="FW37" s="115">
        <v>0</v>
      </c>
      <c r="FX37" s="114">
        <v>16400</v>
      </c>
      <c r="FY37" s="112">
        <v>16400</v>
      </c>
      <c r="FZ37" s="111">
        <v>0</v>
      </c>
      <c r="GA37" s="114">
        <v>26160</v>
      </c>
      <c r="GB37" s="114">
        <v>79632</v>
      </c>
      <c r="GC37" s="114">
        <v>59824</v>
      </c>
      <c r="GD37" s="114">
        <v>25744</v>
      </c>
      <c r="GE37" s="114">
        <v>53280</v>
      </c>
      <c r="GF37" s="113">
        <v>244640</v>
      </c>
      <c r="GG37" s="318">
        <v>261040</v>
      </c>
      <c r="GH37" s="115">
        <v>0</v>
      </c>
      <c r="GI37" s="114">
        <v>0</v>
      </c>
      <c r="GJ37" s="112">
        <v>0</v>
      </c>
      <c r="GK37" s="111">
        <v>0</v>
      </c>
      <c r="GL37" s="114">
        <v>0</v>
      </c>
      <c r="GM37" s="114">
        <v>0</v>
      </c>
      <c r="GN37" s="114">
        <v>18304</v>
      </c>
      <c r="GO37" s="114">
        <v>0</v>
      </c>
      <c r="GP37" s="114">
        <v>0</v>
      </c>
      <c r="GQ37" s="113">
        <v>18304</v>
      </c>
      <c r="GR37" s="116">
        <v>18304</v>
      </c>
      <c r="GS37" s="110">
        <v>0</v>
      </c>
      <c r="GT37" s="114">
        <v>0</v>
      </c>
      <c r="GU37" s="113">
        <v>0</v>
      </c>
      <c r="GV37" s="110">
        <v>0</v>
      </c>
      <c r="GW37" s="114">
        <v>0</v>
      </c>
      <c r="GX37" s="114">
        <v>60720</v>
      </c>
      <c r="GY37" s="114">
        <v>0</v>
      </c>
      <c r="GZ37" s="114">
        <v>0</v>
      </c>
      <c r="HA37" s="114">
        <v>0</v>
      </c>
      <c r="HB37" s="112">
        <v>60720</v>
      </c>
      <c r="HC37" s="116">
        <v>60720</v>
      </c>
      <c r="HD37" s="110">
        <v>0</v>
      </c>
      <c r="HE37" s="114">
        <v>0</v>
      </c>
      <c r="HF37" s="112">
        <v>0</v>
      </c>
      <c r="HG37" s="111">
        <v>0</v>
      </c>
      <c r="HH37" s="114">
        <v>0</v>
      </c>
      <c r="HI37" s="114">
        <v>171240</v>
      </c>
      <c r="HJ37" s="114">
        <v>190488</v>
      </c>
      <c r="HK37" s="114">
        <v>436386</v>
      </c>
      <c r="HL37" s="114">
        <v>0</v>
      </c>
      <c r="HM37" s="113">
        <v>798114</v>
      </c>
      <c r="HN37" s="109">
        <v>798114</v>
      </c>
      <c r="HO37" s="328"/>
      <c r="HP37" s="329"/>
      <c r="HQ37" s="330"/>
      <c r="HR37" s="331"/>
      <c r="HS37" s="329"/>
      <c r="HT37" s="329"/>
      <c r="HU37" s="329"/>
      <c r="HV37" s="329"/>
      <c r="HW37" s="329"/>
      <c r="HX37" s="332"/>
      <c r="HY37" s="333"/>
      <c r="HZ37" s="131">
        <v>0</v>
      </c>
      <c r="IA37" s="132">
        <v>0</v>
      </c>
      <c r="IB37" s="133">
        <v>0</v>
      </c>
      <c r="IC37" s="146">
        <v>0</v>
      </c>
      <c r="ID37" s="132">
        <v>88468</v>
      </c>
      <c r="IE37" s="147">
        <v>122896</v>
      </c>
      <c r="IF37" s="133">
        <v>202568</v>
      </c>
      <c r="IG37" s="132">
        <v>0</v>
      </c>
      <c r="IH37" s="133">
        <v>31600</v>
      </c>
      <c r="II37" s="148">
        <v>445532</v>
      </c>
      <c r="IJ37" s="139">
        <v>445532</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88468</v>
      </c>
      <c r="JL37" s="119">
        <v>122896</v>
      </c>
      <c r="JM37" s="119">
        <v>0</v>
      </c>
      <c r="JN37" s="119">
        <v>0</v>
      </c>
      <c r="JO37" s="119">
        <v>31600</v>
      </c>
      <c r="JP37" s="120">
        <v>242964</v>
      </c>
      <c r="JQ37" s="320">
        <v>242964</v>
      </c>
      <c r="JR37" s="142">
        <v>0</v>
      </c>
      <c r="JS37" s="119">
        <v>0</v>
      </c>
      <c r="JT37" s="141">
        <v>0</v>
      </c>
      <c r="JU37" s="118">
        <v>0</v>
      </c>
      <c r="JV37" s="119">
        <v>0</v>
      </c>
      <c r="JW37" s="119">
        <v>0</v>
      </c>
      <c r="JX37" s="119">
        <v>0</v>
      </c>
      <c r="JY37" s="119">
        <v>0</v>
      </c>
      <c r="JZ37" s="119">
        <v>0</v>
      </c>
      <c r="KA37" s="120">
        <v>0</v>
      </c>
      <c r="KB37" s="320">
        <v>0</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0</v>
      </c>
      <c r="KU37" s="119">
        <v>0</v>
      </c>
      <c r="KV37" s="119">
        <v>0</v>
      </c>
      <c r="KW37" s="120">
        <v>0</v>
      </c>
      <c r="KX37" s="320">
        <v>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202568</v>
      </c>
      <c r="LQ37" s="119">
        <v>0</v>
      </c>
      <c r="LR37" s="119">
        <v>0</v>
      </c>
      <c r="LS37" s="120">
        <v>202568</v>
      </c>
      <c r="LT37" s="320">
        <v>202568</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271332</v>
      </c>
      <c r="MM37" s="119">
        <v>862439</v>
      </c>
      <c r="MN37" s="119">
        <v>0</v>
      </c>
      <c r="MO37" s="120">
        <v>1133771</v>
      </c>
      <c r="MP37" s="143">
        <v>1133771</v>
      </c>
      <c r="MQ37" s="142">
        <v>0</v>
      </c>
      <c r="MR37" s="119">
        <v>0</v>
      </c>
      <c r="MS37" s="120">
        <v>0</v>
      </c>
      <c r="MT37" s="145"/>
      <c r="MU37" s="119">
        <v>0</v>
      </c>
      <c r="MV37" s="119">
        <v>0</v>
      </c>
      <c r="MW37" s="119">
        <v>0</v>
      </c>
      <c r="MX37" s="119">
        <v>556038</v>
      </c>
      <c r="MY37" s="119">
        <v>0</v>
      </c>
      <c r="MZ37" s="120">
        <v>556038</v>
      </c>
      <c r="NA37" s="143">
        <v>556038</v>
      </c>
      <c r="NB37" s="142">
        <v>0</v>
      </c>
      <c r="NC37" s="119">
        <v>0</v>
      </c>
      <c r="ND37" s="120">
        <v>0</v>
      </c>
      <c r="NE37" s="145"/>
      <c r="NF37" s="119">
        <v>0</v>
      </c>
      <c r="NG37" s="119">
        <v>0</v>
      </c>
      <c r="NH37" s="119">
        <v>271332</v>
      </c>
      <c r="NI37" s="119">
        <v>306401</v>
      </c>
      <c r="NJ37" s="119">
        <v>0</v>
      </c>
      <c r="NK37" s="120">
        <v>577733</v>
      </c>
      <c r="NL37" s="320">
        <v>577733</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9088</v>
      </c>
      <c r="OK37" s="141">
        <v>29088</v>
      </c>
      <c r="OL37" s="118">
        <v>0</v>
      </c>
      <c r="OM37" s="119">
        <v>402560</v>
      </c>
      <c r="ON37" s="119">
        <v>881665</v>
      </c>
      <c r="OO37" s="119">
        <v>1222100</v>
      </c>
      <c r="OP37" s="119">
        <v>1733605</v>
      </c>
      <c r="OQ37" s="119">
        <v>584922</v>
      </c>
      <c r="OR37" s="120">
        <v>4824852</v>
      </c>
      <c r="OS37" s="143">
        <v>4853940</v>
      </c>
    </row>
    <row r="38" spans="2:409" ht="21" customHeight="1" x14ac:dyDescent="0.2">
      <c r="B38" s="126" t="s">
        <v>33</v>
      </c>
      <c r="C38" s="110">
        <v>93382</v>
      </c>
      <c r="D38" s="114">
        <v>23895</v>
      </c>
      <c r="E38" s="113">
        <v>117277</v>
      </c>
      <c r="F38" s="109">
        <v>0</v>
      </c>
      <c r="G38" s="114">
        <v>163515</v>
      </c>
      <c r="H38" s="114">
        <v>289628</v>
      </c>
      <c r="I38" s="114">
        <v>63942</v>
      </c>
      <c r="J38" s="114">
        <v>299868</v>
      </c>
      <c r="K38" s="114">
        <v>84646</v>
      </c>
      <c r="L38" s="173">
        <v>901599</v>
      </c>
      <c r="M38" s="116">
        <v>1018876</v>
      </c>
      <c r="N38" s="110">
        <v>70220</v>
      </c>
      <c r="O38" s="114">
        <v>23895</v>
      </c>
      <c r="P38" s="113">
        <v>94115</v>
      </c>
      <c r="Q38" s="110">
        <v>0</v>
      </c>
      <c r="R38" s="114">
        <v>84687</v>
      </c>
      <c r="S38" s="114">
        <v>32300</v>
      </c>
      <c r="T38" s="114">
        <v>40470</v>
      </c>
      <c r="U38" s="114">
        <v>72310</v>
      </c>
      <c r="V38" s="114">
        <v>84646</v>
      </c>
      <c r="W38" s="113">
        <v>314413</v>
      </c>
      <c r="X38" s="116">
        <v>408528</v>
      </c>
      <c r="Y38" s="110">
        <v>0</v>
      </c>
      <c r="Z38" s="114">
        <v>0</v>
      </c>
      <c r="AA38" s="113">
        <v>0</v>
      </c>
      <c r="AB38" s="110">
        <v>0</v>
      </c>
      <c r="AC38" s="114">
        <v>19981</v>
      </c>
      <c r="AD38" s="114">
        <v>0</v>
      </c>
      <c r="AE38" s="114">
        <v>0</v>
      </c>
      <c r="AF38" s="114">
        <v>0</v>
      </c>
      <c r="AG38" s="114">
        <v>34044</v>
      </c>
      <c r="AH38" s="113">
        <v>54025</v>
      </c>
      <c r="AI38" s="116">
        <v>54025</v>
      </c>
      <c r="AJ38" s="110">
        <v>0</v>
      </c>
      <c r="AK38" s="114">
        <v>0</v>
      </c>
      <c r="AL38" s="113">
        <v>0</v>
      </c>
      <c r="AM38" s="110">
        <v>0</v>
      </c>
      <c r="AN38" s="114">
        <v>0</v>
      </c>
      <c r="AO38" s="114">
        <v>0</v>
      </c>
      <c r="AP38" s="114">
        <v>0</v>
      </c>
      <c r="AQ38" s="114">
        <v>34112</v>
      </c>
      <c r="AR38" s="114">
        <v>0</v>
      </c>
      <c r="AS38" s="113">
        <v>34112</v>
      </c>
      <c r="AT38" s="116">
        <v>34112</v>
      </c>
      <c r="AU38" s="110">
        <v>0</v>
      </c>
      <c r="AV38" s="114">
        <v>0</v>
      </c>
      <c r="AW38" s="113">
        <v>0</v>
      </c>
      <c r="AX38" s="110">
        <v>0</v>
      </c>
      <c r="AY38" s="114">
        <v>21108</v>
      </c>
      <c r="AZ38" s="114">
        <v>22700</v>
      </c>
      <c r="BA38" s="114">
        <v>0</v>
      </c>
      <c r="BB38" s="114">
        <v>0</v>
      </c>
      <c r="BC38" s="114">
        <v>20044</v>
      </c>
      <c r="BD38" s="113">
        <v>63852</v>
      </c>
      <c r="BE38" s="116">
        <v>63852</v>
      </c>
      <c r="BF38" s="110">
        <v>70220</v>
      </c>
      <c r="BG38" s="114">
        <v>23895</v>
      </c>
      <c r="BH38" s="112">
        <v>94115</v>
      </c>
      <c r="BI38" s="111">
        <v>0</v>
      </c>
      <c r="BJ38" s="114">
        <v>30558</v>
      </c>
      <c r="BK38" s="114">
        <v>0</v>
      </c>
      <c r="BL38" s="114">
        <v>22918</v>
      </c>
      <c r="BM38" s="114">
        <v>38198</v>
      </c>
      <c r="BN38" s="114">
        <v>30558</v>
      </c>
      <c r="BO38" s="113">
        <v>122232</v>
      </c>
      <c r="BP38" s="116">
        <v>216347</v>
      </c>
      <c r="BQ38" s="110">
        <v>0</v>
      </c>
      <c r="BR38" s="114">
        <v>0</v>
      </c>
      <c r="BS38" s="113">
        <v>0</v>
      </c>
      <c r="BT38" s="110">
        <v>0</v>
      </c>
      <c r="BU38" s="114">
        <v>13040</v>
      </c>
      <c r="BV38" s="114">
        <v>9600</v>
      </c>
      <c r="BW38" s="114">
        <v>17552</v>
      </c>
      <c r="BX38" s="114">
        <v>0</v>
      </c>
      <c r="BY38" s="114">
        <v>0</v>
      </c>
      <c r="BZ38" s="113">
        <v>40192</v>
      </c>
      <c r="CA38" s="116">
        <v>40192</v>
      </c>
      <c r="CB38" s="110">
        <v>20762</v>
      </c>
      <c r="CC38" s="114">
        <v>0</v>
      </c>
      <c r="CD38" s="113">
        <v>20762</v>
      </c>
      <c r="CE38" s="110">
        <v>0</v>
      </c>
      <c r="CF38" s="114">
        <v>42428</v>
      </c>
      <c r="CG38" s="114">
        <v>69156</v>
      </c>
      <c r="CH38" s="114">
        <v>0</v>
      </c>
      <c r="CI38" s="114">
        <v>0</v>
      </c>
      <c r="CJ38" s="114">
        <v>0</v>
      </c>
      <c r="CK38" s="113">
        <v>111584</v>
      </c>
      <c r="CL38" s="116">
        <v>132346</v>
      </c>
      <c r="CM38" s="110">
        <v>0</v>
      </c>
      <c r="CN38" s="114">
        <v>0</v>
      </c>
      <c r="CO38" s="113">
        <v>0</v>
      </c>
      <c r="CP38" s="111">
        <v>0</v>
      </c>
      <c r="CQ38" s="114">
        <v>19063</v>
      </c>
      <c r="CR38" s="114">
        <v>0</v>
      </c>
      <c r="CS38" s="114">
        <v>0</v>
      </c>
      <c r="CT38" s="114">
        <v>0</v>
      </c>
      <c r="CU38" s="114">
        <v>0</v>
      </c>
      <c r="CV38" s="113">
        <v>19063</v>
      </c>
      <c r="CW38" s="116">
        <v>19063</v>
      </c>
      <c r="CX38" s="110">
        <v>20762</v>
      </c>
      <c r="CY38" s="114">
        <v>0</v>
      </c>
      <c r="CZ38" s="113">
        <v>20762</v>
      </c>
      <c r="DA38" s="110">
        <v>0</v>
      </c>
      <c r="DB38" s="114">
        <v>23365</v>
      </c>
      <c r="DC38" s="114">
        <v>69156</v>
      </c>
      <c r="DD38" s="114">
        <v>0</v>
      </c>
      <c r="DE38" s="114">
        <v>0</v>
      </c>
      <c r="DF38" s="114">
        <v>0</v>
      </c>
      <c r="DG38" s="113">
        <v>92521</v>
      </c>
      <c r="DH38" s="116">
        <v>113283</v>
      </c>
      <c r="DI38" s="110">
        <v>0</v>
      </c>
      <c r="DJ38" s="114">
        <v>0</v>
      </c>
      <c r="DK38" s="112">
        <v>0</v>
      </c>
      <c r="DL38" s="111">
        <v>0</v>
      </c>
      <c r="DM38" s="114">
        <v>0</v>
      </c>
      <c r="DN38" s="114">
        <v>0</v>
      </c>
      <c r="DO38" s="114">
        <v>0</v>
      </c>
      <c r="DP38" s="114">
        <v>0</v>
      </c>
      <c r="DQ38" s="114">
        <v>0</v>
      </c>
      <c r="DR38" s="113">
        <v>0</v>
      </c>
      <c r="DS38" s="116">
        <v>0</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0</v>
      </c>
      <c r="EL38" s="114">
        <v>0</v>
      </c>
      <c r="EM38" s="114">
        <v>0</v>
      </c>
      <c r="EN38" s="112">
        <v>0</v>
      </c>
      <c r="EO38" s="116">
        <v>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2400</v>
      </c>
      <c r="FM38" s="114">
        <v>0</v>
      </c>
      <c r="FN38" s="113">
        <v>2400</v>
      </c>
      <c r="FO38" s="110">
        <v>0</v>
      </c>
      <c r="FP38" s="114">
        <v>36400</v>
      </c>
      <c r="FQ38" s="114">
        <v>8592</v>
      </c>
      <c r="FR38" s="114">
        <v>23472</v>
      </c>
      <c r="FS38" s="114">
        <v>2800</v>
      </c>
      <c r="FT38" s="114">
        <v>0</v>
      </c>
      <c r="FU38" s="113">
        <v>71264</v>
      </c>
      <c r="FV38" s="116">
        <v>73664</v>
      </c>
      <c r="FW38" s="115">
        <v>2400</v>
      </c>
      <c r="FX38" s="114">
        <v>0</v>
      </c>
      <c r="FY38" s="112">
        <v>2400</v>
      </c>
      <c r="FZ38" s="111">
        <v>0</v>
      </c>
      <c r="GA38" s="114">
        <v>36400</v>
      </c>
      <c r="GB38" s="114">
        <v>8592</v>
      </c>
      <c r="GC38" s="114">
        <v>23472</v>
      </c>
      <c r="GD38" s="114">
        <v>2800</v>
      </c>
      <c r="GE38" s="114">
        <v>0</v>
      </c>
      <c r="GF38" s="113">
        <v>71264</v>
      </c>
      <c r="GG38" s="318">
        <v>7366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9580</v>
      </c>
      <c r="HJ38" s="114">
        <v>0</v>
      </c>
      <c r="HK38" s="114">
        <v>224758</v>
      </c>
      <c r="HL38" s="114">
        <v>0</v>
      </c>
      <c r="HM38" s="113">
        <v>404338</v>
      </c>
      <c r="HN38" s="109">
        <v>404338</v>
      </c>
      <c r="HO38" s="328"/>
      <c r="HP38" s="329"/>
      <c r="HQ38" s="330"/>
      <c r="HR38" s="331"/>
      <c r="HS38" s="329"/>
      <c r="HT38" s="329"/>
      <c r="HU38" s="329"/>
      <c r="HV38" s="329"/>
      <c r="HW38" s="329"/>
      <c r="HX38" s="332"/>
      <c r="HY38" s="333"/>
      <c r="HZ38" s="150">
        <v>0</v>
      </c>
      <c r="IA38" s="135">
        <v>0</v>
      </c>
      <c r="IB38" s="150">
        <v>0</v>
      </c>
      <c r="IC38" s="146">
        <v>0</v>
      </c>
      <c r="ID38" s="132">
        <v>160600</v>
      </c>
      <c r="IE38" s="147">
        <v>0</v>
      </c>
      <c r="IF38" s="133">
        <v>231973</v>
      </c>
      <c r="IG38" s="132">
        <v>0</v>
      </c>
      <c r="IH38" s="133">
        <v>0</v>
      </c>
      <c r="II38" s="148">
        <v>392573</v>
      </c>
      <c r="IJ38" s="150">
        <v>392573</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7789</v>
      </c>
      <c r="JL38" s="119">
        <v>0</v>
      </c>
      <c r="JM38" s="119">
        <v>0</v>
      </c>
      <c r="JN38" s="119">
        <v>0</v>
      </c>
      <c r="JO38" s="119">
        <v>0</v>
      </c>
      <c r="JP38" s="120">
        <v>17789</v>
      </c>
      <c r="JQ38" s="320">
        <v>17789</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24424</v>
      </c>
      <c r="ML38" s="119">
        <v>291675</v>
      </c>
      <c r="MM38" s="119">
        <v>0</v>
      </c>
      <c r="MN38" s="119">
        <v>0</v>
      </c>
      <c r="MO38" s="120">
        <v>516099</v>
      </c>
      <c r="MP38" s="143">
        <v>516099</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24424</v>
      </c>
      <c r="OD38" s="119">
        <v>291675</v>
      </c>
      <c r="OE38" s="119">
        <v>0</v>
      </c>
      <c r="OF38" s="119">
        <v>0</v>
      </c>
      <c r="OG38" s="120">
        <v>516099</v>
      </c>
      <c r="OH38" s="121">
        <v>516099</v>
      </c>
      <c r="OI38" s="142">
        <v>93382</v>
      </c>
      <c r="OJ38" s="119">
        <v>23895</v>
      </c>
      <c r="OK38" s="141">
        <v>117277</v>
      </c>
      <c r="OL38" s="118">
        <v>0</v>
      </c>
      <c r="OM38" s="119">
        <v>324115</v>
      </c>
      <c r="ON38" s="119">
        <v>514052</v>
      </c>
      <c r="OO38" s="119">
        <v>587590</v>
      </c>
      <c r="OP38" s="119">
        <v>299868</v>
      </c>
      <c r="OQ38" s="119">
        <v>84646</v>
      </c>
      <c r="OR38" s="120">
        <v>1810271</v>
      </c>
      <c r="OS38" s="143">
        <v>1927548</v>
      </c>
    </row>
    <row r="39" spans="2:409" ht="21" customHeight="1" x14ac:dyDescent="0.2">
      <c r="B39" s="126" t="s">
        <v>34</v>
      </c>
      <c r="C39" s="110">
        <v>0</v>
      </c>
      <c r="D39" s="114">
        <v>19520</v>
      </c>
      <c r="E39" s="174">
        <v>19520</v>
      </c>
      <c r="F39" s="175">
        <v>0</v>
      </c>
      <c r="G39" s="176">
        <v>3984</v>
      </c>
      <c r="H39" s="176">
        <v>36608</v>
      </c>
      <c r="I39" s="176">
        <v>48752</v>
      </c>
      <c r="J39" s="176">
        <v>34880</v>
      </c>
      <c r="K39" s="176">
        <v>544754</v>
      </c>
      <c r="L39" s="177">
        <v>668978</v>
      </c>
      <c r="M39" s="116">
        <v>688498</v>
      </c>
      <c r="N39" s="110">
        <v>0</v>
      </c>
      <c r="O39" s="114">
        <v>0</v>
      </c>
      <c r="P39" s="113">
        <v>0</v>
      </c>
      <c r="Q39" s="110">
        <v>0</v>
      </c>
      <c r="R39" s="114">
        <v>2384</v>
      </c>
      <c r="S39" s="114">
        <v>29808</v>
      </c>
      <c r="T39" s="114">
        <v>19488</v>
      </c>
      <c r="U39" s="114">
        <v>0</v>
      </c>
      <c r="V39" s="114">
        <v>31520</v>
      </c>
      <c r="W39" s="113">
        <v>83200</v>
      </c>
      <c r="X39" s="116">
        <v>83200</v>
      </c>
      <c r="Y39" s="110">
        <v>0</v>
      </c>
      <c r="Z39" s="114">
        <v>0</v>
      </c>
      <c r="AA39" s="113">
        <v>0</v>
      </c>
      <c r="AB39" s="110">
        <v>0</v>
      </c>
      <c r="AC39" s="114">
        <v>0</v>
      </c>
      <c r="AD39" s="114">
        <v>0</v>
      </c>
      <c r="AE39" s="114">
        <v>0</v>
      </c>
      <c r="AF39" s="114">
        <v>0</v>
      </c>
      <c r="AG39" s="114">
        <v>0</v>
      </c>
      <c r="AH39" s="113">
        <v>0</v>
      </c>
      <c r="AI39" s="116">
        <v>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25040</v>
      </c>
      <c r="BL39" s="114">
        <v>6448</v>
      </c>
      <c r="BM39" s="114">
        <v>0</v>
      </c>
      <c r="BN39" s="114">
        <v>0</v>
      </c>
      <c r="BO39" s="113">
        <v>31488</v>
      </c>
      <c r="BP39" s="116">
        <v>31488</v>
      </c>
      <c r="BQ39" s="110">
        <v>0</v>
      </c>
      <c r="BR39" s="114">
        <v>0</v>
      </c>
      <c r="BS39" s="113">
        <v>0</v>
      </c>
      <c r="BT39" s="110">
        <v>0</v>
      </c>
      <c r="BU39" s="114">
        <v>2384</v>
      </c>
      <c r="BV39" s="114">
        <v>4768</v>
      </c>
      <c r="BW39" s="114">
        <v>13040</v>
      </c>
      <c r="BX39" s="114">
        <v>0</v>
      </c>
      <c r="BY39" s="114">
        <v>31520</v>
      </c>
      <c r="BZ39" s="113">
        <v>51712</v>
      </c>
      <c r="CA39" s="116">
        <v>51712</v>
      </c>
      <c r="CB39" s="110">
        <v>0</v>
      </c>
      <c r="CC39" s="114">
        <v>0</v>
      </c>
      <c r="CD39" s="113">
        <v>0</v>
      </c>
      <c r="CE39" s="110">
        <v>0</v>
      </c>
      <c r="CF39" s="114">
        <v>0</v>
      </c>
      <c r="CG39" s="114">
        <v>0</v>
      </c>
      <c r="CH39" s="114">
        <v>0</v>
      </c>
      <c r="CI39" s="114">
        <v>30480</v>
      </c>
      <c r="CJ39" s="114">
        <v>0</v>
      </c>
      <c r="CK39" s="113">
        <v>30480</v>
      </c>
      <c r="CL39" s="116">
        <v>30480</v>
      </c>
      <c r="CM39" s="110">
        <v>0</v>
      </c>
      <c r="CN39" s="114">
        <v>0</v>
      </c>
      <c r="CO39" s="113">
        <v>0</v>
      </c>
      <c r="CP39" s="111">
        <v>0</v>
      </c>
      <c r="CQ39" s="114">
        <v>0</v>
      </c>
      <c r="CR39" s="114">
        <v>0</v>
      </c>
      <c r="CS39" s="114">
        <v>0</v>
      </c>
      <c r="CT39" s="114">
        <v>30480</v>
      </c>
      <c r="CU39" s="114">
        <v>0</v>
      </c>
      <c r="CV39" s="113">
        <v>30480</v>
      </c>
      <c r="CW39" s="116">
        <v>30480</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19520</v>
      </c>
      <c r="FN39" s="113">
        <v>19520</v>
      </c>
      <c r="FO39" s="110">
        <v>0</v>
      </c>
      <c r="FP39" s="114">
        <v>1600</v>
      </c>
      <c r="FQ39" s="114">
        <v>6800</v>
      </c>
      <c r="FR39" s="114">
        <v>29264</v>
      </c>
      <c r="FS39" s="114">
        <v>4400</v>
      </c>
      <c r="FT39" s="114">
        <v>0</v>
      </c>
      <c r="FU39" s="113">
        <v>42064</v>
      </c>
      <c r="FV39" s="116">
        <v>61584</v>
      </c>
      <c r="FW39" s="115">
        <v>0</v>
      </c>
      <c r="FX39" s="114">
        <v>19520</v>
      </c>
      <c r="FY39" s="112">
        <v>19520</v>
      </c>
      <c r="FZ39" s="111">
        <v>0</v>
      </c>
      <c r="GA39" s="114">
        <v>1600</v>
      </c>
      <c r="GB39" s="114">
        <v>6800</v>
      </c>
      <c r="GC39" s="114">
        <v>29264</v>
      </c>
      <c r="GD39" s="114">
        <v>4400</v>
      </c>
      <c r="GE39" s="114">
        <v>0</v>
      </c>
      <c r="GF39" s="113">
        <v>42064</v>
      </c>
      <c r="GG39" s="318">
        <v>6158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0</v>
      </c>
      <c r="HJ39" s="114">
        <v>0</v>
      </c>
      <c r="HK39" s="114">
        <v>0</v>
      </c>
      <c r="HL39" s="114">
        <v>513234</v>
      </c>
      <c r="HM39" s="113">
        <v>513234</v>
      </c>
      <c r="HN39" s="109">
        <v>513234</v>
      </c>
      <c r="HO39" s="328"/>
      <c r="HP39" s="329"/>
      <c r="HQ39" s="330"/>
      <c r="HR39" s="331"/>
      <c r="HS39" s="329"/>
      <c r="HT39" s="329"/>
      <c r="HU39" s="329"/>
      <c r="HV39" s="329"/>
      <c r="HW39" s="329"/>
      <c r="HX39" s="332"/>
      <c r="HY39" s="333"/>
      <c r="HZ39" s="131">
        <v>0</v>
      </c>
      <c r="IA39" s="132">
        <v>0</v>
      </c>
      <c r="IB39" s="133">
        <v>0</v>
      </c>
      <c r="IC39" s="146">
        <v>0</v>
      </c>
      <c r="ID39" s="132">
        <v>221424</v>
      </c>
      <c r="IE39" s="147">
        <v>185872</v>
      </c>
      <c r="IF39" s="133">
        <v>0</v>
      </c>
      <c r="IG39" s="132">
        <v>0</v>
      </c>
      <c r="IH39" s="133">
        <v>0</v>
      </c>
      <c r="II39" s="148">
        <v>407296</v>
      </c>
      <c r="IJ39" s="139">
        <v>407296</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09024</v>
      </c>
      <c r="JL39" s="119">
        <v>0</v>
      </c>
      <c r="JM39" s="119">
        <v>0</v>
      </c>
      <c r="JN39" s="119">
        <v>0</v>
      </c>
      <c r="JO39" s="119">
        <v>0</v>
      </c>
      <c r="JP39" s="120">
        <v>109024</v>
      </c>
      <c r="JQ39" s="320">
        <v>109024</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112400</v>
      </c>
      <c r="KH39" s="119">
        <v>0</v>
      </c>
      <c r="KI39" s="119">
        <v>0</v>
      </c>
      <c r="KJ39" s="119">
        <v>0</v>
      </c>
      <c r="KK39" s="119">
        <v>0</v>
      </c>
      <c r="KL39" s="120">
        <v>112400</v>
      </c>
      <c r="KM39" s="143">
        <v>11240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85872</v>
      </c>
      <c r="MA39" s="119">
        <v>0</v>
      </c>
      <c r="MB39" s="119">
        <v>0</v>
      </c>
      <c r="MC39" s="119">
        <v>0</v>
      </c>
      <c r="MD39" s="120">
        <v>185872</v>
      </c>
      <c r="ME39" s="121">
        <v>185872</v>
      </c>
      <c r="MF39" s="142">
        <v>0</v>
      </c>
      <c r="MG39" s="119">
        <v>0</v>
      </c>
      <c r="MH39" s="120">
        <v>0</v>
      </c>
      <c r="MI39" s="145"/>
      <c r="MJ39" s="119">
        <v>0</v>
      </c>
      <c r="MK39" s="119">
        <v>0</v>
      </c>
      <c r="ML39" s="119">
        <v>488056</v>
      </c>
      <c r="MM39" s="119">
        <v>0</v>
      </c>
      <c r="MN39" s="119">
        <v>0</v>
      </c>
      <c r="MO39" s="120">
        <v>488056</v>
      </c>
      <c r="MP39" s="143">
        <v>488056</v>
      </c>
      <c r="MQ39" s="142">
        <v>0</v>
      </c>
      <c r="MR39" s="119">
        <v>0</v>
      </c>
      <c r="MS39" s="120">
        <v>0</v>
      </c>
      <c r="MT39" s="145"/>
      <c r="MU39" s="119">
        <v>0</v>
      </c>
      <c r="MV39" s="119">
        <v>0</v>
      </c>
      <c r="MW39" s="119">
        <v>218376</v>
      </c>
      <c r="MX39" s="119">
        <v>0</v>
      </c>
      <c r="MY39" s="119">
        <v>0</v>
      </c>
      <c r="MZ39" s="120">
        <v>218376</v>
      </c>
      <c r="NA39" s="143">
        <v>218376</v>
      </c>
      <c r="NB39" s="142">
        <v>0</v>
      </c>
      <c r="NC39" s="119">
        <v>0</v>
      </c>
      <c r="ND39" s="120">
        <v>0</v>
      </c>
      <c r="NE39" s="145"/>
      <c r="NF39" s="119">
        <v>0</v>
      </c>
      <c r="NG39" s="119">
        <v>0</v>
      </c>
      <c r="NH39" s="119">
        <v>269680</v>
      </c>
      <c r="NI39" s="119">
        <v>0</v>
      </c>
      <c r="NJ39" s="119">
        <v>0</v>
      </c>
      <c r="NK39" s="120">
        <v>269680</v>
      </c>
      <c r="NL39" s="320">
        <v>26968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19520</v>
      </c>
      <c r="OK39" s="141">
        <v>19520</v>
      </c>
      <c r="OL39" s="118">
        <v>0</v>
      </c>
      <c r="OM39" s="119">
        <v>225408</v>
      </c>
      <c r="ON39" s="119">
        <v>222480</v>
      </c>
      <c r="OO39" s="119">
        <v>536808</v>
      </c>
      <c r="OP39" s="119">
        <v>34880</v>
      </c>
      <c r="OQ39" s="119">
        <v>544754</v>
      </c>
      <c r="OR39" s="120">
        <v>1564330</v>
      </c>
      <c r="OS39" s="143">
        <v>1583850</v>
      </c>
    </row>
    <row r="40" spans="2:409" ht="21" customHeight="1" x14ac:dyDescent="0.2">
      <c r="B40" s="126" t="s">
        <v>35</v>
      </c>
      <c r="C40" s="110">
        <v>191240</v>
      </c>
      <c r="D40" s="114">
        <v>162131</v>
      </c>
      <c r="E40" s="113">
        <v>353371</v>
      </c>
      <c r="F40" s="109">
        <v>0</v>
      </c>
      <c r="G40" s="114">
        <v>1505442</v>
      </c>
      <c r="H40" s="114">
        <v>903264</v>
      </c>
      <c r="I40" s="114">
        <v>386800</v>
      </c>
      <c r="J40" s="114">
        <v>962707</v>
      </c>
      <c r="K40" s="114">
        <v>918389</v>
      </c>
      <c r="L40" s="173">
        <v>4676602</v>
      </c>
      <c r="M40" s="116">
        <v>5029973</v>
      </c>
      <c r="N40" s="110">
        <v>21904</v>
      </c>
      <c r="O40" s="114">
        <v>31312</v>
      </c>
      <c r="P40" s="113">
        <v>53216</v>
      </c>
      <c r="Q40" s="110">
        <v>0</v>
      </c>
      <c r="R40" s="114">
        <v>501282</v>
      </c>
      <c r="S40" s="114">
        <v>218472</v>
      </c>
      <c r="T40" s="114">
        <v>63776</v>
      </c>
      <c r="U40" s="114">
        <v>447652</v>
      </c>
      <c r="V40" s="114">
        <v>571568</v>
      </c>
      <c r="W40" s="113">
        <v>1802750</v>
      </c>
      <c r="X40" s="116">
        <v>1855966</v>
      </c>
      <c r="Y40" s="110">
        <v>0</v>
      </c>
      <c r="Z40" s="114">
        <v>0</v>
      </c>
      <c r="AA40" s="113">
        <v>0</v>
      </c>
      <c r="AB40" s="110">
        <v>0</v>
      </c>
      <c r="AC40" s="114">
        <v>338434</v>
      </c>
      <c r="AD40" s="114">
        <v>44840</v>
      </c>
      <c r="AE40" s="114">
        <v>0</v>
      </c>
      <c r="AF40" s="114">
        <v>205260</v>
      </c>
      <c r="AG40" s="114">
        <v>214872</v>
      </c>
      <c r="AH40" s="113">
        <v>803406</v>
      </c>
      <c r="AI40" s="116">
        <v>803406</v>
      </c>
      <c r="AJ40" s="110">
        <v>0</v>
      </c>
      <c r="AK40" s="114">
        <v>0</v>
      </c>
      <c r="AL40" s="113">
        <v>0</v>
      </c>
      <c r="AM40" s="110">
        <v>0</v>
      </c>
      <c r="AN40" s="114">
        <v>0</v>
      </c>
      <c r="AO40" s="114">
        <v>0</v>
      </c>
      <c r="AP40" s="114">
        <v>0</v>
      </c>
      <c r="AQ40" s="114">
        <v>13120</v>
      </c>
      <c r="AR40" s="114">
        <v>132904</v>
      </c>
      <c r="AS40" s="113">
        <v>146024</v>
      </c>
      <c r="AT40" s="116">
        <v>146024</v>
      </c>
      <c r="AU40" s="110">
        <v>0</v>
      </c>
      <c r="AV40" s="114">
        <v>21712</v>
      </c>
      <c r="AW40" s="113">
        <v>21712</v>
      </c>
      <c r="AX40" s="110">
        <v>0</v>
      </c>
      <c r="AY40" s="114">
        <v>26272</v>
      </c>
      <c r="AZ40" s="114">
        <v>58008</v>
      </c>
      <c r="BA40" s="114">
        <v>0</v>
      </c>
      <c r="BB40" s="114">
        <v>77752</v>
      </c>
      <c r="BC40" s="114">
        <v>174624</v>
      </c>
      <c r="BD40" s="113">
        <v>336656</v>
      </c>
      <c r="BE40" s="116">
        <v>358368</v>
      </c>
      <c r="BF40" s="110">
        <v>10016</v>
      </c>
      <c r="BG40" s="114">
        <v>0</v>
      </c>
      <c r="BH40" s="112">
        <v>10016</v>
      </c>
      <c r="BI40" s="111">
        <v>0</v>
      </c>
      <c r="BJ40" s="114">
        <v>29760</v>
      </c>
      <c r="BK40" s="114">
        <v>30592</v>
      </c>
      <c r="BL40" s="114">
        <v>39520</v>
      </c>
      <c r="BM40" s="114">
        <v>111216</v>
      </c>
      <c r="BN40" s="114">
        <v>0</v>
      </c>
      <c r="BO40" s="113">
        <v>211088</v>
      </c>
      <c r="BP40" s="116">
        <v>221104</v>
      </c>
      <c r="BQ40" s="110">
        <v>11888</v>
      </c>
      <c r="BR40" s="114">
        <v>9600</v>
      </c>
      <c r="BS40" s="113">
        <v>21488</v>
      </c>
      <c r="BT40" s="110">
        <v>0</v>
      </c>
      <c r="BU40" s="114">
        <v>106816</v>
      </c>
      <c r="BV40" s="114">
        <v>85032</v>
      </c>
      <c r="BW40" s="114">
        <v>24256</v>
      </c>
      <c r="BX40" s="114">
        <v>40304</v>
      </c>
      <c r="BY40" s="114">
        <v>49168</v>
      </c>
      <c r="BZ40" s="113">
        <v>305576</v>
      </c>
      <c r="CA40" s="116">
        <v>327064</v>
      </c>
      <c r="CB40" s="110">
        <v>0</v>
      </c>
      <c r="CC40" s="114">
        <v>33523</v>
      </c>
      <c r="CD40" s="113">
        <v>33523</v>
      </c>
      <c r="CE40" s="110">
        <v>0</v>
      </c>
      <c r="CF40" s="114">
        <v>552680</v>
      </c>
      <c r="CG40" s="114">
        <v>202544</v>
      </c>
      <c r="CH40" s="114">
        <v>96592</v>
      </c>
      <c r="CI40" s="114">
        <v>0</v>
      </c>
      <c r="CJ40" s="114">
        <v>0</v>
      </c>
      <c r="CK40" s="113">
        <v>851816</v>
      </c>
      <c r="CL40" s="116">
        <v>885339</v>
      </c>
      <c r="CM40" s="110">
        <v>0</v>
      </c>
      <c r="CN40" s="114">
        <v>0</v>
      </c>
      <c r="CO40" s="113">
        <v>0</v>
      </c>
      <c r="CP40" s="111">
        <v>0</v>
      </c>
      <c r="CQ40" s="114">
        <v>474256</v>
      </c>
      <c r="CR40" s="114">
        <v>202544</v>
      </c>
      <c r="CS40" s="114">
        <v>52648</v>
      </c>
      <c r="CT40" s="114">
        <v>0</v>
      </c>
      <c r="CU40" s="114">
        <v>0</v>
      </c>
      <c r="CV40" s="113">
        <v>729448</v>
      </c>
      <c r="CW40" s="116">
        <v>729448</v>
      </c>
      <c r="CX40" s="110">
        <v>0</v>
      </c>
      <c r="CY40" s="114">
        <v>33523</v>
      </c>
      <c r="CZ40" s="113">
        <v>33523</v>
      </c>
      <c r="DA40" s="110">
        <v>0</v>
      </c>
      <c r="DB40" s="114">
        <v>78424</v>
      </c>
      <c r="DC40" s="114">
        <v>0</v>
      </c>
      <c r="DD40" s="114">
        <v>43944</v>
      </c>
      <c r="DE40" s="114">
        <v>0</v>
      </c>
      <c r="DF40" s="114">
        <v>0</v>
      </c>
      <c r="DG40" s="113">
        <v>122368</v>
      </c>
      <c r="DH40" s="116">
        <v>155891</v>
      </c>
      <c r="DI40" s="110">
        <v>0</v>
      </c>
      <c r="DJ40" s="114">
        <v>0</v>
      </c>
      <c r="DK40" s="112">
        <v>0</v>
      </c>
      <c r="DL40" s="111">
        <v>0</v>
      </c>
      <c r="DM40" s="114">
        <v>0</v>
      </c>
      <c r="DN40" s="114">
        <v>57832</v>
      </c>
      <c r="DO40" s="114">
        <v>0</v>
      </c>
      <c r="DP40" s="114">
        <v>0</v>
      </c>
      <c r="DQ40" s="114">
        <v>0</v>
      </c>
      <c r="DR40" s="113">
        <v>57832</v>
      </c>
      <c r="DS40" s="116">
        <v>57832</v>
      </c>
      <c r="DT40" s="110">
        <v>0</v>
      </c>
      <c r="DU40" s="114">
        <v>0</v>
      </c>
      <c r="DV40" s="113">
        <v>0</v>
      </c>
      <c r="DW40" s="110">
        <v>0</v>
      </c>
      <c r="DX40" s="114">
        <v>0</v>
      </c>
      <c r="DY40" s="114">
        <v>57832</v>
      </c>
      <c r="DZ40" s="114">
        <v>0</v>
      </c>
      <c r="EA40" s="114">
        <v>0</v>
      </c>
      <c r="EB40" s="114">
        <v>0</v>
      </c>
      <c r="EC40" s="113">
        <v>57832</v>
      </c>
      <c r="ED40" s="116">
        <v>57832</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1600</v>
      </c>
      <c r="FM40" s="114">
        <v>10432</v>
      </c>
      <c r="FN40" s="113">
        <v>12032</v>
      </c>
      <c r="FO40" s="110">
        <v>0</v>
      </c>
      <c r="FP40" s="114">
        <v>17120</v>
      </c>
      <c r="FQ40" s="114">
        <v>82720</v>
      </c>
      <c r="FR40" s="114">
        <v>34360</v>
      </c>
      <c r="FS40" s="114">
        <v>79664</v>
      </c>
      <c r="FT40" s="114">
        <v>101360</v>
      </c>
      <c r="FU40" s="113">
        <v>315224</v>
      </c>
      <c r="FV40" s="116">
        <v>327256</v>
      </c>
      <c r="FW40" s="115">
        <v>1600</v>
      </c>
      <c r="FX40" s="114">
        <v>10432</v>
      </c>
      <c r="FY40" s="112">
        <v>12032</v>
      </c>
      <c r="FZ40" s="111">
        <v>0</v>
      </c>
      <c r="GA40" s="114">
        <v>17120</v>
      </c>
      <c r="GB40" s="114">
        <v>82720</v>
      </c>
      <c r="GC40" s="114">
        <v>34360</v>
      </c>
      <c r="GD40" s="114">
        <v>54568</v>
      </c>
      <c r="GE40" s="114">
        <v>29200</v>
      </c>
      <c r="GF40" s="113">
        <v>217968</v>
      </c>
      <c r="GG40" s="318">
        <v>230000</v>
      </c>
      <c r="GH40" s="115">
        <v>0</v>
      </c>
      <c r="GI40" s="114">
        <v>0</v>
      </c>
      <c r="GJ40" s="112">
        <v>0</v>
      </c>
      <c r="GK40" s="111">
        <v>0</v>
      </c>
      <c r="GL40" s="114">
        <v>0</v>
      </c>
      <c r="GM40" s="114">
        <v>0</v>
      </c>
      <c r="GN40" s="114">
        <v>0</v>
      </c>
      <c r="GO40" s="114">
        <v>25096</v>
      </c>
      <c r="GP40" s="114">
        <v>72160</v>
      </c>
      <c r="GQ40" s="113">
        <v>97256</v>
      </c>
      <c r="GR40" s="116">
        <v>97256</v>
      </c>
      <c r="GS40" s="110">
        <v>0</v>
      </c>
      <c r="GT40" s="114">
        <v>0</v>
      </c>
      <c r="GU40" s="113">
        <v>0</v>
      </c>
      <c r="GV40" s="110">
        <v>0</v>
      </c>
      <c r="GW40" s="114">
        <v>0</v>
      </c>
      <c r="GX40" s="114">
        <v>0</v>
      </c>
      <c r="GY40" s="114">
        <v>0</v>
      </c>
      <c r="GZ40" s="114">
        <v>0</v>
      </c>
      <c r="HA40" s="114">
        <v>0</v>
      </c>
      <c r="HB40" s="112">
        <v>0</v>
      </c>
      <c r="HC40" s="116">
        <v>0</v>
      </c>
      <c r="HD40" s="110">
        <v>167736</v>
      </c>
      <c r="HE40" s="114">
        <v>86864</v>
      </c>
      <c r="HF40" s="112">
        <v>254600</v>
      </c>
      <c r="HG40" s="111">
        <v>0</v>
      </c>
      <c r="HH40" s="114">
        <v>434360</v>
      </c>
      <c r="HI40" s="114">
        <v>341696</v>
      </c>
      <c r="HJ40" s="114">
        <v>192072</v>
      </c>
      <c r="HK40" s="114">
        <v>435391</v>
      </c>
      <c r="HL40" s="114">
        <v>245461</v>
      </c>
      <c r="HM40" s="113">
        <v>1648980</v>
      </c>
      <c r="HN40" s="109">
        <v>1903580</v>
      </c>
      <c r="HO40" s="328"/>
      <c r="HP40" s="329"/>
      <c r="HQ40" s="330"/>
      <c r="HR40" s="331"/>
      <c r="HS40" s="329"/>
      <c r="HT40" s="329"/>
      <c r="HU40" s="329"/>
      <c r="HV40" s="329"/>
      <c r="HW40" s="329"/>
      <c r="HX40" s="332"/>
      <c r="HY40" s="333"/>
      <c r="HZ40" s="150">
        <v>0</v>
      </c>
      <c r="IA40" s="135">
        <v>0</v>
      </c>
      <c r="IB40" s="150">
        <v>0</v>
      </c>
      <c r="IC40" s="146">
        <v>0</v>
      </c>
      <c r="ID40" s="132">
        <v>0</v>
      </c>
      <c r="IE40" s="147">
        <v>326368</v>
      </c>
      <c r="IF40" s="133">
        <v>0</v>
      </c>
      <c r="IG40" s="132">
        <v>0</v>
      </c>
      <c r="IH40" s="133">
        <v>0</v>
      </c>
      <c r="II40" s="148">
        <v>326368</v>
      </c>
      <c r="IJ40" s="150">
        <v>326368</v>
      </c>
      <c r="IK40" s="232">
        <v>0</v>
      </c>
      <c r="IL40" s="236">
        <v>0</v>
      </c>
      <c r="IM40" s="237">
        <v>0</v>
      </c>
      <c r="IN40" s="140"/>
      <c r="IO40" s="119">
        <v>0</v>
      </c>
      <c r="IP40" s="119">
        <v>89360</v>
      </c>
      <c r="IQ40" s="119">
        <v>0</v>
      </c>
      <c r="IR40" s="119">
        <v>0</v>
      </c>
      <c r="IS40" s="119">
        <v>0</v>
      </c>
      <c r="IT40" s="141">
        <v>89360</v>
      </c>
      <c r="IU40" s="320">
        <v>8936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0</v>
      </c>
      <c r="KK40" s="119">
        <v>0</v>
      </c>
      <c r="KL40" s="120">
        <v>0</v>
      </c>
      <c r="KM40" s="143">
        <v>0</v>
      </c>
      <c r="KN40" s="232">
        <v>0</v>
      </c>
      <c r="KO40" s="236">
        <v>0</v>
      </c>
      <c r="KP40" s="237">
        <v>0</v>
      </c>
      <c r="KQ40" s="140"/>
      <c r="KR40" s="119">
        <v>0</v>
      </c>
      <c r="KS40" s="119">
        <v>237008</v>
      </c>
      <c r="KT40" s="119">
        <v>0</v>
      </c>
      <c r="KU40" s="119">
        <v>0</v>
      </c>
      <c r="KV40" s="119">
        <v>0</v>
      </c>
      <c r="KW40" s="120">
        <v>237008</v>
      </c>
      <c r="KX40" s="320">
        <v>23700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16616</v>
      </c>
      <c r="MK40" s="119">
        <v>244248</v>
      </c>
      <c r="ML40" s="119">
        <v>275960</v>
      </c>
      <c r="MM40" s="119">
        <v>264808</v>
      </c>
      <c r="MN40" s="119">
        <v>283520</v>
      </c>
      <c r="MO40" s="120">
        <v>1285152</v>
      </c>
      <c r="MP40" s="143">
        <v>1285152</v>
      </c>
      <c r="MQ40" s="142">
        <v>0</v>
      </c>
      <c r="MR40" s="119">
        <v>0</v>
      </c>
      <c r="MS40" s="120">
        <v>0</v>
      </c>
      <c r="MT40" s="145"/>
      <c r="MU40" s="119">
        <v>0</v>
      </c>
      <c r="MV40" s="119">
        <v>0</v>
      </c>
      <c r="MW40" s="119">
        <v>0</v>
      </c>
      <c r="MX40" s="119">
        <v>264808</v>
      </c>
      <c r="MY40" s="119">
        <v>283520</v>
      </c>
      <c r="MZ40" s="120">
        <v>548328</v>
      </c>
      <c r="NA40" s="143">
        <v>548328</v>
      </c>
      <c r="NB40" s="142">
        <v>0</v>
      </c>
      <c r="NC40" s="119">
        <v>0</v>
      </c>
      <c r="ND40" s="120">
        <v>0</v>
      </c>
      <c r="NE40" s="145"/>
      <c r="NF40" s="119">
        <v>216616</v>
      </c>
      <c r="NG40" s="119">
        <v>244248</v>
      </c>
      <c r="NH40" s="119">
        <v>275960</v>
      </c>
      <c r="NI40" s="119">
        <v>0</v>
      </c>
      <c r="NJ40" s="119">
        <v>0</v>
      </c>
      <c r="NK40" s="120">
        <v>736824</v>
      </c>
      <c r="NL40" s="320">
        <v>736824</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91240</v>
      </c>
      <c r="OJ40" s="119">
        <v>162131</v>
      </c>
      <c r="OK40" s="141">
        <v>353371</v>
      </c>
      <c r="OL40" s="118">
        <v>0</v>
      </c>
      <c r="OM40" s="119">
        <v>1722058</v>
      </c>
      <c r="ON40" s="119">
        <v>1473880</v>
      </c>
      <c r="OO40" s="119">
        <v>662760</v>
      </c>
      <c r="OP40" s="119">
        <v>1227515</v>
      </c>
      <c r="OQ40" s="119">
        <v>1201909</v>
      </c>
      <c r="OR40" s="120">
        <v>6288122</v>
      </c>
      <c r="OS40" s="143">
        <v>6641493</v>
      </c>
    </row>
    <row r="41" spans="2:409" ht="21" customHeight="1" x14ac:dyDescent="0.2">
      <c r="B41" s="126" t="s">
        <v>36</v>
      </c>
      <c r="C41" s="110">
        <v>0</v>
      </c>
      <c r="D41" s="114">
        <v>137913</v>
      </c>
      <c r="E41" s="113">
        <v>137913</v>
      </c>
      <c r="F41" s="109">
        <v>0</v>
      </c>
      <c r="G41" s="114">
        <v>580028</v>
      </c>
      <c r="H41" s="114">
        <v>599978</v>
      </c>
      <c r="I41" s="114">
        <v>228052</v>
      </c>
      <c r="J41" s="114">
        <v>274464</v>
      </c>
      <c r="K41" s="114">
        <v>1029451</v>
      </c>
      <c r="L41" s="173">
        <v>2711973</v>
      </c>
      <c r="M41" s="116">
        <v>2849886</v>
      </c>
      <c r="N41" s="110">
        <v>0</v>
      </c>
      <c r="O41" s="114">
        <v>77417</v>
      </c>
      <c r="P41" s="113">
        <v>77417</v>
      </c>
      <c r="Q41" s="110">
        <v>0</v>
      </c>
      <c r="R41" s="114">
        <v>286681</v>
      </c>
      <c r="S41" s="114">
        <v>200778</v>
      </c>
      <c r="T41" s="114">
        <v>93541</v>
      </c>
      <c r="U41" s="114">
        <v>31628</v>
      </c>
      <c r="V41" s="114">
        <v>640804</v>
      </c>
      <c r="W41" s="113">
        <v>1253432</v>
      </c>
      <c r="X41" s="116">
        <v>1330849</v>
      </c>
      <c r="Y41" s="110">
        <v>0</v>
      </c>
      <c r="Z41" s="114">
        <v>0</v>
      </c>
      <c r="AA41" s="113">
        <v>0</v>
      </c>
      <c r="AB41" s="110">
        <v>0</v>
      </c>
      <c r="AC41" s="114">
        <v>135412</v>
      </c>
      <c r="AD41" s="114">
        <v>157544</v>
      </c>
      <c r="AE41" s="114">
        <v>35025</v>
      </c>
      <c r="AF41" s="114">
        <v>5580</v>
      </c>
      <c r="AG41" s="114">
        <v>420490</v>
      </c>
      <c r="AH41" s="113">
        <v>754051</v>
      </c>
      <c r="AI41" s="116">
        <v>754051</v>
      </c>
      <c r="AJ41" s="110">
        <v>0</v>
      </c>
      <c r="AK41" s="114">
        <v>0</v>
      </c>
      <c r="AL41" s="113">
        <v>0</v>
      </c>
      <c r="AM41" s="110">
        <v>0</v>
      </c>
      <c r="AN41" s="114">
        <v>23283</v>
      </c>
      <c r="AO41" s="114">
        <v>0</v>
      </c>
      <c r="AP41" s="114">
        <v>0</v>
      </c>
      <c r="AQ41" s="114">
        <v>0</v>
      </c>
      <c r="AR41" s="114">
        <v>0</v>
      </c>
      <c r="AS41" s="113">
        <v>23283</v>
      </c>
      <c r="AT41" s="116">
        <v>23283</v>
      </c>
      <c r="AU41" s="110">
        <v>0</v>
      </c>
      <c r="AV41" s="114">
        <v>35555</v>
      </c>
      <c r="AW41" s="113">
        <v>35555</v>
      </c>
      <c r="AX41" s="110">
        <v>0</v>
      </c>
      <c r="AY41" s="114">
        <v>86482</v>
      </c>
      <c r="AZ41" s="114">
        <v>0</v>
      </c>
      <c r="BA41" s="114">
        <v>30412</v>
      </c>
      <c r="BB41" s="114">
        <v>0</v>
      </c>
      <c r="BC41" s="114">
        <v>179938</v>
      </c>
      <c r="BD41" s="113">
        <v>296832</v>
      </c>
      <c r="BE41" s="116">
        <v>332387</v>
      </c>
      <c r="BF41" s="110">
        <v>0</v>
      </c>
      <c r="BG41" s="114">
        <v>41862</v>
      </c>
      <c r="BH41" s="112">
        <v>41862</v>
      </c>
      <c r="BI41" s="111">
        <v>0</v>
      </c>
      <c r="BJ41" s="114">
        <v>0</v>
      </c>
      <c r="BK41" s="114">
        <v>16450</v>
      </c>
      <c r="BL41" s="114">
        <v>0</v>
      </c>
      <c r="BM41" s="114">
        <v>0</v>
      </c>
      <c r="BN41" s="114">
        <v>0</v>
      </c>
      <c r="BO41" s="113">
        <v>16450</v>
      </c>
      <c r="BP41" s="116">
        <v>58312</v>
      </c>
      <c r="BQ41" s="110">
        <v>0</v>
      </c>
      <c r="BR41" s="114">
        <v>0</v>
      </c>
      <c r="BS41" s="113">
        <v>0</v>
      </c>
      <c r="BT41" s="110">
        <v>0</v>
      </c>
      <c r="BU41" s="114">
        <v>41504</v>
      </c>
      <c r="BV41" s="114">
        <v>26784</v>
      </c>
      <c r="BW41" s="114">
        <v>28104</v>
      </c>
      <c r="BX41" s="114">
        <v>26048</v>
      </c>
      <c r="BY41" s="114">
        <v>40376</v>
      </c>
      <c r="BZ41" s="113">
        <v>162816</v>
      </c>
      <c r="CA41" s="116">
        <v>162816</v>
      </c>
      <c r="CB41" s="110">
        <v>0</v>
      </c>
      <c r="CC41" s="114">
        <v>37296</v>
      </c>
      <c r="CD41" s="113">
        <v>37296</v>
      </c>
      <c r="CE41" s="110">
        <v>0</v>
      </c>
      <c r="CF41" s="114">
        <v>94763</v>
      </c>
      <c r="CG41" s="114">
        <v>150864</v>
      </c>
      <c r="CH41" s="114">
        <v>121231</v>
      </c>
      <c r="CI41" s="114">
        <v>24593</v>
      </c>
      <c r="CJ41" s="114">
        <v>0</v>
      </c>
      <c r="CK41" s="113">
        <v>391451</v>
      </c>
      <c r="CL41" s="116">
        <v>428747</v>
      </c>
      <c r="CM41" s="110">
        <v>0</v>
      </c>
      <c r="CN41" s="114">
        <v>0</v>
      </c>
      <c r="CO41" s="113">
        <v>0</v>
      </c>
      <c r="CP41" s="111">
        <v>0</v>
      </c>
      <c r="CQ41" s="114">
        <v>94763</v>
      </c>
      <c r="CR41" s="114">
        <v>96013</v>
      </c>
      <c r="CS41" s="114">
        <v>105523</v>
      </c>
      <c r="CT41" s="114">
        <v>0</v>
      </c>
      <c r="CU41" s="114">
        <v>0</v>
      </c>
      <c r="CV41" s="113">
        <v>296299</v>
      </c>
      <c r="CW41" s="116">
        <v>296299</v>
      </c>
      <c r="CX41" s="110">
        <v>0</v>
      </c>
      <c r="CY41" s="114">
        <v>37296</v>
      </c>
      <c r="CZ41" s="113">
        <v>37296</v>
      </c>
      <c r="DA41" s="110">
        <v>0</v>
      </c>
      <c r="DB41" s="114">
        <v>0</v>
      </c>
      <c r="DC41" s="114">
        <v>54851</v>
      </c>
      <c r="DD41" s="114">
        <v>15708</v>
      </c>
      <c r="DE41" s="114">
        <v>24593</v>
      </c>
      <c r="DF41" s="114">
        <v>0</v>
      </c>
      <c r="DG41" s="113">
        <v>95152</v>
      </c>
      <c r="DH41" s="116">
        <v>132448</v>
      </c>
      <c r="DI41" s="110">
        <v>0</v>
      </c>
      <c r="DJ41" s="114">
        <v>0</v>
      </c>
      <c r="DK41" s="112">
        <v>0</v>
      </c>
      <c r="DL41" s="111">
        <v>0</v>
      </c>
      <c r="DM41" s="114">
        <v>0</v>
      </c>
      <c r="DN41" s="114">
        <v>0</v>
      </c>
      <c r="DO41" s="114">
        <v>0</v>
      </c>
      <c r="DP41" s="114">
        <v>0</v>
      </c>
      <c r="DQ41" s="114">
        <v>0</v>
      </c>
      <c r="DR41" s="113">
        <v>0</v>
      </c>
      <c r="DS41" s="116">
        <v>0</v>
      </c>
      <c r="DT41" s="110">
        <v>0</v>
      </c>
      <c r="DU41" s="114">
        <v>0</v>
      </c>
      <c r="DV41" s="113">
        <v>0</v>
      </c>
      <c r="DW41" s="110">
        <v>0</v>
      </c>
      <c r="DX41" s="114">
        <v>0</v>
      </c>
      <c r="DY41" s="114">
        <v>0</v>
      </c>
      <c r="DZ41" s="114">
        <v>0</v>
      </c>
      <c r="EA41" s="114">
        <v>0</v>
      </c>
      <c r="EB41" s="114">
        <v>0</v>
      </c>
      <c r="EC41" s="113">
        <v>0</v>
      </c>
      <c r="ED41" s="116">
        <v>0</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23200</v>
      </c>
      <c r="FN41" s="113">
        <v>23200</v>
      </c>
      <c r="FO41" s="110">
        <v>0</v>
      </c>
      <c r="FP41" s="114">
        <v>35712</v>
      </c>
      <c r="FQ41" s="114">
        <v>73344</v>
      </c>
      <c r="FR41" s="114">
        <v>13280</v>
      </c>
      <c r="FS41" s="114">
        <v>5400</v>
      </c>
      <c r="FT41" s="114">
        <v>26736</v>
      </c>
      <c r="FU41" s="113">
        <v>154472</v>
      </c>
      <c r="FV41" s="116">
        <v>177672</v>
      </c>
      <c r="FW41" s="115">
        <v>0</v>
      </c>
      <c r="FX41" s="114">
        <v>23200</v>
      </c>
      <c r="FY41" s="112">
        <v>23200</v>
      </c>
      <c r="FZ41" s="111">
        <v>0</v>
      </c>
      <c r="GA41" s="114">
        <v>35712</v>
      </c>
      <c r="GB41" s="114">
        <v>73344</v>
      </c>
      <c r="GC41" s="114">
        <v>13280</v>
      </c>
      <c r="GD41" s="114">
        <v>5400</v>
      </c>
      <c r="GE41" s="114">
        <v>26736</v>
      </c>
      <c r="GF41" s="113">
        <v>154472</v>
      </c>
      <c r="GG41" s="318">
        <v>177672</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62872</v>
      </c>
      <c r="HI41" s="114">
        <v>174992</v>
      </c>
      <c r="HJ41" s="114">
        <v>0</v>
      </c>
      <c r="HK41" s="114">
        <v>212843</v>
      </c>
      <c r="HL41" s="114">
        <v>361911</v>
      </c>
      <c r="HM41" s="113">
        <v>912618</v>
      </c>
      <c r="HN41" s="109">
        <v>912618</v>
      </c>
      <c r="HO41" s="328"/>
      <c r="HP41" s="329"/>
      <c r="HQ41" s="330"/>
      <c r="HR41" s="331"/>
      <c r="HS41" s="329"/>
      <c r="HT41" s="329"/>
      <c r="HU41" s="329"/>
      <c r="HV41" s="329"/>
      <c r="HW41" s="329"/>
      <c r="HX41" s="332"/>
      <c r="HY41" s="333"/>
      <c r="HZ41" s="131">
        <v>0</v>
      </c>
      <c r="IA41" s="132">
        <v>0</v>
      </c>
      <c r="IB41" s="133">
        <v>0</v>
      </c>
      <c r="IC41" s="146">
        <v>0</v>
      </c>
      <c r="ID41" s="132">
        <v>71349</v>
      </c>
      <c r="IE41" s="147">
        <v>280810</v>
      </c>
      <c r="IF41" s="133">
        <v>0</v>
      </c>
      <c r="IG41" s="132">
        <v>4983</v>
      </c>
      <c r="IH41" s="133">
        <v>0</v>
      </c>
      <c r="II41" s="148">
        <v>357142</v>
      </c>
      <c r="IJ41" s="139">
        <v>357142</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71349</v>
      </c>
      <c r="JL41" s="119">
        <v>33138</v>
      </c>
      <c r="JM41" s="119">
        <v>0</v>
      </c>
      <c r="JN41" s="119">
        <v>4983</v>
      </c>
      <c r="JO41" s="119">
        <v>0</v>
      </c>
      <c r="JP41" s="120">
        <v>109470</v>
      </c>
      <c r="JQ41" s="320">
        <v>10947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7672</v>
      </c>
      <c r="KT41" s="119">
        <v>0</v>
      </c>
      <c r="KU41" s="119">
        <v>0</v>
      </c>
      <c r="KV41" s="119">
        <v>0</v>
      </c>
      <c r="KW41" s="120">
        <v>247672</v>
      </c>
      <c r="KX41" s="320">
        <v>247672</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0</v>
      </c>
      <c r="MK41" s="119">
        <v>495134</v>
      </c>
      <c r="ML41" s="119">
        <v>526996</v>
      </c>
      <c r="MM41" s="119">
        <v>802780</v>
      </c>
      <c r="MN41" s="119">
        <v>292399</v>
      </c>
      <c r="MO41" s="120">
        <v>2117309</v>
      </c>
      <c r="MP41" s="143">
        <v>2117309</v>
      </c>
      <c r="MQ41" s="142">
        <v>0</v>
      </c>
      <c r="MR41" s="119">
        <v>0</v>
      </c>
      <c r="MS41" s="120">
        <v>0</v>
      </c>
      <c r="MT41" s="145"/>
      <c r="MU41" s="119">
        <v>0</v>
      </c>
      <c r="MV41" s="119">
        <v>0</v>
      </c>
      <c r="MW41" s="119">
        <v>0</v>
      </c>
      <c r="MX41" s="119">
        <v>802780</v>
      </c>
      <c r="MY41" s="119">
        <v>292399</v>
      </c>
      <c r="MZ41" s="120">
        <v>1095179</v>
      </c>
      <c r="NA41" s="143">
        <v>1095179</v>
      </c>
      <c r="NB41" s="142">
        <v>0</v>
      </c>
      <c r="NC41" s="119">
        <v>0</v>
      </c>
      <c r="ND41" s="120">
        <v>0</v>
      </c>
      <c r="NE41" s="145"/>
      <c r="NF41" s="119">
        <v>0</v>
      </c>
      <c r="NG41" s="119">
        <v>495134</v>
      </c>
      <c r="NH41" s="119">
        <v>526996</v>
      </c>
      <c r="NI41" s="119">
        <v>0</v>
      </c>
      <c r="NJ41" s="119">
        <v>0</v>
      </c>
      <c r="NK41" s="120">
        <v>1022130</v>
      </c>
      <c r="NL41" s="320">
        <v>1022130</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137913</v>
      </c>
      <c r="OK41" s="141">
        <v>137913</v>
      </c>
      <c r="OL41" s="118">
        <v>0</v>
      </c>
      <c r="OM41" s="119">
        <v>651377</v>
      </c>
      <c r="ON41" s="119">
        <v>1375922</v>
      </c>
      <c r="OO41" s="119">
        <v>755048</v>
      </c>
      <c r="OP41" s="119">
        <v>1082227</v>
      </c>
      <c r="OQ41" s="119">
        <v>1321850</v>
      </c>
      <c r="OR41" s="120">
        <v>5186424</v>
      </c>
      <c r="OS41" s="143">
        <v>5324337</v>
      </c>
    </row>
    <row r="42" spans="2:409" ht="21" customHeight="1" thickBot="1" x14ac:dyDescent="0.25">
      <c r="B42" s="127" t="s">
        <v>37</v>
      </c>
      <c r="C42" s="117">
        <v>0</v>
      </c>
      <c r="D42" s="178">
        <v>0</v>
      </c>
      <c r="E42" s="179">
        <v>0</v>
      </c>
      <c r="F42" s="180">
        <v>0</v>
      </c>
      <c r="G42" s="178">
        <v>0</v>
      </c>
      <c r="H42" s="178">
        <v>96893</v>
      </c>
      <c r="I42" s="178">
        <v>0</v>
      </c>
      <c r="J42" s="178">
        <v>234528</v>
      </c>
      <c r="K42" s="178">
        <v>0</v>
      </c>
      <c r="L42" s="180">
        <v>331421</v>
      </c>
      <c r="M42" s="181">
        <v>331421</v>
      </c>
      <c r="N42" s="117">
        <v>0</v>
      </c>
      <c r="O42" s="178">
        <v>0</v>
      </c>
      <c r="P42" s="179">
        <v>0</v>
      </c>
      <c r="Q42" s="117">
        <v>0</v>
      </c>
      <c r="R42" s="178">
        <v>0</v>
      </c>
      <c r="S42" s="178">
        <v>0</v>
      </c>
      <c r="T42" s="178">
        <v>0</v>
      </c>
      <c r="U42" s="178">
        <v>12480</v>
      </c>
      <c r="V42" s="178">
        <v>0</v>
      </c>
      <c r="W42" s="179">
        <v>12480</v>
      </c>
      <c r="X42" s="181">
        <v>12480</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12480</v>
      </c>
      <c r="BY42" s="178">
        <v>0</v>
      </c>
      <c r="BZ42" s="179">
        <v>12480</v>
      </c>
      <c r="CA42" s="181">
        <v>12480</v>
      </c>
      <c r="CB42" s="117">
        <v>0</v>
      </c>
      <c r="CC42" s="178">
        <v>0</v>
      </c>
      <c r="CD42" s="179">
        <v>0</v>
      </c>
      <c r="CE42" s="117">
        <v>0</v>
      </c>
      <c r="CF42" s="178">
        <v>0</v>
      </c>
      <c r="CG42" s="178">
        <v>77885</v>
      </c>
      <c r="CH42" s="178">
        <v>0</v>
      </c>
      <c r="CI42" s="178">
        <v>0</v>
      </c>
      <c r="CJ42" s="178">
        <v>0</v>
      </c>
      <c r="CK42" s="179">
        <v>77885</v>
      </c>
      <c r="CL42" s="181">
        <v>77885</v>
      </c>
      <c r="CM42" s="117">
        <v>0</v>
      </c>
      <c r="CN42" s="178">
        <v>0</v>
      </c>
      <c r="CO42" s="179">
        <v>0</v>
      </c>
      <c r="CP42" s="182">
        <v>0</v>
      </c>
      <c r="CQ42" s="178">
        <v>0</v>
      </c>
      <c r="CR42" s="178">
        <v>77885</v>
      </c>
      <c r="CS42" s="178">
        <v>0</v>
      </c>
      <c r="CT42" s="178">
        <v>0</v>
      </c>
      <c r="CU42" s="178">
        <v>0</v>
      </c>
      <c r="CV42" s="179">
        <v>77885</v>
      </c>
      <c r="CW42" s="181">
        <v>77885</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19008</v>
      </c>
      <c r="FR42" s="178">
        <v>0</v>
      </c>
      <c r="FS42" s="178">
        <v>0</v>
      </c>
      <c r="FT42" s="178">
        <v>0</v>
      </c>
      <c r="FU42" s="179">
        <v>19008</v>
      </c>
      <c r="FV42" s="181">
        <v>19008</v>
      </c>
      <c r="FW42" s="184">
        <v>0</v>
      </c>
      <c r="FX42" s="178">
        <v>0</v>
      </c>
      <c r="FY42" s="183">
        <v>0</v>
      </c>
      <c r="FZ42" s="182">
        <v>0</v>
      </c>
      <c r="GA42" s="178">
        <v>0</v>
      </c>
      <c r="GB42" s="178">
        <v>19008</v>
      </c>
      <c r="GC42" s="178">
        <v>0</v>
      </c>
      <c r="GD42" s="178">
        <v>0</v>
      </c>
      <c r="GE42" s="178">
        <v>0</v>
      </c>
      <c r="GF42" s="179">
        <v>19008</v>
      </c>
      <c r="GG42" s="319">
        <v>19008</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222048</v>
      </c>
      <c r="HL42" s="178">
        <v>0</v>
      </c>
      <c r="HM42" s="179">
        <v>222048</v>
      </c>
      <c r="HN42" s="180">
        <v>222048</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3548</v>
      </c>
      <c r="MM42" s="161">
        <v>0</v>
      </c>
      <c r="MN42" s="161">
        <v>0</v>
      </c>
      <c r="MO42" s="165">
        <v>233548</v>
      </c>
      <c r="MP42" s="167">
        <v>233548</v>
      </c>
      <c r="MQ42" s="163">
        <v>0</v>
      </c>
      <c r="MR42" s="161">
        <v>0</v>
      </c>
      <c r="MS42" s="165">
        <v>0</v>
      </c>
      <c r="MT42" s="169"/>
      <c r="MU42" s="161">
        <v>0</v>
      </c>
      <c r="MV42" s="161">
        <v>0</v>
      </c>
      <c r="MW42" s="161">
        <v>233548</v>
      </c>
      <c r="MX42" s="161">
        <v>0</v>
      </c>
      <c r="MY42" s="161">
        <v>0</v>
      </c>
      <c r="MZ42" s="165">
        <v>233548</v>
      </c>
      <c r="NA42" s="167">
        <v>233548</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0</v>
      </c>
      <c r="OK42" s="162">
        <v>0</v>
      </c>
      <c r="OL42" s="164">
        <v>0</v>
      </c>
      <c r="OM42" s="161">
        <v>0</v>
      </c>
      <c r="ON42" s="161">
        <v>96893</v>
      </c>
      <c r="OO42" s="161">
        <v>233548</v>
      </c>
      <c r="OP42" s="161">
        <v>234528</v>
      </c>
      <c r="OQ42" s="161">
        <v>0</v>
      </c>
      <c r="OR42" s="165">
        <v>564969</v>
      </c>
      <c r="OS42" s="167">
        <v>564969</v>
      </c>
    </row>
    <row r="43" spans="2:409" x14ac:dyDescent="0.2">
      <c r="B43" s="44" t="s">
        <v>84</v>
      </c>
    </row>
  </sheetData>
  <mergeCells count="158">
    <mergeCell ref="G1:H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500">
        <f>第１表!F2</f>
        <v>5</v>
      </c>
      <c r="F1" s="246">
        <f>第１表!G2</f>
        <v>3</v>
      </c>
      <c r="G1" s="727">
        <f>IF(F1&lt;3,F1-2+12,F1-2)</f>
        <v>1</v>
      </c>
      <c r="H1" s="727"/>
      <c r="IB1" s="367"/>
      <c r="IC1" s="252"/>
      <c r="ID1" s="643"/>
      <c r="IE1" s="643"/>
    </row>
    <row r="2" spans="1:409" ht="24" customHeight="1" x14ac:dyDescent="0.2">
      <c r="B2" s="20" t="s">
        <v>147</v>
      </c>
      <c r="E2" s="249"/>
      <c r="F2" s="250"/>
      <c r="G2" s="354"/>
      <c r="H2" s="354"/>
      <c r="IB2" s="251"/>
      <c r="IC2" s="252"/>
      <c r="ID2" s="370"/>
      <c r="IE2" s="370"/>
    </row>
    <row r="3" spans="1:409" ht="24" customHeight="1" thickBot="1" x14ac:dyDescent="0.25">
      <c r="B3" s="20" t="s">
        <v>156</v>
      </c>
    </row>
    <row r="4" spans="1:409" ht="21" customHeight="1" thickBot="1" x14ac:dyDescent="0.25">
      <c r="B4" s="680" t="s">
        <v>42</v>
      </c>
      <c r="C4" s="683" t="s">
        <v>63</v>
      </c>
      <c r="D4" s="683"/>
      <c r="E4" s="683"/>
      <c r="F4" s="683"/>
      <c r="G4" s="683"/>
      <c r="H4" s="683"/>
      <c r="I4" s="683"/>
      <c r="J4" s="683"/>
      <c r="K4" s="683"/>
      <c r="L4" s="683"/>
      <c r="M4" s="683"/>
      <c r="N4" s="686"/>
      <c r="O4" s="686"/>
      <c r="P4" s="686"/>
      <c r="Q4" s="686"/>
      <c r="R4" s="686"/>
      <c r="S4" s="686"/>
      <c r="T4" s="686"/>
      <c r="U4" s="686"/>
      <c r="V4" s="686"/>
      <c r="W4" s="686"/>
      <c r="X4" s="686"/>
      <c r="Y4" s="686"/>
      <c r="Z4" s="686"/>
      <c r="AA4" s="686"/>
      <c r="AB4" s="686"/>
      <c r="AC4" s="686"/>
      <c r="AD4" s="686"/>
      <c r="AE4" s="686"/>
      <c r="AF4" s="686"/>
      <c r="AG4" s="686"/>
      <c r="AH4" s="686"/>
      <c r="AI4" s="686"/>
      <c r="AJ4" s="686"/>
      <c r="AK4" s="686"/>
      <c r="AL4" s="686"/>
      <c r="AM4" s="686"/>
      <c r="AN4" s="686"/>
      <c r="AO4" s="686"/>
      <c r="AP4" s="686"/>
      <c r="AQ4" s="686"/>
      <c r="AR4" s="686"/>
      <c r="AS4" s="686"/>
      <c r="AT4" s="686"/>
      <c r="AU4" s="686"/>
      <c r="AV4" s="686"/>
      <c r="AW4" s="686"/>
      <c r="AX4" s="686"/>
      <c r="AY4" s="686"/>
      <c r="AZ4" s="686"/>
      <c r="BA4" s="686"/>
      <c r="BB4" s="686"/>
      <c r="BC4" s="686"/>
      <c r="BD4" s="686"/>
      <c r="BE4" s="686"/>
      <c r="BF4" s="686"/>
      <c r="BG4" s="686"/>
      <c r="BH4" s="686"/>
      <c r="BI4" s="686"/>
      <c r="BJ4" s="686"/>
      <c r="BK4" s="686"/>
      <c r="BL4" s="686"/>
      <c r="BM4" s="686"/>
      <c r="BN4" s="686"/>
      <c r="BO4" s="686"/>
      <c r="BP4" s="686"/>
      <c r="BQ4" s="686"/>
      <c r="BR4" s="686"/>
      <c r="BS4" s="686"/>
      <c r="BT4" s="686"/>
      <c r="BU4" s="686"/>
      <c r="BV4" s="686"/>
      <c r="BW4" s="686"/>
      <c r="BX4" s="686"/>
      <c r="BY4" s="686"/>
      <c r="BZ4" s="686"/>
      <c r="CA4" s="686"/>
      <c r="CB4" s="686"/>
      <c r="CC4" s="686"/>
      <c r="CD4" s="686"/>
      <c r="CE4" s="686"/>
      <c r="CF4" s="686"/>
      <c r="CG4" s="686"/>
      <c r="CH4" s="686"/>
      <c r="CI4" s="686"/>
      <c r="CJ4" s="686"/>
      <c r="CK4" s="686"/>
      <c r="CL4" s="686"/>
      <c r="CM4" s="686"/>
      <c r="CN4" s="686"/>
      <c r="CO4" s="686"/>
      <c r="CP4" s="686"/>
      <c r="CQ4" s="686"/>
      <c r="CR4" s="686"/>
      <c r="CS4" s="686"/>
      <c r="CT4" s="686"/>
      <c r="CU4" s="686"/>
      <c r="CV4" s="686"/>
      <c r="CW4" s="686"/>
      <c r="CX4" s="686"/>
      <c r="CY4" s="686"/>
      <c r="CZ4" s="686"/>
      <c r="DA4" s="686"/>
      <c r="DB4" s="686"/>
      <c r="DC4" s="686"/>
      <c r="DD4" s="686"/>
      <c r="DE4" s="686"/>
      <c r="DF4" s="686"/>
      <c r="DG4" s="686"/>
      <c r="DH4" s="686"/>
      <c r="DI4" s="686"/>
      <c r="DJ4" s="686"/>
      <c r="DK4" s="686"/>
      <c r="DL4" s="686"/>
      <c r="DM4" s="686"/>
      <c r="DN4" s="686"/>
      <c r="DO4" s="686"/>
      <c r="DP4" s="686"/>
      <c r="DQ4" s="686"/>
      <c r="DR4" s="686"/>
      <c r="DS4" s="686"/>
      <c r="DT4" s="686"/>
      <c r="DU4" s="686"/>
      <c r="DV4" s="686"/>
      <c r="DW4" s="686"/>
      <c r="DX4" s="686"/>
      <c r="DY4" s="686"/>
      <c r="DZ4" s="686"/>
      <c r="EA4" s="686"/>
      <c r="EB4" s="686"/>
      <c r="EC4" s="686"/>
      <c r="ED4" s="686"/>
      <c r="EE4" s="686"/>
      <c r="EF4" s="686"/>
      <c r="EG4" s="686"/>
      <c r="EH4" s="686"/>
      <c r="EI4" s="686"/>
      <c r="EJ4" s="686"/>
      <c r="EK4" s="686"/>
      <c r="EL4" s="686"/>
      <c r="EM4" s="686"/>
      <c r="EN4" s="686"/>
      <c r="EO4" s="686"/>
      <c r="EP4" s="686"/>
      <c r="EQ4" s="686"/>
      <c r="ER4" s="686"/>
      <c r="ES4" s="686"/>
      <c r="ET4" s="686"/>
      <c r="EU4" s="686"/>
      <c r="EV4" s="686"/>
      <c r="EW4" s="686"/>
      <c r="EX4" s="686"/>
      <c r="EY4" s="686"/>
      <c r="EZ4" s="686"/>
      <c r="FA4" s="686"/>
      <c r="FB4" s="686"/>
      <c r="FC4" s="686"/>
      <c r="FD4" s="686"/>
      <c r="FE4" s="686"/>
      <c r="FF4" s="686"/>
      <c r="FG4" s="686"/>
      <c r="FH4" s="686"/>
      <c r="FI4" s="686"/>
      <c r="FJ4" s="686"/>
      <c r="FK4" s="686"/>
      <c r="FL4" s="686"/>
      <c r="FM4" s="686"/>
      <c r="FN4" s="686"/>
      <c r="FO4" s="686"/>
      <c r="FP4" s="686"/>
      <c r="FQ4" s="686"/>
      <c r="FR4" s="686"/>
      <c r="FS4" s="686"/>
      <c r="FT4" s="686"/>
      <c r="FU4" s="686"/>
      <c r="FV4" s="686"/>
      <c r="FW4" s="686"/>
      <c r="FX4" s="686"/>
      <c r="FY4" s="686"/>
      <c r="FZ4" s="686"/>
      <c r="GA4" s="686"/>
      <c r="GB4" s="686"/>
      <c r="GC4" s="686"/>
      <c r="GD4" s="686"/>
      <c r="GE4" s="686"/>
      <c r="GF4" s="686"/>
      <c r="GG4" s="686"/>
      <c r="GH4" s="686"/>
      <c r="GI4" s="686"/>
      <c r="GJ4" s="686"/>
      <c r="GK4" s="686"/>
      <c r="GL4" s="686"/>
      <c r="GM4" s="686"/>
      <c r="GN4" s="686"/>
      <c r="GO4" s="686"/>
      <c r="GP4" s="686"/>
      <c r="GQ4" s="686"/>
      <c r="GR4" s="686"/>
      <c r="GS4" s="686"/>
      <c r="GT4" s="686"/>
      <c r="GU4" s="686"/>
      <c r="GV4" s="686"/>
      <c r="GW4" s="686"/>
      <c r="GX4" s="686"/>
      <c r="GY4" s="686"/>
      <c r="GZ4" s="686"/>
      <c r="HA4" s="686"/>
      <c r="HB4" s="686"/>
      <c r="HC4" s="686"/>
      <c r="HD4" s="686"/>
      <c r="HE4" s="686"/>
      <c r="HF4" s="686"/>
      <c r="HG4" s="686"/>
      <c r="HH4" s="686"/>
      <c r="HI4" s="686"/>
      <c r="HJ4" s="686"/>
      <c r="HK4" s="686"/>
      <c r="HL4" s="686"/>
      <c r="HM4" s="686"/>
      <c r="HN4" s="686"/>
      <c r="HO4" s="686"/>
      <c r="HP4" s="686"/>
      <c r="HQ4" s="686"/>
      <c r="HR4" s="686"/>
      <c r="HS4" s="686"/>
      <c r="HT4" s="686"/>
      <c r="HU4" s="686"/>
      <c r="HV4" s="686"/>
      <c r="HW4" s="686"/>
      <c r="HX4" s="686"/>
      <c r="HY4" s="687"/>
      <c r="HZ4" s="640" t="s">
        <v>85</v>
      </c>
      <c r="IA4" s="641"/>
      <c r="IB4" s="641"/>
      <c r="IC4" s="641"/>
      <c r="ID4" s="641"/>
      <c r="IE4" s="641"/>
      <c r="IF4" s="641"/>
      <c r="IG4" s="641"/>
      <c r="IH4" s="641"/>
      <c r="II4" s="641"/>
      <c r="IJ4" s="641"/>
      <c r="IK4" s="641"/>
      <c r="IL4" s="641"/>
      <c r="IM4" s="641"/>
      <c r="IN4" s="641"/>
      <c r="IO4" s="641"/>
      <c r="IP4" s="641"/>
      <c r="IQ4" s="641"/>
      <c r="IR4" s="641"/>
      <c r="IS4" s="641"/>
      <c r="IT4" s="641"/>
      <c r="IU4" s="641"/>
      <c r="IV4" s="641"/>
      <c r="IW4" s="641"/>
      <c r="IX4" s="641"/>
      <c r="IY4" s="641"/>
      <c r="IZ4" s="641"/>
      <c r="JA4" s="641"/>
      <c r="JB4" s="641"/>
      <c r="JC4" s="641"/>
      <c r="JD4" s="641"/>
      <c r="JE4" s="641"/>
      <c r="JF4" s="641"/>
      <c r="JG4" s="641"/>
      <c r="JH4" s="641"/>
      <c r="JI4" s="641"/>
      <c r="JJ4" s="641"/>
      <c r="JK4" s="641"/>
      <c r="JL4" s="641"/>
      <c r="JM4" s="641"/>
      <c r="JN4" s="641"/>
      <c r="JO4" s="641"/>
      <c r="JP4" s="641"/>
      <c r="JQ4" s="641"/>
      <c r="JR4" s="641"/>
      <c r="JS4" s="641"/>
      <c r="JT4" s="641"/>
      <c r="JU4" s="641"/>
      <c r="JV4" s="641"/>
      <c r="JW4" s="641"/>
      <c r="JX4" s="641"/>
      <c r="JY4" s="641"/>
      <c r="JZ4" s="641"/>
      <c r="KA4" s="641"/>
      <c r="KB4" s="641"/>
      <c r="KC4" s="641"/>
      <c r="KD4" s="641"/>
      <c r="KE4" s="641"/>
      <c r="KF4" s="641"/>
      <c r="KG4" s="641"/>
      <c r="KH4" s="641"/>
      <c r="KI4" s="641"/>
      <c r="KJ4" s="641"/>
      <c r="KK4" s="641"/>
      <c r="KL4" s="641"/>
      <c r="KM4" s="641"/>
      <c r="KN4" s="641"/>
      <c r="KO4" s="641"/>
      <c r="KP4" s="641"/>
      <c r="KQ4" s="641"/>
      <c r="KR4" s="641"/>
      <c r="KS4" s="641"/>
      <c r="KT4" s="641"/>
      <c r="KU4" s="641"/>
      <c r="KV4" s="641"/>
      <c r="KW4" s="641"/>
      <c r="KX4" s="641"/>
      <c r="KY4" s="641"/>
      <c r="KZ4" s="641"/>
      <c r="LA4" s="641"/>
      <c r="LB4" s="641"/>
      <c r="LC4" s="641"/>
      <c r="LD4" s="641"/>
      <c r="LE4" s="641"/>
      <c r="LF4" s="641"/>
      <c r="LG4" s="641"/>
      <c r="LH4" s="641"/>
      <c r="LI4" s="641"/>
      <c r="LJ4" s="641"/>
      <c r="LK4" s="641"/>
      <c r="LL4" s="641"/>
      <c r="LM4" s="641"/>
      <c r="LN4" s="641"/>
      <c r="LO4" s="641"/>
      <c r="LP4" s="641"/>
      <c r="LQ4" s="641"/>
      <c r="LR4" s="641"/>
      <c r="LS4" s="641"/>
      <c r="LT4" s="641"/>
      <c r="LU4" s="641"/>
      <c r="LV4" s="641"/>
      <c r="LW4" s="641"/>
      <c r="LX4" s="641"/>
      <c r="LY4" s="641"/>
      <c r="LZ4" s="641"/>
      <c r="MA4" s="641"/>
      <c r="MB4" s="641"/>
      <c r="MC4" s="641"/>
      <c r="MD4" s="641"/>
      <c r="ME4" s="642"/>
      <c r="MF4" s="640" t="s">
        <v>86</v>
      </c>
      <c r="MG4" s="641"/>
      <c r="MH4" s="641"/>
      <c r="MI4" s="641"/>
      <c r="MJ4" s="641"/>
      <c r="MK4" s="641"/>
      <c r="ML4" s="641"/>
      <c r="MM4" s="641"/>
      <c r="MN4" s="641"/>
      <c r="MO4" s="641"/>
      <c r="MP4" s="641"/>
      <c r="MQ4" s="641"/>
      <c r="MR4" s="641"/>
      <c r="MS4" s="641"/>
      <c r="MT4" s="641"/>
      <c r="MU4" s="641"/>
      <c r="MV4" s="641"/>
      <c r="MW4" s="641"/>
      <c r="MX4" s="641"/>
      <c r="MY4" s="641"/>
      <c r="MZ4" s="641"/>
      <c r="NA4" s="641"/>
      <c r="NB4" s="641"/>
      <c r="NC4" s="641"/>
      <c r="ND4" s="641"/>
      <c r="NE4" s="641"/>
      <c r="NF4" s="641"/>
      <c r="NG4" s="641"/>
      <c r="NH4" s="641"/>
      <c r="NI4" s="641"/>
      <c r="NJ4" s="641"/>
      <c r="NK4" s="641"/>
      <c r="NL4" s="641"/>
      <c r="NM4" s="641"/>
      <c r="NN4" s="641"/>
      <c r="NO4" s="641"/>
      <c r="NP4" s="641"/>
      <c r="NQ4" s="641"/>
      <c r="NR4" s="641"/>
      <c r="NS4" s="641"/>
      <c r="NT4" s="641"/>
      <c r="NU4" s="641"/>
      <c r="NV4" s="641"/>
      <c r="NW4" s="641"/>
      <c r="NX4" s="641"/>
      <c r="NY4" s="641"/>
      <c r="NZ4" s="641"/>
      <c r="OA4" s="641"/>
      <c r="OB4" s="641"/>
      <c r="OC4" s="641"/>
      <c r="OD4" s="641"/>
      <c r="OE4" s="641"/>
      <c r="OF4" s="641"/>
      <c r="OG4" s="641"/>
      <c r="OH4" s="642"/>
      <c r="OI4" s="595" t="s">
        <v>60</v>
      </c>
      <c r="OJ4" s="505"/>
      <c r="OK4" s="505"/>
      <c r="OL4" s="505"/>
      <c r="OM4" s="505"/>
      <c r="ON4" s="505"/>
      <c r="OO4" s="505"/>
      <c r="OP4" s="505"/>
      <c r="OQ4" s="505"/>
      <c r="OR4" s="505"/>
      <c r="OS4" s="506"/>
    </row>
    <row r="5" spans="1:409" ht="21" customHeight="1" thickBot="1" x14ac:dyDescent="0.25">
      <c r="B5" s="681"/>
      <c r="C5" s="684"/>
      <c r="D5" s="684"/>
      <c r="E5" s="684"/>
      <c r="F5" s="684"/>
      <c r="G5" s="684"/>
      <c r="H5" s="684"/>
      <c r="I5" s="684"/>
      <c r="J5" s="684"/>
      <c r="K5" s="684"/>
      <c r="L5" s="684"/>
      <c r="M5" s="684"/>
      <c r="N5" s="688" t="s">
        <v>64</v>
      </c>
      <c r="O5" s="689"/>
      <c r="P5" s="689"/>
      <c r="Q5" s="689"/>
      <c r="R5" s="689"/>
      <c r="S5" s="689"/>
      <c r="T5" s="689"/>
      <c r="U5" s="689"/>
      <c r="V5" s="689"/>
      <c r="W5" s="689"/>
      <c r="X5" s="689"/>
      <c r="Y5" s="689"/>
      <c r="Z5" s="689"/>
      <c r="AA5" s="689"/>
      <c r="AB5" s="689"/>
      <c r="AC5" s="689"/>
      <c r="AD5" s="689"/>
      <c r="AE5" s="689"/>
      <c r="AF5" s="689"/>
      <c r="AG5" s="689"/>
      <c r="AH5" s="689"/>
      <c r="AI5" s="689"/>
      <c r="AJ5" s="689"/>
      <c r="AK5" s="689"/>
      <c r="AL5" s="689"/>
      <c r="AM5" s="689"/>
      <c r="AN5" s="689"/>
      <c r="AO5" s="689"/>
      <c r="AP5" s="689"/>
      <c r="AQ5" s="689"/>
      <c r="AR5" s="689"/>
      <c r="AS5" s="689"/>
      <c r="AT5" s="689"/>
      <c r="AU5" s="689"/>
      <c r="AV5" s="689"/>
      <c r="AW5" s="689"/>
      <c r="AX5" s="689"/>
      <c r="AY5" s="689"/>
      <c r="AZ5" s="689"/>
      <c r="BA5" s="689"/>
      <c r="BB5" s="689"/>
      <c r="BC5" s="689"/>
      <c r="BD5" s="689"/>
      <c r="BE5" s="689"/>
      <c r="BF5" s="689"/>
      <c r="BG5" s="689"/>
      <c r="BH5" s="689"/>
      <c r="BI5" s="689"/>
      <c r="BJ5" s="689"/>
      <c r="BK5" s="689"/>
      <c r="BL5" s="689"/>
      <c r="BM5" s="689"/>
      <c r="BN5" s="689"/>
      <c r="BO5" s="689"/>
      <c r="BP5" s="689"/>
      <c r="BQ5" s="689"/>
      <c r="BR5" s="689"/>
      <c r="BS5" s="689"/>
      <c r="BT5" s="689"/>
      <c r="BU5" s="689"/>
      <c r="BV5" s="689"/>
      <c r="BW5" s="689"/>
      <c r="BX5" s="689"/>
      <c r="BY5" s="689"/>
      <c r="BZ5" s="689"/>
      <c r="CA5" s="690"/>
      <c r="CB5" s="688" t="s">
        <v>65</v>
      </c>
      <c r="CC5" s="689"/>
      <c r="CD5" s="689"/>
      <c r="CE5" s="689"/>
      <c r="CF5" s="689"/>
      <c r="CG5" s="689"/>
      <c r="CH5" s="689"/>
      <c r="CI5" s="689"/>
      <c r="CJ5" s="689"/>
      <c r="CK5" s="689"/>
      <c r="CL5" s="689"/>
      <c r="CM5" s="689"/>
      <c r="CN5" s="689"/>
      <c r="CO5" s="689"/>
      <c r="CP5" s="689"/>
      <c r="CQ5" s="689"/>
      <c r="CR5" s="689"/>
      <c r="CS5" s="689"/>
      <c r="CT5" s="689"/>
      <c r="CU5" s="689"/>
      <c r="CV5" s="689"/>
      <c r="CW5" s="689"/>
      <c r="CX5" s="689"/>
      <c r="CY5" s="689"/>
      <c r="CZ5" s="689"/>
      <c r="DA5" s="689"/>
      <c r="DB5" s="689"/>
      <c r="DC5" s="689"/>
      <c r="DD5" s="689"/>
      <c r="DE5" s="689"/>
      <c r="DF5" s="689"/>
      <c r="DG5" s="689"/>
      <c r="DH5" s="690"/>
      <c r="DI5" s="509" t="s">
        <v>66</v>
      </c>
      <c r="DJ5" s="510"/>
      <c r="DK5" s="510"/>
      <c r="DL5" s="510"/>
      <c r="DM5" s="510"/>
      <c r="DN5" s="510"/>
      <c r="DO5" s="510"/>
      <c r="DP5" s="510"/>
      <c r="DQ5" s="510"/>
      <c r="DR5" s="510"/>
      <c r="DS5" s="510"/>
      <c r="DT5" s="510"/>
      <c r="DU5" s="510"/>
      <c r="DV5" s="510"/>
      <c r="DW5" s="510"/>
      <c r="DX5" s="510"/>
      <c r="DY5" s="510"/>
      <c r="DZ5" s="510"/>
      <c r="EA5" s="510"/>
      <c r="EB5" s="510"/>
      <c r="EC5" s="510"/>
      <c r="ED5" s="510"/>
      <c r="EE5" s="510"/>
      <c r="EF5" s="510"/>
      <c r="EG5" s="510"/>
      <c r="EH5" s="510"/>
      <c r="EI5" s="510"/>
      <c r="EJ5" s="510"/>
      <c r="EK5" s="510"/>
      <c r="EL5" s="510"/>
      <c r="EM5" s="510"/>
      <c r="EN5" s="510"/>
      <c r="EO5" s="510"/>
      <c r="EP5" s="510"/>
      <c r="EQ5" s="510"/>
      <c r="ER5" s="510"/>
      <c r="ES5" s="510"/>
      <c r="ET5" s="510"/>
      <c r="EU5" s="510"/>
      <c r="EV5" s="510"/>
      <c r="EW5" s="510"/>
      <c r="EX5" s="510"/>
      <c r="EY5" s="510"/>
      <c r="EZ5" s="510"/>
      <c r="FA5" s="510"/>
      <c r="FB5" s="510"/>
      <c r="FC5" s="510"/>
      <c r="FD5" s="510"/>
      <c r="FE5" s="510"/>
      <c r="FF5" s="510"/>
      <c r="FG5" s="510"/>
      <c r="FH5" s="510"/>
      <c r="FI5" s="510"/>
      <c r="FJ5" s="510"/>
      <c r="FK5" s="511"/>
      <c r="FL5" s="688" t="s">
        <v>67</v>
      </c>
      <c r="FM5" s="689"/>
      <c r="FN5" s="689"/>
      <c r="FO5" s="689"/>
      <c r="FP5" s="689"/>
      <c r="FQ5" s="689"/>
      <c r="FR5" s="689"/>
      <c r="FS5" s="689"/>
      <c r="FT5" s="689"/>
      <c r="FU5" s="689"/>
      <c r="FV5" s="689"/>
      <c r="FW5" s="689"/>
      <c r="FX5" s="689"/>
      <c r="FY5" s="689"/>
      <c r="FZ5" s="689"/>
      <c r="GA5" s="689"/>
      <c r="GB5" s="689"/>
      <c r="GC5" s="689"/>
      <c r="GD5" s="689"/>
      <c r="GE5" s="689"/>
      <c r="GF5" s="689"/>
      <c r="GG5" s="689"/>
      <c r="GH5" s="689"/>
      <c r="GI5" s="689"/>
      <c r="GJ5" s="689"/>
      <c r="GK5" s="689"/>
      <c r="GL5" s="689"/>
      <c r="GM5" s="689"/>
      <c r="GN5" s="689"/>
      <c r="GO5" s="689"/>
      <c r="GP5" s="689"/>
      <c r="GQ5" s="689"/>
      <c r="GR5" s="689"/>
      <c r="GS5" s="689"/>
      <c r="GT5" s="689"/>
      <c r="GU5" s="689"/>
      <c r="GV5" s="689"/>
      <c r="GW5" s="689"/>
      <c r="GX5" s="689"/>
      <c r="GY5" s="689"/>
      <c r="GZ5" s="689"/>
      <c r="HA5" s="689"/>
      <c r="HB5" s="689"/>
      <c r="HC5" s="690"/>
      <c r="HD5" s="691" t="s">
        <v>68</v>
      </c>
      <c r="HE5" s="692"/>
      <c r="HF5" s="692"/>
      <c r="HG5" s="692"/>
      <c r="HH5" s="692"/>
      <c r="HI5" s="692"/>
      <c r="HJ5" s="692"/>
      <c r="HK5" s="692"/>
      <c r="HL5" s="692"/>
      <c r="HM5" s="692"/>
      <c r="HN5" s="693"/>
      <c r="HO5" s="691" t="s">
        <v>69</v>
      </c>
      <c r="HP5" s="692"/>
      <c r="HQ5" s="692"/>
      <c r="HR5" s="692"/>
      <c r="HS5" s="692"/>
      <c r="HT5" s="692"/>
      <c r="HU5" s="692"/>
      <c r="HV5" s="692"/>
      <c r="HW5" s="692"/>
      <c r="HX5" s="692"/>
      <c r="HY5" s="693"/>
      <c r="HZ5" s="619"/>
      <c r="IA5" s="620"/>
      <c r="IB5" s="620"/>
      <c r="IC5" s="620"/>
      <c r="ID5" s="620"/>
      <c r="IE5" s="620"/>
      <c r="IF5" s="620"/>
      <c r="IG5" s="620"/>
      <c r="IH5" s="620"/>
      <c r="II5" s="620"/>
      <c r="IJ5" s="621"/>
      <c r="IK5" s="595" t="s">
        <v>94</v>
      </c>
      <c r="IL5" s="505"/>
      <c r="IM5" s="505"/>
      <c r="IN5" s="505"/>
      <c r="IO5" s="505"/>
      <c r="IP5" s="505"/>
      <c r="IQ5" s="505"/>
      <c r="IR5" s="505"/>
      <c r="IS5" s="505"/>
      <c r="IT5" s="505"/>
      <c r="IU5" s="506"/>
      <c r="IV5" s="595" t="s">
        <v>88</v>
      </c>
      <c r="IW5" s="505"/>
      <c r="IX5" s="505"/>
      <c r="IY5" s="505"/>
      <c r="IZ5" s="505"/>
      <c r="JA5" s="505"/>
      <c r="JB5" s="505"/>
      <c r="JC5" s="505"/>
      <c r="JD5" s="505"/>
      <c r="JE5" s="505"/>
      <c r="JF5" s="506"/>
      <c r="JG5" s="625" t="s">
        <v>144</v>
      </c>
      <c r="JH5" s="626"/>
      <c r="JI5" s="626"/>
      <c r="JJ5" s="626"/>
      <c r="JK5" s="626"/>
      <c r="JL5" s="626"/>
      <c r="JM5" s="626"/>
      <c r="JN5" s="626"/>
      <c r="JO5" s="626"/>
      <c r="JP5" s="626"/>
      <c r="JQ5" s="627"/>
      <c r="JR5" s="595" t="s">
        <v>90</v>
      </c>
      <c r="JS5" s="505"/>
      <c r="JT5" s="505"/>
      <c r="JU5" s="505"/>
      <c r="JV5" s="505"/>
      <c r="JW5" s="505"/>
      <c r="JX5" s="505"/>
      <c r="JY5" s="505"/>
      <c r="JZ5" s="505"/>
      <c r="KA5" s="505"/>
      <c r="KB5" s="506"/>
      <c r="KC5" s="595" t="s">
        <v>89</v>
      </c>
      <c r="KD5" s="505"/>
      <c r="KE5" s="505"/>
      <c r="KF5" s="505"/>
      <c r="KG5" s="505"/>
      <c r="KH5" s="505"/>
      <c r="KI5" s="505"/>
      <c r="KJ5" s="505"/>
      <c r="KK5" s="505"/>
      <c r="KL5" s="505"/>
      <c r="KM5" s="506"/>
      <c r="KN5" s="595" t="s">
        <v>91</v>
      </c>
      <c r="KO5" s="505"/>
      <c r="KP5" s="505"/>
      <c r="KQ5" s="505"/>
      <c r="KR5" s="505"/>
      <c r="KS5" s="505"/>
      <c r="KT5" s="505"/>
      <c r="KU5" s="505"/>
      <c r="KV5" s="505"/>
      <c r="KW5" s="505"/>
      <c r="KX5" s="506"/>
      <c r="KY5" s="595" t="s">
        <v>92</v>
      </c>
      <c r="KZ5" s="505"/>
      <c r="LA5" s="505"/>
      <c r="LB5" s="505"/>
      <c r="LC5" s="505"/>
      <c r="LD5" s="505"/>
      <c r="LE5" s="505"/>
      <c r="LF5" s="505"/>
      <c r="LG5" s="505"/>
      <c r="LH5" s="505"/>
      <c r="LI5" s="506"/>
      <c r="LJ5" s="631" t="s">
        <v>93</v>
      </c>
      <c r="LK5" s="632"/>
      <c r="LL5" s="632"/>
      <c r="LM5" s="632"/>
      <c r="LN5" s="632"/>
      <c r="LO5" s="632"/>
      <c r="LP5" s="632"/>
      <c r="LQ5" s="632"/>
      <c r="LR5" s="632"/>
      <c r="LS5" s="632"/>
      <c r="LT5" s="633"/>
      <c r="LU5" s="634" t="s">
        <v>145</v>
      </c>
      <c r="LV5" s="635"/>
      <c r="LW5" s="635"/>
      <c r="LX5" s="635"/>
      <c r="LY5" s="635"/>
      <c r="LZ5" s="635"/>
      <c r="MA5" s="635"/>
      <c r="MB5" s="635"/>
      <c r="MC5" s="635"/>
      <c r="MD5" s="635"/>
      <c r="ME5" s="636"/>
      <c r="MF5" s="619"/>
      <c r="MG5" s="620"/>
      <c r="MH5" s="620"/>
      <c r="MI5" s="620"/>
      <c r="MJ5" s="620"/>
      <c r="MK5" s="620"/>
      <c r="ML5" s="620"/>
      <c r="MM5" s="620"/>
      <c r="MN5" s="620"/>
      <c r="MO5" s="620"/>
      <c r="MP5" s="621"/>
      <c r="MQ5" s="595" t="s">
        <v>57</v>
      </c>
      <c r="MR5" s="505"/>
      <c r="MS5" s="505"/>
      <c r="MT5" s="505"/>
      <c r="MU5" s="505"/>
      <c r="MV5" s="505"/>
      <c r="MW5" s="505"/>
      <c r="MX5" s="505"/>
      <c r="MY5" s="505"/>
      <c r="MZ5" s="505"/>
      <c r="NA5" s="506"/>
      <c r="NB5" s="595" t="s">
        <v>58</v>
      </c>
      <c r="NC5" s="505"/>
      <c r="ND5" s="505"/>
      <c r="NE5" s="505"/>
      <c r="NF5" s="505"/>
      <c r="NG5" s="505"/>
      <c r="NH5" s="505"/>
      <c r="NI5" s="505"/>
      <c r="NJ5" s="505"/>
      <c r="NK5" s="505"/>
      <c r="NL5" s="506"/>
      <c r="NM5" s="595" t="s">
        <v>59</v>
      </c>
      <c r="NN5" s="505"/>
      <c r="NO5" s="505"/>
      <c r="NP5" s="505"/>
      <c r="NQ5" s="505"/>
      <c r="NR5" s="505"/>
      <c r="NS5" s="505"/>
      <c r="NT5" s="505"/>
      <c r="NU5" s="505"/>
      <c r="NV5" s="505"/>
      <c r="NW5" s="506"/>
      <c r="NX5" s="644" t="s">
        <v>151</v>
      </c>
      <c r="NY5" s="645"/>
      <c r="NZ5" s="645"/>
      <c r="OA5" s="645"/>
      <c r="OB5" s="645"/>
      <c r="OC5" s="645"/>
      <c r="OD5" s="645"/>
      <c r="OE5" s="645"/>
      <c r="OF5" s="645"/>
      <c r="OG5" s="645"/>
      <c r="OH5" s="646"/>
      <c r="OI5" s="616"/>
      <c r="OJ5" s="617"/>
      <c r="OK5" s="617"/>
      <c r="OL5" s="617"/>
      <c r="OM5" s="617"/>
      <c r="ON5" s="617"/>
      <c r="OO5" s="617"/>
      <c r="OP5" s="617"/>
      <c r="OQ5" s="617"/>
      <c r="OR5" s="617"/>
      <c r="OS5" s="618"/>
    </row>
    <row r="6" spans="1:409" ht="21" customHeight="1" thickBot="1" x14ac:dyDescent="0.25">
      <c r="B6" s="681"/>
      <c r="C6" s="685"/>
      <c r="D6" s="685"/>
      <c r="E6" s="685"/>
      <c r="F6" s="685"/>
      <c r="G6" s="685"/>
      <c r="H6" s="685"/>
      <c r="I6" s="685"/>
      <c r="J6" s="685"/>
      <c r="K6" s="685"/>
      <c r="L6" s="685"/>
      <c r="M6" s="685"/>
      <c r="N6" s="518"/>
      <c r="O6" s="519"/>
      <c r="P6" s="519"/>
      <c r="Q6" s="519"/>
      <c r="R6" s="519"/>
      <c r="S6" s="519"/>
      <c r="T6" s="519"/>
      <c r="U6" s="519"/>
      <c r="V6" s="519"/>
      <c r="W6" s="519"/>
      <c r="X6" s="520"/>
      <c r="Y6" s="700" t="s">
        <v>70</v>
      </c>
      <c r="Z6" s="522"/>
      <c r="AA6" s="522"/>
      <c r="AB6" s="522"/>
      <c r="AC6" s="522"/>
      <c r="AD6" s="522"/>
      <c r="AE6" s="522"/>
      <c r="AF6" s="522"/>
      <c r="AG6" s="522"/>
      <c r="AH6" s="522"/>
      <c r="AI6" s="523"/>
      <c r="AJ6" s="697" t="s">
        <v>71</v>
      </c>
      <c r="AK6" s="698"/>
      <c r="AL6" s="698"/>
      <c r="AM6" s="698"/>
      <c r="AN6" s="698"/>
      <c r="AO6" s="698"/>
      <c r="AP6" s="698"/>
      <c r="AQ6" s="698"/>
      <c r="AR6" s="698"/>
      <c r="AS6" s="698"/>
      <c r="AT6" s="699"/>
      <c r="AU6" s="697" t="s">
        <v>72</v>
      </c>
      <c r="AV6" s="698"/>
      <c r="AW6" s="698"/>
      <c r="AX6" s="698"/>
      <c r="AY6" s="698"/>
      <c r="AZ6" s="698"/>
      <c r="BA6" s="698"/>
      <c r="BB6" s="698"/>
      <c r="BC6" s="698"/>
      <c r="BD6" s="698"/>
      <c r="BE6" s="699"/>
      <c r="BF6" s="697" t="s">
        <v>73</v>
      </c>
      <c r="BG6" s="698"/>
      <c r="BH6" s="698"/>
      <c r="BI6" s="698"/>
      <c r="BJ6" s="698"/>
      <c r="BK6" s="698"/>
      <c r="BL6" s="698"/>
      <c r="BM6" s="698"/>
      <c r="BN6" s="698"/>
      <c r="BO6" s="698"/>
      <c r="BP6" s="699"/>
      <c r="BQ6" s="697" t="s">
        <v>74</v>
      </c>
      <c r="BR6" s="698"/>
      <c r="BS6" s="698"/>
      <c r="BT6" s="698"/>
      <c r="BU6" s="698"/>
      <c r="BV6" s="698"/>
      <c r="BW6" s="698"/>
      <c r="BX6" s="698"/>
      <c r="BY6" s="698"/>
      <c r="BZ6" s="698"/>
      <c r="CA6" s="699"/>
      <c r="CB6" s="701"/>
      <c r="CC6" s="702"/>
      <c r="CD6" s="702"/>
      <c r="CE6" s="702"/>
      <c r="CF6" s="702"/>
      <c r="CG6" s="702"/>
      <c r="CH6" s="702"/>
      <c r="CI6" s="702"/>
      <c r="CJ6" s="702"/>
      <c r="CK6" s="702"/>
      <c r="CL6" s="703"/>
      <c r="CM6" s="697" t="s">
        <v>75</v>
      </c>
      <c r="CN6" s="698"/>
      <c r="CO6" s="698"/>
      <c r="CP6" s="698"/>
      <c r="CQ6" s="698"/>
      <c r="CR6" s="698"/>
      <c r="CS6" s="698"/>
      <c r="CT6" s="698"/>
      <c r="CU6" s="698"/>
      <c r="CV6" s="698"/>
      <c r="CW6" s="699"/>
      <c r="CX6" s="697" t="s">
        <v>76</v>
      </c>
      <c r="CY6" s="698"/>
      <c r="CZ6" s="698"/>
      <c r="DA6" s="698"/>
      <c r="DB6" s="698"/>
      <c r="DC6" s="698"/>
      <c r="DD6" s="698"/>
      <c r="DE6" s="698"/>
      <c r="DF6" s="698"/>
      <c r="DG6" s="698"/>
      <c r="DH6" s="699"/>
      <c r="DI6" s="701"/>
      <c r="DJ6" s="702"/>
      <c r="DK6" s="702"/>
      <c r="DL6" s="702"/>
      <c r="DM6" s="702"/>
      <c r="DN6" s="702"/>
      <c r="DO6" s="702"/>
      <c r="DP6" s="702"/>
      <c r="DQ6" s="702"/>
      <c r="DR6" s="702"/>
      <c r="DS6" s="702"/>
      <c r="DT6" s="697" t="s">
        <v>77</v>
      </c>
      <c r="DU6" s="698"/>
      <c r="DV6" s="698"/>
      <c r="DW6" s="698"/>
      <c r="DX6" s="698"/>
      <c r="DY6" s="698"/>
      <c r="DZ6" s="698"/>
      <c r="EA6" s="698"/>
      <c r="EB6" s="698"/>
      <c r="EC6" s="698"/>
      <c r="ED6" s="699"/>
      <c r="EE6" s="697" t="s">
        <v>78</v>
      </c>
      <c r="EF6" s="698"/>
      <c r="EG6" s="698"/>
      <c r="EH6" s="698"/>
      <c r="EI6" s="698"/>
      <c r="EJ6" s="698"/>
      <c r="EK6" s="698"/>
      <c r="EL6" s="698"/>
      <c r="EM6" s="698"/>
      <c r="EN6" s="698"/>
      <c r="EO6" s="699"/>
      <c r="EP6" s="697" t="s">
        <v>79</v>
      </c>
      <c r="EQ6" s="698"/>
      <c r="ER6" s="698"/>
      <c r="ES6" s="698"/>
      <c r="ET6" s="698"/>
      <c r="EU6" s="698"/>
      <c r="EV6" s="698"/>
      <c r="EW6" s="698"/>
      <c r="EX6" s="698"/>
      <c r="EY6" s="698"/>
      <c r="EZ6" s="699"/>
      <c r="FA6" s="678" t="s">
        <v>152</v>
      </c>
      <c r="FB6" s="698"/>
      <c r="FC6" s="698"/>
      <c r="FD6" s="698"/>
      <c r="FE6" s="698"/>
      <c r="FF6" s="698"/>
      <c r="FG6" s="698"/>
      <c r="FH6" s="698"/>
      <c r="FI6" s="698"/>
      <c r="FJ6" s="698"/>
      <c r="FK6" s="699"/>
      <c r="FL6" s="701"/>
      <c r="FM6" s="702"/>
      <c r="FN6" s="702"/>
      <c r="FO6" s="702"/>
      <c r="FP6" s="702"/>
      <c r="FQ6" s="702"/>
      <c r="FR6" s="702"/>
      <c r="FS6" s="702"/>
      <c r="FT6" s="702"/>
      <c r="FU6" s="702"/>
      <c r="FV6" s="702"/>
      <c r="FW6" s="697" t="s">
        <v>80</v>
      </c>
      <c r="FX6" s="698"/>
      <c r="FY6" s="698"/>
      <c r="FZ6" s="698"/>
      <c r="GA6" s="698"/>
      <c r="GB6" s="698"/>
      <c r="GC6" s="698"/>
      <c r="GD6" s="698"/>
      <c r="GE6" s="698"/>
      <c r="GF6" s="698"/>
      <c r="GG6" s="699"/>
      <c r="GH6" s="700" t="s">
        <v>81</v>
      </c>
      <c r="GI6" s="522"/>
      <c r="GJ6" s="522"/>
      <c r="GK6" s="522"/>
      <c r="GL6" s="522"/>
      <c r="GM6" s="522"/>
      <c r="GN6" s="522"/>
      <c r="GO6" s="522"/>
      <c r="GP6" s="522"/>
      <c r="GQ6" s="522"/>
      <c r="GR6" s="523"/>
      <c r="GS6" s="700" t="s">
        <v>82</v>
      </c>
      <c r="GT6" s="522"/>
      <c r="GU6" s="522"/>
      <c r="GV6" s="522"/>
      <c r="GW6" s="522"/>
      <c r="GX6" s="522"/>
      <c r="GY6" s="522"/>
      <c r="GZ6" s="522"/>
      <c r="HA6" s="522"/>
      <c r="HB6" s="522"/>
      <c r="HC6" s="523"/>
      <c r="HD6" s="694"/>
      <c r="HE6" s="695"/>
      <c r="HF6" s="695"/>
      <c r="HG6" s="695"/>
      <c r="HH6" s="695"/>
      <c r="HI6" s="695"/>
      <c r="HJ6" s="695"/>
      <c r="HK6" s="695"/>
      <c r="HL6" s="695"/>
      <c r="HM6" s="695"/>
      <c r="HN6" s="696"/>
      <c r="HO6" s="694"/>
      <c r="HP6" s="695"/>
      <c r="HQ6" s="695"/>
      <c r="HR6" s="695"/>
      <c r="HS6" s="695"/>
      <c r="HT6" s="695"/>
      <c r="HU6" s="695"/>
      <c r="HV6" s="695"/>
      <c r="HW6" s="695"/>
      <c r="HX6" s="695"/>
      <c r="HY6" s="696"/>
      <c r="HZ6" s="622"/>
      <c r="IA6" s="623"/>
      <c r="IB6" s="623"/>
      <c r="IC6" s="623"/>
      <c r="ID6" s="623"/>
      <c r="IE6" s="623"/>
      <c r="IF6" s="623"/>
      <c r="IG6" s="623"/>
      <c r="IH6" s="623"/>
      <c r="II6" s="623"/>
      <c r="IJ6" s="624"/>
      <c r="IK6" s="596"/>
      <c r="IL6" s="587"/>
      <c r="IM6" s="587"/>
      <c r="IN6" s="587"/>
      <c r="IO6" s="587"/>
      <c r="IP6" s="587"/>
      <c r="IQ6" s="587"/>
      <c r="IR6" s="587"/>
      <c r="IS6" s="587"/>
      <c r="IT6" s="587"/>
      <c r="IU6" s="597"/>
      <c r="IV6" s="596"/>
      <c r="IW6" s="587"/>
      <c r="IX6" s="587"/>
      <c r="IY6" s="587"/>
      <c r="IZ6" s="587"/>
      <c r="JA6" s="587"/>
      <c r="JB6" s="587"/>
      <c r="JC6" s="587"/>
      <c r="JD6" s="587"/>
      <c r="JE6" s="587"/>
      <c r="JF6" s="597"/>
      <c r="JG6" s="628"/>
      <c r="JH6" s="629"/>
      <c r="JI6" s="629"/>
      <c r="JJ6" s="629"/>
      <c r="JK6" s="629"/>
      <c r="JL6" s="629"/>
      <c r="JM6" s="629"/>
      <c r="JN6" s="629"/>
      <c r="JO6" s="629"/>
      <c r="JP6" s="629"/>
      <c r="JQ6" s="630"/>
      <c r="JR6" s="596"/>
      <c r="JS6" s="587"/>
      <c r="JT6" s="587"/>
      <c r="JU6" s="587"/>
      <c r="JV6" s="587"/>
      <c r="JW6" s="587"/>
      <c r="JX6" s="587"/>
      <c r="JY6" s="587"/>
      <c r="JZ6" s="587"/>
      <c r="KA6" s="587"/>
      <c r="KB6" s="597"/>
      <c r="KC6" s="596"/>
      <c r="KD6" s="587"/>
      <c r="KE6" s="587"/>
      <c r="KF6" s="587"/>
      <c r="KG6" s="587"/>
      <c r="KH6" s="587"/>
      <c r="KI6" s="587"/>
      <c r="KJ6" s="587"/>
      <c r="KK6" s="587"/>
      <c r="KL6" s="587"/>
      <c r="KM6" s="597"/>
      <c r="KN6" s="596"/>
      <c r="KO6" s="587"/>
      <c r="KP6" s="587"/>
      <c r="KQ6" s="587"/>
      <c r="KR6" s="587"/>
      <c r="KS6" s="587"/>
      <c r="KT6" s="587"/>
      <c r="KU6" s="587"/>
      <c r="KV6" s="587"/>
      <c r="KW6" s="587"/>
      <c r="KX6" s="597"/>
      <c r="KY6" s="596"/>
      <c r="KZ6" s="587"/>
      <c r="LA6" s="587"/>
      <c r="LB6" s="587"/>
      <c r="LC6" s="587"/>
      <c r="LD6" s="587"/>
      <c r="LE6" s="587"/>
      <c r="LF6" s="587"/>
      <c r="LG6" s="587"/>
      <c r="LH6" s="587"/>
      <c r="LI6" s="597"/>
      <c r="LJ6" s="622"/>
      <c r="LK6" s="623"/>
      <c r="LL6" s="623"/>
      <c r="LM6" s="623"/>
      <c r="LN6" s="623"/>
      <c r="LO6" s="623"/>
      <c r="LP6" s="623"/>
      <c r="LQ6" s="623"/>
      <c r="LR6" s="623"/>
      <c r="LS6" s="623"/>
      <c r="LT6" s="624"/>
      <c r="LU6" s="637"/>
      <c r="LV6" s="638"/>
      <c r="LW6" s="638"/>
      <c r="LX6" s="638"/>
      <c r="LY6" s="638"/>
      <c r="LZ6" s="638"/>
      <c r="MA6" s="638"/>
      <c r="MB6" s="638"/>
      <c r="MC6" s="638"/>
      <c r="MD6" s="638"/>
      <c r="ME6" s="639"/>
      <c r="MF6" s="622"/>
      <c r="MG6" s="623"/>
      <c r="MH6" s="623"/>
      <c r="MI6" s="623"/>
      <c r="MJ6" s="623"/>
      <c r="MK6" s="623"/>
      <c r="ML6" s="623"/>
      <c r="MM6" s="623"/>
      <c r="MN6" s="623"/>
      <c r="MO6" s="623"/>
      <c r="MP6" s="624"/>
      <c r="MQ6" s="596"/>
      <c r="MR6" s="587"/>
      <c r="MS6" s="587"/>
      <c r="MT6" s="587"/>
      <c r="MU6" s="587"/>
      <c r="MV6" s="587"/>
      <c r="MW6" s="587"/>
      <c r="MX6" s="587"/>
      <c r="MY6" s="587"/>
      <c r="MZ6" s="587"/>
      <c r="NA6" s="597"/>
      <c r="NB6" s="596"/>
      <c r="NC6" s="587"/>
      <c r="ND6" s="587"/>
      <c r="NE6" s="587"/>
      <c r="NF6" s="587"/>
      <c r="NG6" s="587"/>
      <c r="NH6" s="587"/>
      <c r="NI6" s="587"/>
      <c r="NJ6" s="587"/>
      <c r="NK6" s="587"/>
      <c r="NL6" s="597"/>
      <c r="NM6" s="596"/>
      <c r="NN6" s="587"/>
      <c r="NO6" s="587"/>
      <c r="NP6" s="587"/>
      <c r="NQ6" s="587"/>
      <c r="NR6" s="587"/>
      <c r="NS6" s="587"/>
      <c r="NT6" s="587"/>
      <c r="NU6" s="587"/>
      <c r="NV6" s="587"/>
      <c r="NW6" s="597"/>
      <c r="NX6" s="647"/>
      <c r="NY6" s="648"/>
      <c r="NZ6" s="648"/>
      <c r="OA6" s="648"/>
      <c r="OB6" s="648"/>
      <c r="OC6" s="648"/>
      <c r="OD6" s="648"/>
      <c r="OE6" s="648"/>
      <c r="OF6" s="648"/>
      <c r="OG6" s="648"/>
      <c r="OH6" s="649"/>
      <c r="OI6" s="596"/>
      <c r="OJ6" s="587"/>
      <c r="OK6" s="587"/>
      <c r="OL6" s="587"/>
      <c r="OM6" s="587"/>
      <c r="ON6" s="587"/>
      <c r="OO6" s="587"/>
      <c r="OP6" s="587"/>
      <c r="OQ6" s="587"/>
      <c r="OR6" s="587"/>
      <c r="OS6" s="597"/>
    </row>
    <row r="7" spans="1:409" ht="21" customHeight="1" x14ac:dyDescent="0.2">
      <c r="B7" s="681"/>
      <c r="C7" s="704" t="s">
        <v>61</v>
      </c>
      <c r="D7" s="704"/>
      <c r="E7" s="704"/>
      <c r="F7" s="705" t="s">
        <v>62</v>
      </c>
      <c r="G7" s="704"/>
      <c r="H7" s="704"/>
      <c r="I7" s="704"/>
      <c r="J7" s="704"/>
      <c r="K7" s="704"/>
      <c r="L7" s="704"/>
      <c r="M7" s="705" t="s">
        <v>52</v>
      </c>
      <c r="N7" s="707" t="s">
        <v>61</v>
      </c>
      <c r="O7" s="704"/>
      <c r="P7" s="704"/>
      <c r="Q7" s="705" t="s">
        <v>62</v>
      </c>
      <c r="R7" s="704"/>
      <c r="S7" s="704"/>
      <c r="T7" s="704"/>
      <c r="U7" s="704"/>
      <c r="V7" s="704"/>
      <c r="W7" s="708"/>
      <c r="X7" s="712" t="s">
        <v>52</v>
      </c>
      <c r="Y7" s="518" t="s">
        <v>61</v>
      </c>
      <c r="Z7" s="519"/>
      <c r="AA7" s="714"/>
      <c r="AB7" s="715" t="s">
        <v>62</v>
      </c>
      <c r="AC7" s="519"/>
      <c r="AD7" s="519"/>
      <c r="AE7" s="519"/>
      <c r="AF7" s="519"/>
      <c r="AG7" s="519"/>
      <c r="AH7" s="714"/>
      <c r="AI7" s="520" t="s">
        <v>52</v>
      </c>
      <c r="AJ7" s="717" t="s">
        <v>61</v>
      </c>
      <c r="AK7" s="710"/>
      <c r="AL7" s="718"/>
      <c r="AM7" s="709" t="s">
        <v>62</v>
      </c>
      <c r="AN7" s="710"/>
      <c r="AO7" s="710"/>
      <c r="AP7" s="710"/>
      <c r="AQ7" s="710"/>
      <c r="AR7" s="710"/>
      <c r="AS7" s="711"/>
      <c r="AT7" s="520" t="s">
        <v>52</v>
      </c>
      <c r="AU7" s="717" t="s">
        <v>61</v>
      </c>
      <c r="AV7" s="710"/>
      <c r="AW7" s="718"/>
      <c r="AX7" s="709" t="s">
        <v>62</v>
      </c>
      <c r="AY7" s="710"/>
      <c r="AZ7" s="710"/>
      <c r="BA7" s="710"/>
      <c r="BB7" s="710"/>
      <c r="BC7" s="710"/>
      <c r="BD7" s="711"/>
      <c r="BE7" s="520" t="s">
        <v>52</v>
      </c>
      <c r="BF7" s="717" t="s">
        <v>61</v>
      </c>
      <c r="BG7" s="710"/>
      <c r="BH7" s="718"/>
      <c r="BI7" s="709" t="s">
        <v>62</v>
      </c>
      <c r="BJ7" s="710"/>
      <c r="BK7" s="710"/>
      <c r="BL7" s="710"/>
      <c r="BM7" s="710"/>
      <c r="BN7" s="710"/>
      <c r="BO7" s="711"/>
      <c r="BP7" s="520" t="s">
        <v>52</v>
      </c>
      <c r="BQ7" s="717" t="s">
        <v>61</v>
      </c>
      <c r="BR7" s="710"/>
      <c r="BS7" s="718"/>
      <c r="BT7" s="709" t="s">
        <v>62</v>
      </c>
      <c r="BU7" s="710"/>
      <c r="BV7" s="710"/>
      <c r="BW7" s="710"/>
      <c r="BX7" s="710"/>
      <c r="BY7" s="710"/>
      <c r="BZ7" s="711"/>
      <c r="CA7" s="520" t="s">
        <v>52</v>
      </c>
      <c r="CB7" s="719" t="s">
        <v>61</v>
      </c>
      <c r="CC7" s="720"/>
      <c r="CD7" s="721"/>
      <c r="CE7" s="722" t="s">
        <v>62</v>
      </c>
      <c r="CF7" s="720"/>
      <c r="CG7" s="720"/>
      <c r="CH7" s="720"/>
      <c r="CI7" s="720"/>
      <c r="CJ7" s="720"/>
      <c r="CK7" s="723"/>
      <c r="CL7" s="712" t="s">
        <v>52</v>
      </c>
      <c r="CM7" s="717" t="s">
        <v>61</v>
      </c>
      <c r="CN7" s="710"/>
      <c r="CO7" s="711"/>
      <c r="CP7" s="709" t="s">
        <v>62</v>
      </c>
      <c r="CQ7" s="710"/>
      <c r="CR7" s="710"/>
      <c r="CS7" s="710"/>
      <c r="CT7" s="710"/>
      <c r="CU7" s="710"/>
      <c r="CV7" s="711"/>
      <c r="CW7" s="724" t="s">
        <v>52</v>
      </c>
      <c r="CX7" s="717" t="s">
        <v>61</v>
      </c>
      <c r="CY7" s="710"/>
      <c r="CZ7" s="711"/>
      <c r="DA7" s="709" t="s">
        <v>62</v>
      </c>
      <c r="DB7" s="710"/>
      <c r="DC7" s="710"/>
      <c r="DD7" s="710"/>
      <c r="DE7" s="710"/>
      <c r="DF7" s="710"/>
      <c r="DG7" s="711"/>
      <c r="DH7" s="724" t="s">
        <v>52</v>
      </c>
      <c r="DI7" s="719" t="s">
        <v>61</v>
      </c>
      <c r="DJ7" s="720"/>
      <c r="DK7" s="723"/>
      <c r="DL7" s="722" t="s">
        <v>62</v>
      </c>
      <c r="DM7" s="720"/>
      <c r="DN7" s="720"/>
      <c r="DO7" s="720"/>
      <c r="DP7" s="720"/>
      <c r="DQ7" s="720"/>
      <c r="DR7" s="723"/>
      <c r="DS7" s="712" t="s">
        <v>52</v>
      </c>
      <c r="DT7" s="717" t="s">
        <v>61</v>
      </c>
      <c r="DU7" s="710"/>
      <c r="DV7" s="718"/>
      <c r="DW7" s="709" t="s">
        <v>62</v>
      </c>
      <c r="DX7" s="710"/>
      <c r="DY7" s="710"/>
      <c r="DZ7" s="710"/>
      <c r="EA7" s="710"/>
      <c r="EB7" s="710"/>
      <c r="EC7" s="711"/>
      <c r="ED7" s="520" t="s">
        <v>52</v>
      </c>
      <c r="EE7" s="717" t="s">
        <v>61</v>
      </c>
      <c r="EF7" s="710"/>
      <c r="EG7" s="718"/>
      <c r="EH7" s="709" t="s">
        <v>62</v>
      </c>
      <c r="EI7" s="710"/>
      <c r="EJ7" s="710"/>
      <c r="EK7" s="710"/>
      <c r="EL7" s="710"/>
      <c r="EM7" s="710"/>
      <c r="EN7" s="711"/>
      <c r="EO7" s="520" t="s">
        <v>52</v>
      </c>
      <c r="EP7" s="717" t="s">
        <v>61</v>
      </c>
      <c r="EQ7" s="710"/>
      <c r="ER7" s="718"/>
      <c r="ES7" s="709" t="s">
        <v>62</v>
      </c>
      <c r="ET7" s="710"/>
      <c r="EU7" s="710"/>
      <c r="EV7" s="710"/>
      <c r="EW7" s="710"/>
      <c r="EX7" s="710"/>
      <c r="EY7" s="711"/>
      <c r="EZ7" s="520" t="s">
        <v>52</v>
      </c>
      <c r="FA7" s="717" t="s">
        <v>61</v>
      </c>
      <c r="FB7" s="710"/>
      <c r="FC7" s="718"/>
      <c r="FD7" s="709" t="s">
        <v>62</v>
      </c>
      <c r="FE7" s="710"/>
      <c r="FF7" s="710"/>
      <c r="FG7" s="710"/>
      <c r="FH7" s="710"/>
      <c r="FI7" s="710"/>
      <c r="FJ7" s="711"/>
      <c r="FK7" s="520" t="s">
        <v>52</v>
      </c>
      <c r="FL7" s="719" t="s">
        <v>61</v>
      </c>
      <c r="FM7" s="720"/>
      <c r="FN7" s="721"/>
      <c r="FO7" s="722" t="s">
        <v>62</v>
      </c>
      <c r="FP7" s="720"/>
      <c r="FQ7" s="720"/>
      <c r="FR7" s="720"/>
      <c r="FS7" s="720"/>
      <c r="FT7" s="720"/>
      <c r="FU7" s="723"/>
      <c r="FV7" s="704" t="s">
        <v>52</v>
      </c>
      <c r="FW7" s="717" t="s">
        <v>61</v>
      </c>
      <c r="FX7" s="710"/>
      <c r="FY7" s="718"/>
      <c r="FZ7" s="709" t="s">
        <v>62</v>
      </c>
      <c r="GA7" s="710"/>
      <c r="GB7" s="710"/>
      <c r="GC7" s="710"/>
      <c r="GD7" s="710"/>
      <c r="GE7" s="710"/>
      <c r="GF7" s="711"/>
      <c r="GG7" s="520" t="s">
        <v>52</v>
      </c>
      <c r="GH7" s="518" t="s">
        <v>61</v>
      </c>
      <c r="GI7" s="519"/>
      <c r="GJ7" s="519"/>
      <c r="GK7" s="715" t="s">
        <v>62</v>
      </c>
      <c r="GL7" s="519"/>
      <c r="GM7" s="519"/>
      <c r="GN7" s="519"/>
      <c r="GO7" s="519"/>
      <c r="GP7" s="519"/>
      <c r="GQ7" s="714"/>
      <c r="GR7" s="725" t="s">
        <v>52</v>
      </c>
      <c r="GS7" s="518" t="s">
        <v>61</v>
      </c>
      <c r="GT7" s="519"/>
      <c r="GU7" s="714"/>
      <c r="GV7" s="715" t="s">
        <v>62</v>
      </c>
      <c r="GW7" s="519"/>
      <c r="GX7" s="519"/>
      <c r="GY7" s="519"/>
      <c r="GZ7" s="519"/>
      <c r="HA7" s="519"/>
      <c r="HB7" s="714"/>
      <c r="HC7" s="725" t="s">
        <v>52</v>
      </c>
      <c r="HD7" s="717" t="s">
        <v>61</v>
      </c>
      <c r="HE7" s="710"/>
      <c r="HF7" s="718"/>
      <c r="HG7" s="709" t="s">
        <v>62</v>
      </c>
      <c r="HH7" s="710"/>
      <c r="HI7" s="710"/>
      <c r="HJ7" s="710"/>
      <c r="HK7" s="710"/>
      <c r="HL7" s="710"/>
      <c r="HM7" s="711"/>
      <c r="HN7" s="520" t="s">
        <v>52</v>
      </c>
      <c r="HO7" s="717" t="s">
        <v>61</v>
      </c>
      <c r="HP7" s="710"/>
      <c r="HQ7" s="718"/>
      <c r="HR7" s="709" t="s">
        <v>62</v>
      </c>
      <c r="HS7" s="710"/>
      <c r="HT7" s="710"/>
      <c r="HU7" s="710"/>
      <c r="HV7" s="710"/>
      <c r="HW7" s="710"/>
      <c r="HX7" s="711"/>
      <c r="HY7" s="520" t="s">
        <v>52</v>
      </c>
      <c r="HZ7" s="574" t="s">
        <v>61</v>
      </c>
      <c r="IA7" s="575"/>
      <c r="IB7" s="576"/>
      <c r="IC7" s="611" t="s">
        <v>62</v>
      </c>
      <c r="ID7" s="575"/>
      <c r="IE7" s="575"/>
      <c r="IF7" s="575"/>
      <c r="IG7" s="575"/>
      <c r="IH7" s="575"/>
      <c r="II7" s="612"/>
      <c r="IJ7" s="578" t="s">
        <v>52</v>
      </c>
      <c r="IK7" s="591" t="s">
        <v>61</v>
      </c>
      <c r="IL7" s="584"/>
      <c r="IM7" s="585"/>
      <c r="IN7" s="614" t="s">
        <v>62</v>
      </c>
      <c r="IO7" s="584"/>
      <c r="IP7" s="584"/>
      <c r="IQ7" s="584"/>
      <c r="IR7" s="584"/>
      <c r="IS7" s="584"/>
      <c r="IT7" s="615"/>
      <c r="IU7" s="597" t="s">
        <v>52</v>
      </c>
      <c r="IV7" s="591" t="s">
        <v>61</v>
      </c>
      <c r="IW7" s="584"/>
      <c r="IX7" s="615"/>
      <c r="IY7" s="614" t="s">
        <v>62</v>
      </c>
      <c r="IZ7" s="584"/>
      <c r="JA7" s="584"/>
      <c r="JB7" s="584"/>
      <c r="JC7" s="584"/>
      <c r="JD7" s="584"/>
      <c r="JE7" s="615"/>
      <c r="JF7" s="597" t="s">
        <v>52</v>
      </c>
      <c r="JG7" s="591" t="s">
        <v>61</v>
      </c>
      <c r="JH7" s="584"/>
      <c r="JI7" s="585"/>
      <c r="JJ7" s="614" t="s">
        <v>62</v>
      </c>
      <c r="JK7" s="584"/>
      <c r="JL7" s="584"/>
      <c r="JM7" s="584"/>
      <c r="JN7" s="584"/>
      <c r="JO7" s="584"/>
      <c r="JP7" s="615"/>
      <c r="JQ7" s="609" t="s">
        <v>52</v>
      </c>
      <c r="JR7" s="591" t="s">
        <v>61</v>
      </c>
      <c r="JS7" s="584"/>
      <c r="JT7" s="585"/>
      <c r="JU7" s="614" t="s">
        <v>62</v>
      </c>
      <c r="JV7" s="584"/>
      <c r="JW7" s="584"/>
      <c r="JX7" s="584"/>
      <c r="JY7" s="584"/>
      <c r="JZ7" s="584"/>
      <c r="KA7" s="615"/>
      <c r="KB7" s="609" t="s">
        <v>52</v>
      </c>
      <c r="KC7" s="591" t="s">
        <v>61</v>
      </c>
      <c r="KD7" s="584"/>
      <c r="KE7" s="585"/>
      <c r="KF7" s="614" t="s">
        <v>62</v>
      </c>
      <c r="KG7" s="584"/>
      <c r="KH7" s="584"/>
      <c r="KI7" s="584"/>
      <c r="KJ7" s="584"/>
      <c r="KK7" s="584"/>
      <c r="KL7" s="615"/>
      <c r="KM7" s="609" t="s">
        <v>52</v>
      </c>
      <c r="KN7" s="591" t="s">
        <v>61</v>
      </c>
      <c r="KO7" s="584"/>
      <c r="KP7" s="585"/>
      <c r="KQ7" s="614" t="s">
        <v>62</v>
      </c>
      <c r="KR7" s="584"/>
      <c r="KS7" s="584"/>
      <c r="KT7" s="584"/>
      <c r="KU7" s="584"/>
      <c r="KV7" s="584"/>
      <c r="KW7" s="615"/>
      <c r="KX7" s="609" t="s">
        <v>52</v>
      </c>
      <c r="KY7" s="591" t="s">
        <v>61</v>
      </c>
      <c r="KZ7" s="584"/>
      <c r="LA7" s="585"/>
      <c r="LB7" s="614" t="s">
        <v>62</v>
      </c>
      <c r="LC7" s="584"/>
      <c r="LD7" s="584"/>
      <c r="LE7" s="584"/>
      <c r="LF7" s="584"/>
      <c r="LG7" s="584"/>
      <c r="LH7" s="615"/>
      <c r="LI7" s="609" t="s">
        <v>52</v>
      </c>
      <c r="LJ7" s="591" t="s">
        <v>61</v>
      </c>
      <c r="LK7" s="584"/>
      <c r="LL7" s="585"/>
      <c r="LM7" s="614" t="s">
        <v>62</v>
      </c>
      <c r="LN7" s="584"/>
      <c r="LO7" s="584"/>
      <c r="LP7" s="584"/>
      <c r="LQ7" s="584"/>
      <c r="LR7" s="584"/>
      <c r="LS7" s="615"/>
      <c r="LT7" s="609" t="s">
        <v>52</v>
      </c>
      <c r="LU7" s="591" t="s">
        <v>61</v>
      </c>
      <c r="LV7" s="584"/>
      <c r="LW7" s="585"/>
      <c r="LX7" s="614" t="s">
        <v>62</v>
      </c>
      <c r="LY7" s="584"/>
      <c r="LZ7" s="584"/>
      <c r="MA7" s="584"/>
      <c r="MB7" s="584"/>
      <c r="MC7" s="584"/>
      <c r="MD7" s="615"/>
      <c r="ME7" s="609" t="s">
        <v>52</v>
      </c>
      <c r="MF7" s="574" t="s">
        <v>61</v>
      </c>
      <c r="MG7" s="575"/>
      <c r="MH7" s="576"/>
      <c r="MI7" s="611" t="s">
        <v>62</v>
      </c>
      <c r="MJ7" s="575"/>
      <c r="MK7" s="575"/>
      <c r="ML7" s="575"/>
      <c r="MM7" s="575"/>
      <c r="MN7" s="575"/>
      <c r="MO7" s="612"/>
      <c r="MP7" s="613" t="s">
        <v>52</v>
      </c>
      <c r="MQ7" s="591" t="s">
        <v>61</v>
      </c>
      <c r="MR7" s="584"/>
      <c r="MS7" s="585"/>
      <c r="MT7" s="614" t="s">
        <v>62</v>
      </c>
      <c r="MU7" s="584"/>
      <c r="MV7" s="584"/>
      <c r="MW7" s="584"/>
      <c r="MX7" s="584"/>
      <c r="MY7" s="584"/>
      <c r="MZ7" s="615"/>
      <c r="NA7" s="609" t="s">
        <v>52</v>
      </c>
      <c r="NB7" s="591" t="s">
        <v>61</v>
      </c>
      <c r="NC7" s="584"/>
      <c r="ND7" s="585"/>
      <c r="NE7" s="614" t="s">
        <v>62</v>
      </c>
      <c r="NF7" s="584"/>
      <c r="NG7" s="584"/>
      <c r="NH7" s="584"/>
      <c r="NI7" s="584"/>
      <c r="NJ7" s="584"/>
      <c r="NK7" s="615"/>
      <c r="NL7" s="609" t="s">
        <v>52</v>
      </c>
      <c r="NM7" s="591" t="s">
        <v>61</v>
      </c>
      <c r="NN7" s="584"/>
      <c r="NO7" s="585"/>
      <c r="NP7" s="614" t="s">
        <v>62</v>
      </c>
      <c r="NQ7" s="584"/>
      <c r="NR7" s="584"/>
      <c r="NS7" s="584"/>
      <c r="NT7" s="584"/>
      <c r="NU7" s="584"/>
      <c r="NV7" s="615"/>
      <c r="NW7" s="609" t="s">
        <v>52</v>
      </c>
      <c r="NX7" s="591" t="s">
        <v>61</v>
      </c>
      <c r="NY7" s="584"/>
      <c r="NZ7" s="585"/>
      <c r="OA7" s="614" t="s">
        <v>62</v>
      </c>
      <c r="OB7" s="584"/>
      <c r="OC7" s="584"/>
      <c r="OD7" s="584"/>
      <c r="OE7" s="584"/>
      <c r="OF7" s="584"/>
      <c r="OG7" s="615"/>
      <c r="OH7" s="609" t="s">
        <v>52</v>
      </c>
      <c r="OI7" s="574" t="s">
        <v>61</v>
      </c>
      <c r="OJ7" s="575"/>
      <c r="OK7" s="576"/>
      <c r="OL7" s="611" t="s">
        <v>62</v>
      </c>
      <c r="OM7" s="575"/>
      <c r="ON7" s="575"/>
      <c r="OO7" s="575"/>
      <c r="OP7" s="575"/>
      <c r="OQ7" s="575"/>
      <c r="OR7" s="612"/>
      <c r="OS7" s="613" t="s">
        <v>52</v>
      </c>
    </row>
    <row r="8" spans="1:409" ht="30" customHeight="1" thickBot="1" x14ac:dyDescent="0.25">
      <c r="B8" s="682"/>
      <c r="C8" s="325" t="s">
        <v>43</v>
      </c>
      <c r="D8" s="47" t="s">
        <v>44</v>
      </c>
      <c r="E8" s="326" t="s">
        <v>45</v>
      </c>
      <c r="F8" s="52" t="s">
        <v>83</v>
      </c>
      <c r="G8" s="47" t="s">
        <v>47</v>
      </c>
      <c r="H8" s="47" t="s">
        <v>48</v>
      </c>
      <c r="I8" s="47" t="s">
        <v>49</v>
      </c>
      <c r="J8" s="47" t="s">
        <v>50</v>
      </c>
      <c r="K8" s="47" t="s">
        <v>51</v>
      </c>
      <c r="L8" s="48" t="s">
        <v>45</v>
      </c>
      <c r="M8" s="706"/>
      <c r="N8" s="51" t="s">
        <v>43</v>
      </c>
      <c r="O8" s="47" t="s">
        <v>44</v>
      </c>
      <c r="P8" s="48" t="s">
        <v>45</v>
      </c>
      <c r="Q8" s="52" t="s">
        <v>83</v>
      </c>
      <c r="R8" s="47" t="s">
        <v>47</v>
      </c>
      <c r="S8" s="47" t="s">
        <v>48</v>
      </c>
      <c r="T8" s="47" t="s">
        <v>49</v>
      </c>
      <c r="U8" s="47" t="s">
        <v>50</v>
      </c>
      <c r="V8" s="47" t="s">
        <v>51</v>
      </c>
      <c r="W8" s="48" t="s">
        <v>45</v>
      </c>
      <c r="X8" s="713"/>
      <c r="Y8" s="51" t="s">
        <v>43</v>
      </c>
      <c r="Z8" s="47" t="s">
        <v>44</v>
      </c>
      <c r="AA8" s="48" t="s">
        <v>45</v>
      </c>
      <c r="AB8" s="52" t="s">
        <v>83</v>
      </c>
      <c r="AC8" s="47" t="s">
        <v>47</v>
      </c>
      <c r="AD8" s="47" t="s">
        <v>48</v>
      </c>
      <c r="AE8" s="47" t="s">
        <v>49</v>
      </c>
      <c r="AF8" s="47" t="s">
        <v>50</v>
      </c>
      <c r="AG8" s="47" t="s">
        <v>51</v>
      </c>
      <c r="AH8" s="48" t="s">
        <v>45</v>
      </c>
      <c r="AI8" s="716"/>
      <c r="AJ8" s="51" t="s">
        <v>43</v>
      </c>
      <c r="AK8" s="47" t="s">
        <v>44</v>
      </c>
      <c r="AL8" s="326" t="s">
        <v>45</v>
      </c>
      <c r="AM8" s="52" t="s">
        <v>83</v>
      </c>
      <c r="AN8" s="47" t="s">
        <v>47</v>
      </c>
      <c r="AO8" s="47" t="s">
        <v>48</v>
      </c>
      <c r="AP8" s="47" t="s">
        <v>49</v>
      </c>
      <c r="AQ8" s="47" t="s">
        <v>50</v>
      </c>
      <c r="AR8" s="47" t="s">
        <v>51</v>
      </c>
      <c r="AS8" s="48" t="s">
        <v>45</v>
      </c>
      <c r="AT8" s="716"/>
      <c r="AU8" s="51" t="s">
        <v>43</v>
      </c>
      <c r="AV8" s="47" t="s">
        <v>44</v>
      </c>
      <c r="AW8" s="326" t="s">
        <v>45</v>
      </c>
      <c r="AX8" s="52" t="s">
        <v>83</v>
      </c>
      <c r="AY8" s="47" t="s">
        <v>47</v>
      </c>
      <c r="AZ8" s="47" t="s">
        <v>48</v>
      </c>
      <c r="BA8" s="47" t="s">
        <v>49</v>
      </c>
      <c r="BB8" s="47" t="s">
        <v>50</v>
      </c>
      <c r="BC8" s="47" t="s">
        <v>51</v>
      </c>
      <c r="BD8" s="48" t="s">
        <v>45</v>
      </c>
      <c r="BE8" s="716"/>
      <c r="BF8" s="327" t="s">
        <v>43</v>
      </c>
      <c r="BG8" s="47" t="s">
        <v>44</v>
      </c>
      <c r="BH8" s="326" t="s">
        <v>45</v>
      </c>
      <c r="BI8" s="52" t="s">
        <v>83</v>
      </c>
      <c r="BJ8" s="47" t="s">
        <v>47</v>
      </c>
      <c r="BK8" s="47" t="s">
        <v>48</v>
      </c>
      <c r="BL8" s="47" t="s">
        <v>49</v>
      </c>
      <c r="BM8" s="47" t="s">
        <v>50</v>
      </c>
      <c r="BN8" s="47" t="s">
        <v>51</v>
      </c>
      <c r="BO8" s="48" t="s">
        <v>45</v>
      </c>
      <c r="BP8" s="716"/>
      <c r="BQ8" s="51" t="s">
        <v>43</v>
      </c>
      <c r="BR8" s="47" t="s">
        <v>44</v>
      </c>
      <c r="BS8" s="326" t="s">
        <v>45</v>
      </c>
      <c r="BT8" s="52" t="s">
        <v>83</v>
      </c>
      <c r="BU8" s="47" t="s">
        <v>47</v>
      </c>
      <c r="BV8" s="47" t="s">
        <v>48</v>
      </c>
      <c r="BW8" s="47" t="s">
        <v>49</v>
      </c>
      <c r="BX8" s="47" t="s">
        <v>50</v>
      </c>
      <c r="BY8" s="47" t="s">
        <v>51</v>
      </c>
      <c r="BZ8" s="48" t="s">
        <v>45</v>
      </c>
      <c r="CA8" s="716"/>
      <c r="CB8" s="51" t="s">
        <v>43</v>
      </c>
      <c r="CC8" s="47" t="s">
        <v>44</v>
      </c>
      <c r="CD8" s="326" t="s">
        <v>45</v>
      </c>
      <c r="CE8" s="52" t="s">
        <v>83</v>
      </c>
      <c r="CF8" s="47" t="s">
        <v>47</v>
      </c>
      <c r="CG8" s="47" t="s">
        <v>48</v>
      </c>
      <c r="CH8" s="47" t="s">
        <v>49</v>
      </c>
      <c r="CI8" s="47" t="s">
        <v>50</v>
      </c>
      <c r="CJ8" s="47" t="s">
        <v>51</v>
      </c>
      <c r="CK8" s="48" t="s">
        <v>45</v>
      </c>
      <c r="CL8" s="713"/>
      <c r="CM8" s="51" t="s">
        <v>43</v>
      </c>
      <c r="CN8" s="47" t="s">
        <v>44</v>
      </c>
      <c r="CO8" s="48" t="s">
        <v>45</v>
      </c>
      <c r="CP8" s="52" t="s">
        <v>83</v>
      </c>
      <c r="CQ8" s="47" t="s">
        <v>47</v>
      </c>
      <c r="CR8" s="47" t="s">
        <v>48</v>
      </c>
      <c r="CS8" s="47" t="s">
        <v>49</v>
      </c>
      <c r="CT8" s="47" t="s">
        <v>50</v>
      </c>
      <c r="CU8" s="47" t="s">
        <v>51</v>
      </c>
      <c r="CV8" s="48" t="s">
        <v>45</v>
      </c>
      <c r="CW8" s="713"/>
      <c r="CX8" s="51" t="s">
        <v>43</v>
      </c>
      <c r="CY8" s="47" t="s">
        <v>44</v>
      </c>
      <c r="CZ8" s="48" t="s">
        <v>45</v>
      </c>
      <c r="DA8" s="52" t="s">
        <v>83</v>
      </c>
      <c r="DB8" s="47" t="s">
        <v>47</v>
      </c>
      <c r="DC8" s="47" t="s">
        <v>48</v>
      </c>
      <c r="DD8" s="47" t="s">
        <v>49</v>
      </c>
      <c r="DE8" s="47" t="s">
        <v>50</v>
      </c>
      <c r="DF8" s="47" t="s">
        <v>51</v>
      </c>
      <c r="DG8" s="48" t="s">
        <v>45</v>
      </c>
      <c r="DH8" s="713"/>
      <c r="DI8" s="51" t="s">
        <v>43</v>
      </c>
      <c r="DJ8" s="47" t="s">
        <v>44</v>
      </c>
      <c r="DK8" s="48" t="s">
        <v>45</v>
      </c>
      <c r="DL8" s="52" t="s">
        <v>83</v>
      </c>
      <c r="DM8" s="47" t="s">
        <v>47</v>
      </c>
      <c r="DN8" s="47" t="s">
        <v>48</v>
      </c>
      <c r="DO8" s="47" t="s">
        <v>49</v>
      </c>
      <c r="DP8" s="47" t="s">
        <v>50</v>
      </c>
      <c r="DQ8" s="47" t="s">
        <v>51</v>
      </c>
      <c r="DR8" s="48" t="s">
        <v>45</v>
      </c>
      <c r="DS8" s="713"/>
      <c r="DT8" s="51" t="s">
        <v>43</v>
      </c>
      <c r="DU8" s="47" t="s">
        <v>44</v>
      </c>
      <c r="DV8" s="326" t="s">
        <v>45</v>
      </c>
      <c r="DW8" s="52" t="s">
        <v>83</v>
      </c>
      <c r="DX8" s="47" t="s">
        <v>47</v>
      </c>
      <c r="DY8" s="47" t="s">
        <v>48</v>
      </c>
      <c r="DZ8" s="47" t="s">
        <v>49</v>
      </c>
      <c r="EA8" s="47" t="s">
        <v>50</v>
      </c>
      <c r="EB8" s="47" t="s">
        <v>51</v>
      </c>
      <c r="EC8" s="48" t="s">
        <v>45</v>
      </c>
      <c r="ED8" s="716"/>
      <c r="EE8" s="51" t="s">
        <v>43</v>
      </c>
      <c r="EF8" s="47" t="s">
        <v>44</v>
      </c>
      <c r="EG8" s="326" t="s">
        <v>45</v>
      </c>
      <c r="EH8" s="52" t="s">
        <v>83</v>
      </c>
      <c r="EI8" s="47" t="s">
        <v>47</v>
      </c>
      <c r="EJ8" s="47" t="s">
        <v>48</v>
      </c>
      <c r="EK8" s="47" t="s">
        <v>49</v>
      </c>
      <c r="EL8" s="47" t="s">
        <v>50</v>
      </c>
      <c r="EM8" s="47" t="s">
        <v>51</v>
      </c>
      <c r="EN8" s="48" t="s">
        <v>45</v>
      </c>
      <c r="EO8" s="716"/>
      <c r="EP8" s="51" t="s">
        <v>43</v>
      </c>
      <c r="EQ8" s="47" t="s">
        <v>44</v>
      </c>
      <c r="ER8" s="326" t="s">
        <v>45</v>
      </c>
      <c r="ES8" s="52" t="s">
        <v>83</v>
      </c>
      <c r="ET8" s="47" t="s">
        <v>47</v>
      </c>
      <c r="EU8" s="47" t="s">
        <v>48</v>
      </c>
      <c r="EV8" s="47" t="s">
        <v>49</v>
      </c>
      <c r="EW8" s="47" t="s">
        <v>50</v>
      </c>
      <c r="EX8" s="47" t="s">
        <v>51</v>
      </c>
      <c r="EY8" s="48" t="s">
        <v>45</v>
      </c>
      <c r="EZ8" s="716"/>
      <c r="FA8" s="51" t="s">
        <v>43</v>
      </c>
      <c r="FB8" s="47" t="s">
        <v>44</v>
      </c>
      <c r="FC8" s="326" t="s">
        <v>45</v>
      </c>
      <c r="FD8" s="52" t="s">
        <v>83</v>
      </c>
      <c r="FE8" s="47" t="s">
        <v>47</v>
      </c>
      <c r="FF8" s="47" t="s">
        <v>48</v>
      </c>
      <c r="FG8" s="47" t="s">
        <v>49</v>
      </c>
      <c r="FH8" s="47" t="s">
        <v>50</v>
      </c>
      <c r="FI8" s="47" t="s">
        <v>51</v>
      </c>
      <c r="FJ8" s="48" t="s">
        <v>45</v>
      </c>
      <c r="FK8" s="716"/>
      <c r="FL8" s="51" t="s">
        <v>43</v>
      </c>
      <c r="FM8" s="47" t="s">
        <v>44</v>
      </c>
      <c r="FN8" s="326" t="s">
        <v>45</v>
      </c>
      <c r="FO8" s="52" t="s">
        <v>83</v>
      </c>
      <c r="FP8" s="47" t="s">
        <v>47</v>
      </c>
      <c r="FQ8" s="47" t="s">
        <v>48</v>
      </c>
      <c r="FR8" s="47" t="s">
        <v>49</v>
      </c>
      <c r="FS8" s="47" t="s">
        <v>50</v>
      </c>
      <c r="FT8" s="47" t="s">
        <v>51</v>
      </c>
      <c r="FU8" s="48" t="s">
        <v>45</v>
      </c>
      <c r="FV8" s="728"/>
      <c r="FW8" s="51" t="s">
        <v>43</v>
      </c>
      <c r="FX8" s="47" t="s">
        <v>44</v>
      </c>
      <c r="FY8" s="326" t="s">
        <v>45</v>
      </c>
      <c r="FZ8" s="52" t="s">
        <v>83</v>
      </c>
      <c r="GA8" s="47" t="s">
        <v>47</v>
      </c>
      <c r="GB8" s="47" t="s">
        <v>48</v>
      </c>
      <c r="GC8" s="47" t="s">
        <v>49</v>
      </c>
      <c r="GD8" s="47" t="s">
        <v>50</v>
      </c>
      <c r="GE8" s="47" t="s">
        <v>51</v>
      </c>
      <c r="GF8" s="48" t="s">
        <v>45</v>
      </c>
      <c r="GG8" s="716"/>
      <c r="GH8" s="51" t="s">
        <v>43</v>
      </c>
      <c r="GI8" s="47" t="s">
        <v>44</v>
      </c>
      <c r="GJ8" s="326" t="s">
        <v>45</v>
      </c>
      <c r="GK8" s="52" t="s">
        <v>83</v>
      </c>
      <c r="GL8" s="47" t="s">
        <v>47</v>
      </c>
      <c r="GM8" s="47" t="s">
        <v>48</v>
      </c>
      <c r="GN8" s="47" t="s">
        <v>49</v>
      </c>
      <c r="GO8" s="47" t="s">
        <v>50</v>
      </c>
      <c r="GP8" s="47" t="s">
        <v>51</v>
      </c>
      <c r="GQ8" s="48" t="s">
        <v>45</v>
      </c>
      <c r="GR8" s="726"/>
      <c r="GS8" s="51" t="s">
        <v>43</v>
      </c>
      <c r="GT8" s="47" t="s">
        <v>44</v>
      </c>
      <c r="GU8" s="326" t="s">
        <v>45</v>
      </c>
      <c r="GV8" s="52" t="s">
        <v>83</v>
      </c>
      <c r="GW8" s="47" t="s">
        <v>47</v>
      </c>
      <c r="GX8" s="47" t="s">
        <v>48</v>
      </c>
      <c r="GY8" s="47" t="s">
        <v>49</v>
      </c>
      <c r="GZ8" s="47" t="s">
        <v>50</v>
      </c>
      <c r="HA8" s="47" t="s">
        <v>51</v>
      </c>
      <c r="HB8" s="48" t="s">
        <v>45</v>
      </c>
      <c r="HC8" s="726"/>
      <c r="HD8" s="51" t="s">
        <v>43</v>
      </c>
      <c r="HE8" s="47" t="s">
        <v>44</v>
      </c>
      <c r="HF8" s="326" t="s">
        <v>45</v>
      </c>
      <c r="HG8" s="52" t="s">
        <v>83</v>
      </c>
      <c r="HH8" s="47" t="s">
        <v>47</v>
      </c>
      <c r="HI8" s="47" t="s">
        <v>48</v>
      </c>
      <c r="HJ8" s="47" t="s">
        <v>49</v>
      </c>
      <c r="HK8" s="47" t="s">
        <v>50</v>
      </c>
      <c r="HL8" s="47" t="s">
        <v>51</v>
      </c>
      <c r="HM8" s="48" t="s">
        <v>45</v>
      </c>
      <c r="HN8" s="716"/>
      <c r="HO8" s="51" t="s">
        <v>43</v>
      </c>
      <c r="HP8" s="47" t="s">
        <v>44</v>
      </c>
      <c r="HQ8" s="326" t="s">
        <v>45</v>
      </c>
      <c r="HR8" s="52" t="s">
        <v>83</v>
      </c>
      <c r="HS8" s="47" t="s">
        <v>47</v>
      </c>
      <c r="HT8" s="47" t="s">
        <v>48</v>
      </c>
      <c r="HU8" s="47" t="s">
        <v>49</v>
      </c>
      <c r="HV8" s="47" t="s">
        <v>50</v>
      </c>
      <c r="HW8" s="47" t="s">
        <v>51</v>
      </c>
      <c r="HX8" s="48" t="s">
        <v>45</v>
      </c>
      <c r="HY8" s="716"/>
      <c r="HZ8" s="368" t="s">
        <v>43</v>
      </c>
      <c r="IA8" s="369" t="s">
        <v>44</v>
      </c>
      <c r="IB8" s="41" t="s">
        <v>45</v>
      </c>
      <c r="IC8" s="42" t="s">
        <v>83</v>
      </c>
      <c r="ID8" s="369" t="s">
        <v>47</v>
      </c>
      <c r="IE8" s="369" t="s">
        <v>48</v>
      </c>
      <c r="IF8" s="369" t="s">
        <v>49</v>
      </c>
      <c r="IG8" s="369" t="s">
        <v>50</v>
      </c>
      <c r="IH8" s="369" t="s">
        <v>51</v>
      </c>
      <c r="II8" s="17" t="s">
        <v>45</v>
      </c>
      <c r="IJ8" s="651"/>
      <c r="IK8" s="368" t="s">
        <v>43</v>
      </c>
      <c r="IL8" s="369" t="s">
        <v>44</v>
      </c>
      <c r="IM8" s="41" t="s">
        <v>45</v>
      </c>
      <c r="IN8" s="42" t="s">
        <v>83</v>
      </c>
      <c r="IO8" s="59" t="s">
        <v>47</v>
      </c>
      <c r="IP8" s="59" t="s">
        <v>48</v>
      </c>
      <c r="IQ8" s="59" t="s">
        <v>49</v>
      </c>
      <c r="IR8" s="59" t="s">
        <v>50</v>
      </c>
      <c r="IS8" s="59" t="s">
        <v>51</v>
      </c>
      <c r="IT8" s="64" t="s">
        <v>45</v>
      </c>
      <c r="IU8" s="650"/>
      <c r="IV8" s="61" t="s">
        <v>43</v>
      </c>
      <c r="IW8" s="59" t="s">
        <v>44</v>
      </c>
      <c r="IX8" s="64" t="s">
        <v>45</v>
      </c>
      <c r="IY8" s="33" t="s">
        <v>83</v>
      </c>
      <c r="IZ8" s="59" t="s">
        <v>47</v>
      </c>
      <c r="JA8" s="59" t="s">
        <v>48</v>
      </c>
      <c r="JB8" s="59" t="s">
        <v>49</v>
      </c>
      <c r="JC8" s="59" t="s">
        <v>50</v>
      </c>
      <c r="JD8" s="59" t="s">
        <v>51</v>
      </c>
      <c r="JE8" s="64" t="s">
        <v>45</v>
      </c>
      <c r="JF8" s="650"/>
      <c r="JG8" s="61" t="s">
        <v>43</v>
      </c>
      <c r="JH8" s="59" t="s">
        <v>44</v>
      </c>
      <c r="JI8" s="60" t="s">
        <v>45</v>
      </c>
      <c r="JJ8" s="33" t="s">
        <v>83</v>
      </c>
      <c r="JK8" s="59" t="s">
        <v>47</v>
      </c>
      <c r="JL8" s="59" t="s">
        <v>48</v>
      </c>
      <c r="JM8" s="59" t="s">
        <v>49</v>
      </c>
      <c r="JN8" s="59" t="s">
        <v>50</v>
      </c>
      <c r="JO8" s="59" t="s">
        <v>51</v>
      </c>
      <c r="JP8" s="64" t="s">
        <v>45</v>
      </c>
      <c r="JQ8" s="610"/>
      <c r="JR8" s="61" t="s">
        <v>43</v>
      </c>
      <c r="JS8" s="59" t="s">
        <v>44</v>
      </c>
      <c r="JT8" s="60" t="s">
        <v>45</v>
      </c>
      <c r="JU8" s="33" t="s">
        <v>83</v>
      </c>
      <c r="JV8" s="59" t="s">
        <v>47</v>
      </c>
      <c r="JW8" s="59" t="s">
        <v>48</v>
      </c>
      <c r="JX8" s="59" t="s">
        <v>49</v>
      </c>
      <c r="JY8" s="59" t="s">
        <v>50</v>
      </c>
      <c r="JZ8" s="59" t="s">
        <v>51</v>
      </c>
      <c r="KA8" s="64" t="s">
        <v>45</v>
      </c>
      <c r="KB8" s="610"/>
      <c r="KC8" s="61" t="s">
        <v>43</v>
      </c>
      <c r="KD8" s="59" t="s">
        <v>44</v>
      </c>
      <c r="KE8" s="60" t="s">
        <v>45</v>
      </c>
      <c r="KF8" s="33" t="s">
        <v>83</v>
      </c>
      <c r="KG8" s="59" t="s">
        <v>47</v>
      </c>
      <c r="KH8" s="59" t="s">
        <v>48</v>
      </c>
      <c r="KI8" s="59" t="s">
        <v>49</v>
      </c>
      <c r="KJ8" s="59" t="s">
        <v>50</v>
      </c>
      <c r="KK8" s="59" t="s">
        <v>51</v>
      </c>
      <c r="KL8" s="64" t="s">
        <v>45</v>
      </c>
      <c r="KM8" s="610"/>
      <c r="KN8" s="61" t="s">
        <v>43</v>
      </c>
      <c r="KO8" s="59" t="s">
        <v>44</v>
      </c>
      <c r="KP8" s="60" t="s">
        <v>45</v>
      </c>
      <c r="KQ8" s="42" t="s">
        <v>83</v>
      </c>
      <c r="KR8" s="59" t="s">
        <v>47</v>
      </c>
      <c r="KS8" s="59" t="s">
        <v>48</v>
      </c>
      <c r="KT8" s="59" t="s">
        <v>49</v>
      </c>
      <c r="KU8" s="59" t="s">
        <v>50</v>
      </c>
      <c r="KV8" s="59" t="s">
        <v>51</v>
      </c>
      <c r="KW8" s="64" t="s">
        <v>45</v>
      </c>
      <c r="KX8" s="610"/>
      <c r="KY8" s="61" t="s">
        <v>43</v>
      </c>
      <c r="KZ8" s="59" t="s">
        <v>44</v>
      </c>
      <c r="LA8" s="60" t="s">
        <v>45</v>
      </c>
      <c r="LB8" s="42" t="s">
        <v>83</v>
      </c>
      <c r="LC8" s="59" t="s">
        <v>47</v>
      </c>
      <c r="LD8" s="59" t="s">
        <v>48</v>
      </c>
      <c r="LE8" s="59" t="s">
        <v>49</v>
      </c>
      <c r="LF8" s="59" t="s">
        <v>50</v>
      </c>
      <c r="LG8" s="59" t="s">
        <v>51</v>
      </c>
      <c r="LH8" s="64" t="s">
        <v>45</v>
      </c>
      <c r="LI8" s="610"/>
      <c r="LJ8" s="61" t="s">
        <v>43</v>
      </c>
      <c r="LK8" s="59" t="s">
        <v>44</v>
      </c>
      <c r="LL8" s="60" t="s">
        <v>45</v>
      </c>
      <c r="LM8" s="42" t="s">
        <v>83</v>
      </c>
      <c r="LN8" s="59" t="s">
        <v>47</v>
      </c>
      <c r="LO8" s="59" t="s">
        <v>48</v>
      </c>
      <c r="LP8" s="59" t="s">
        <v>49</v>
      </c>
      <c r="LQ8" s="59" t="s">
        <v>50</v>
      </c>
      <c r="LR8" s="59" t="s">
        <v>51</v>
      </c>
      <c r="LS8" s="64" t="s">
        <v>45</v>
      </c>
      <c r="LT8" s="610"/>
      <c r="LU8" s="61" t="s">
        <v>43</v>
      </c>
      <c r="LV8" s="59" t="s">
        <v>44</v>
      </c>
      <c r="LW8" s="60" t="s">
        <v>45</v>
      </c>
      <c r="LX8" s="42" t="s">
        <v>83</v>
      </c>
      <c r="LY8" s="59" t="s">
        <v>47</v>
      </c>
      <c r="LZ8" s="59" t="s">
        <v>48</v>
      </c>
      <c r="MA8" s="59" t="s">
        <v>49</v>
      </c>
      <c r="MB8" s="59" t="s">
        <v>50</v>
      </c>
      <c r="MC8" s="59" t="s">
        <v>51</v>
      </c>
      <c r="MD8" s="64" t="s">
        <v>45</v>
      </c>
      <c r="ME8" s="610"/>
      <c r="MF8" s="61" t="s">
        <v>43</v>
      </c>
      <c r="MG8" s="59" t="s">
        <v>44</v>
      </c>
      <c r="MH8" s="60" t="s">
        <v>45</v>
      </c>
      <c r="MI8" s="42" t="s">
        <v>83</v>
      </c>
      <c r="MJ8" s="59" t="s">
        <v>47</v>
      </c>
      <c r="MK8" s="59" t="s">
        <v>48</v>
      </c>
      <c r="ML8" s="59" t="s">
        <v>49</v>
      </c>
      <c r="MM8" s="59" t="s">
        <v>50</v>
      </c>
      <c r="MN8" s="59" t="s">
        <v>51</v>
      </c>
      <c r="MO8" s="64" t="s">
        <v>45</v>
      </c>
      <c r="MP8" s="610"/>
      <c r="MQ8" s="61" t="s">
        <v>43</v>
      </c>
      <c r="MR8" s="59" t="s">
        <v>44</v>
      </c>
      <c r="MS8" s="60" t="s">
        <v>45</v>
      </c>
      <c r="MT8" s="42" t="s">
        <v>83</v>
      </c>
      <c r="MU8" s="59" t="s">
        <v>47</v>
      </c>
      <c r="MV8" s="59" t="s">
        <v>48</v>
      </c>
      <c r="MW8" s="59" t="s">
        <v>49</v>
      </c>
      <c r="MX8" s="59" t="s">
        <v>50</v>
      </c>
      <c r="MY8" s="59" t="s">
        <v>51</v>
      </c>
      <c r="MZ8" s="64" t="s">
        <v>45</v>
      </c>
      <c r="NA8" s="610"/>
      <c r="NB8" s="61" t="s">
        <v>43</v>
      </c>
      <c r="NC8" s="59" t="s">
        <v>44</v>
      </c>
      <c r="ND8" s="60" t="s">
        <v>45</v>
      </c>
      <c r="NE8" s="42" t="s">
        <v>83</v>
      </c>
      <c r="NF8" s="59" t="s">
        <v>47</v>
      </c>
      <c r="NG8" s="59" t="s">
        <v>48</v>
      </c>
      <c r="NH8" s="59" t="s">
        <v>49</v>
      </c>
      <c r="NI8" s="59" t="s">
        <v>50</v>
      </c>
      <c r="NJ8" s="59" t="s">
        <v>51</v>
      </c>
      <c r="NK8" s="64" t="s">
        <v>45</v>
      </c>
      <c r="NL8" s="610"/>
      <c r="NM8" s="61" t="s">
        <v>43</v>
      </c>
      <c r="NN8" s="59" t="s">
        <v>44</v>
      </c>
      <c r="NO8" s="60" t="s">
        <v>45</v>
      </c>
      <c r="NP8" s="42" t="s">
        <v>83</v>
      </c>
      <c r="NQ8" s="59" t="s">
        <v>47</v>
      </c>
      <c r="NR8" s="59" t="s">
        <v>48</v>
      </c>
      <c r="NS8" s="59" t="s">
        <v>49</v>
      </c>
      <c r="NT8" s="59" t="s">
        <v>50</v>
      </c>
      <c r="NU8" s="59" t="s">
        <v>51</v>
      </c>
      <c r="NV8" s="64" t="s">
        <v>45</v>
      </c>
      <c r="NW8" s="610"/>
      <c r="NX8" s="61" t="s">
        <v>43</v>
      </c>
      <c r="NY8" s="59" t="s">
        <v>44</v>
      </c>
      <c r="NZ8" s="60" t="s">
        <v>45</v>
      </c>
      <c r="OA8" s="42" t="s">
        <v>83</v>
      </c>
      <c r="OB8" s="59" t="s">
        <v>47</v>
      </c>
      <c r="OC8" s="59" t="s">
        <v>48</v>
      </c>
      <c r="OD8" s="59" t="s">
        <v>49</v>
      </c>
      <c r="OE8" s="59" t="s">
        <v>50</v>
      </c>
      <c r="OF8" s="59" t="s">
        <v>51</v>
      </c>
      <c r="OG8" s="64" t="s">
        <v>45</v>
      </c>
      <c r="OH8" s="610"/>
      <c r="OI8" s="61" t="s">
        <v>43</v>
      </c>
      <c r="OJ8" s="59" t="s">
        <v>44</v>
      </c>
      <c r="OK8" s="60" t="s">
        <v>45</v>
      </c>
      <c r="OL8" s="33" t="s">
        <v>83</v>
      </c>
      <c r="OM8" s="59" t="s">
        <v>47</v>
      </c>
      <c r="ON8" s="59" t="s">
        <v>48</v>
      </c>
      <c r="OO8" s="59" t="s">
        <v>49</v>
      </c>
      <c r="OP8" s="59" t="s">
        <v>50</v>
      </c>
      <c r="OQ8" s="59" t="s">
        <v>51</v>
      </c>
      <c r="OR8" s="64" t="s">
        <v>45</v>
      </c>
      <c r="OS8" s="610"/>
    </row>
    <row r="9" spans="1:409" s="473" customFormat="1" ht="21" customHeight="1" x14ac:dyDescent="0.2">
      <c r="A9" s="44"/>
      <c r="B9" s="467" t="s">
        <v>4</v>
      </c>
      <c r="C9" s="387">
        <v>24832023</v>
      </c>
      <c r="D9" s="388">
        <v>39981246</v>
      </c>
      <c r="E9" s="389">
        <v>64813269</v>
      </c>
      <c r="F9" s="390">
        <v>0</v>
      </c>
      <c r="G9" s="388">
        <v>245852370</v>
      </c>
      <c r="H9" s="388">
        <v>318369832</v>
      </c>
      <c r="I9" s="388">
        <v>284855998</v>
      </c>
      <c r="J9" s="388">
        <v>313473075</v>
      </c>
      <c r="K9" s="388">
        <v>219873620</v>
      </c>
      <c r="L9" s="391">
        <v>1382424895</v>
      </c>
      <c r="M9" s="392">
        <v>1447238164</v>
      </c>
      <c r="N9" s="387">
        <v>7304962</v>
      </c>
      <c r="O9" s="388">
        <v>13767183</v>
      </c>
      <c r="P9" s="393">
        <v>21072145</v>
      </c>
      <c r="Q9" s="387">
        <v>0</v>
      </c>
      <c r="R9" s="388">
        <v>76428608</v>
      </c>
      <c r="S9" s="388">
        <v>109366434</v>
      </c>
      <c r="T9" s="388">
        <v>95717595</v>
      </c>
      <c r="U9" s="388">
        <v>110730299</v>
      </c>
      <c r="V9" s="388">
        <v>101443228</v>
      </c>
      <c r="W9" s="393">
        <v>493686164</v>
      </c>
      <c r="X9" s="392">
        <v>514758309</v>
      </c>
      <c r="Y9" s="387">
        <v>0</v>
      </c>
      <c r="Z9" s="388">
        <v>0</v>
      </c>
      <c r="AA9" s="393">
        <v>0</v>
      </c>
      <c r="AB9" s="394">
        <v>0</v>
      </c>
      <c r="AC9" s="395">
        <v>30577322</v>
      </c>
      <c r="AD9" s="395">
        <v>44361322</v>
      </c>
      <c r="AE9" s="395">
        <v>47128737</v>
      </c>
      <c r="AF9" s="395">
        <v>57887896</v>
      </c>
      <c r="AG9" s="395">
        <v>54934039</v>
      </c>
      <c r="AH9" s="393">
        <v>234889316</v>
      </c>
      <c r="AI9" s="392">
        <v>234889316</v>
      </c>
      <c r="AJ9" s="396">
        <v>28753</v>
      </c>
      <c r="AK9" s="395">
        <v>35946</v>
      </c>
      <c r="AL9" s="393">
        <v>64699</v>
      </c>
      <c r="AM9" s="394">
        <v>0</v>
      </c>
      <c r="AN9" s="395">
        <v>633795</v>
      </c>
      <c r="AO9" s="391">
        <v>1330489</v>
      </c>
      <c r="AP9" s="395">
        <v>3137388</v>
      </c>
      <c r="AQ9" s="395">
        <v>7350327</v>
      </c>
      <c r="AR9" s="395">
        <v>11944663</v>
      </c>
      <c r="AS9" s="393">
        <v>24396662</v>
      </c>
      <c r="AT9" s="392">
        <v>24461361</v>
      </c>
      <c r="AU9" s="396">
        <v>3937703</v>
      </c>
      <c r="AV9" s="395">
        <v>9234771</v>
      </c>
      <c r="AW9" s="393">
        <v>13172474</v>
      </c>
      <c r="AX9" s="394">
        <v>0</v>
      </c>
      <c r="AY9" s="395">
        <v>28390412</v>
      </c>
      <c r="AZ9" s="395">
        <v>42837656</v>
      </c>
      <c r="BA9" s="395">
        <v>27584342</v>
      </c>
      <c r="BB9" s="395">
        <v>25686041</v>
      </c>
      <c r="BC9" s="395">
        <v>21145244</v>
      </c>
      <c r="BD9" s="393">
        <v>145643695</v>
      </c>
      <c r="BE9" s="397">
        <v>158816169</v>
      </c>
      <c r="BF9" s="396">
        <v>439162</v>
      </c>
      <c r="BG9" s="391">
        <v>1455316</v>
      </c>
      <c r="BH9" s="398">
        <v>1894478</v>
      </c>
      <c r="BI9" s="394">
        <v>0</v>
      </c>
      <c r="BJ9" s="395">
        <v>2872784</v>
      </c>
      <c r="BK9" s="395">
        <v>4031647</v>
      </c>
      <c r="BL9" s="395">
        <v>2739695</v>
      </c>
      <c r="BM9" s="395">
        <v>2761329</v>
      </c>
      <c r="BN9" s="395">
        <v>1530419</v>
      </c>
      <c r="BO9" s="393">
        <v>13935874</v>
      </c>
      <c r="BP9" s="392">
        <v>15830352</v>
      </c>
      <c r="BQ9" s="396">
        <v>2899344</v>
      </c>
      <c r="BR9" s="395">
        <v>3041150</v>
      </c>
      <c r="BS9" s="393">
        <v>5940494</v>
      </c>
      <c r="BT9" s="394">
        <v>0</v>
      </c>
      <c r="BU9" s="395">
        <v>13954295</v>
      </c>
      <c r="BV9" s="395">
        <v>16805320</v>
      </c>
      <c r="BW9" s="395">
        <v>15127433</v>
      </c>
      <c r="BX9" s="395">
        <v>17044706</v>
      </c>
      <c r="BY9" s="395">
        <v>11888863</v>
      </c>
      <c r="BZ9" s="393">
        <v>74820617</v>
      </c>
      <c r="CA9" s="392">
        <v>80761111</v>
      </c>
      <c r="CB9" s="396">
        <v>2133336</v>
      </c>
      <c r="CC9" s="395">
        <v>5366756</v>
      </c>
      <c r="CD9" s="393">
        <v>7500092</v>
      </c>
      <c r="CE9" s="394">
        <v>0</v>
      </c>
      <c r="CF9" s="395">
        <v>59548312</v>
      </c>
      <c r="CG9" s="395">
        <v>71951237</v>
      </c>
      <c r="CH9" s="399">
        <v>50663482</v>
      </c>
      <c r="CI9" s="395">
        <v>36328609</v>
      </c>
      <c r="CJ9" s="395">
        <v>16464930</v>
      </c>
      <c r="CK9" s="393">
        <v>234956570</v>
      </c>
      <c r="CL9" s="392">
        <v>242456662</v>
      </c>
      <c r="CM9" s="387">
        <v>0</v>
      </c>
      <c r="CN9" s="388">
        <v>0</v>
      </c>
      <c r="CO9" s="393">
        <v>0</v>
      </c>
      <c r="CP9" s="394">
        <v>0</v>
      </c>
      <c r="CQ9" s="395">
        <v>48527501</v>
      </c>
      <c r="CR9" s="395">
        <v>53466027</v>
      </c>
      <c r="CS9" s="395">
        <v>34852755</v>
      </c>
      <c r="CT9" s="395">
        <v>23800402</v>
      </c>
      <c r="CU9" s="395">
        <v>11105260</v>
      </c>
      <c r="CV9" s="400">
        <v>171751945</v>
      </c>
      <c r="CW9" s="392">
        <v>171751945</v>
      </c>
      <c r="CX9" s="396">
        <v>2133336</v>
      </c>
      <c r="CY9" s="395">
        <v>5366756</v>
      </c>
      <c r="CZ9" s="393">
        <v>7500092</v>
      </c>
      <c r="DA9" s="394">
        <v>0</v>
      </c>
      <c r="DB9" s="395">
        <v>11020811</v>
      </c>
      <c r="DC9" s="395">
        <v>18485210</v>
      </c>
      <c r="DD9" s="395">
        <v>15810727</v>
      </c>
      <c r="DE9" s="395">
        <v>12528207</v>
      </c>
      <c r="DF9" s="395">
        <v>5359670</v>
      </c>
      <c r="DG9" s="393">
        <v>63204625</v>
      </c>
      <c r="DH9" s="392">
        <v>70704717</v>
      </c>
      <c r="DI9" s="396">
        <v>77485</v>
      </c>
      <c r="DJ9" s="395">
        <v>495404</v>
      </c>
      <c r="DK9" s="398">
        <v>572889</v>
      </c>
      <c r="DL9" s="394">
        <v>0</v>
      </c>
      <c r="DM9" s="395">
        <v>7188113</v>
      </c>
      <c r="DN9" s="395">
        <v>13057154</v>
      </c>
      <c r="DO9" s="395">
        <v>23167850</v>
      </c>
      <c r="DP9" s="395">
        <v>20085543</v>
      </c>
      <c r="DQ9" s="395">
        <v>12004219</v>
      </c>
      <c r="DR9" s="401">
        <v>75502879</v>
      </c>
      <c r="DS9" s="392">
        <v>76075768</v>
      </c>
      <c r="DT9" s="396">
        <v>77485</v>
      </c>
      <c r="DU9" s="395">
        <v>342461</v>
      </c>
      <c r="DV9" s="393">
        <v>419946</v>
      </c>
      <c r="DW9" s="394">
        <v>0</v>
      </c>
      <c r="DX9" s="395">
        <v>6512005</v>
      </c>
      <c r="DY9" s="395">
        <v>11141006</v>
      </c>
      <c r="DZ9" s="395">
        <v>20403361</v>
      </c>
      <c r="EA9" s="395">
        <v>17319161</v>
      </c>
      <c r="EB9" s="395">
        <v>9153190</v>
      </c>
      <c r="EC9" s="393">
        <v>64528723</v>
      </c>
      <c r="ED9" s="392">
        <v>64948669</v>
      </c>
      <c r="EE9" s="396">
        <v>0</v>
      </c>
      <c r="EF9" s="391">
        <v>152943</v>
      </c>
      <c r="EG9" s="393">
        <v>152943</v>
      </c>
      <c r="EH9" s="397">
        <v>0</v>
      </c>
      <c r="EI9" s="395">
        <v>676108</v>
      </c>
      <c r="EJ9" s="395">
        <v>1916148</v>
      </c>
      <c r="EK9" s="395">
        <v>2764489</v>
      </c>
      <c r="EL9" s="395">
        <v>2766382</v>
      </c>
      <c r="EM9" s="399">
        <v>2851029</v>
      </c>
      <c r="EN9" s="391">
        <v>10974156</v>
      </c>
      <c r="EO9" s="392">
        <v>11127099</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4979144</v>
      </c>
      <c r="FM9" s="395">
        <v>7899273</v>
      </c>
      <c r="FN9" s="393">
        <v>12878417</v>
      </c>
      <c r="FO9" s="394">
        <v>0</v>
      </c>
      <c r="FP9" s="395">
        <v>12756711</v>
      </c>
      <c r="FQ9" s="395">
        <v>29272438</v>
      </c>
      <c r="FR9" s="395">
        <v>22410319</v>
      </c>
      <c r="FS9" s="395">
        <v>21155990</v>
      </c>
      <c r="FT9" s="395">
        <v>15432914</v>
      </c>
      <c r="FU9" s="393">
        <v>101028372</v>
      </c>
      <c r="FV9" s="392">
        <v>113906789</v>
      </c>
      <c r="FW9" s="396">
        <v>2368810</v>
      </c>
      <c r="FX9" s="395">
        <v>5592766</v>
      </c>
      <c r="FY9" s="391">
        <v>7961576</v>
      </c>
      <c r="FZ9" s="397">
        <v>0</v>
      </c>
      <c r="GA9" s="395">
        <v>9040633</v>
      </c>
      <c r="GB9" s="403">
        <v>26502803</v>
      </c>
      <c r="GC9" s="395">
        <v>20532166</v>
      </c>
      <c r="GD9" s="403">
        <v>19891048</v>
      </c>
      <c r="GE9" s="395">
        <v>14602805</v>
      </c>
      <c r="GF9" s="400">
        <v>90569455</v>
      </c>
      <c r="GG9" s="404">
        <v>98531031</v>
      </c>
      <c r="GH9" s="405">
        <v>305683</v>
      </c>
      <c r="GI9" s="395">
        <v>486008</v>
      </c>
      <c r="GJ9" s="403">
        <v>791691</v>
      </c>
      <c r="GK9" s="390">
        <v>0</v>
      </c>
      <c r="GL9" s="395">
        <v>716780</v>
      </c>
      <c r="GM9" s="391">
        <v>920198</v>
      </c>
      <c r="GN9" s="395">
        <v>900085</v>
      </c>
      <c r="GO9" s="391">
        <v>761432</v>
      </c>
      <c r="GP9" s="395">
        <v>431459</v>
      </c>
      <c r="GQ9" s="401">
        <v>3729954</v>
      </c>
      <c r="GR9" s="392">
        <v>4521645</v>
      </c>
      <c r="GS9" s="391">
        <v>2304651</v>
      </c>
      <c r="GT9" s="395">
        <v>1820499</v>
      </c>
      <c r="GU9" s="393">
        <v>4125150</v>
      </c>
      <c r="GV9" s="391">
        <v>0</v>
      </c>
      <c r="GW9" s="395">
        <v>2999298</v>
      </c>
      <c r="GX9" s="391">
        <v>1849437</v>
      </c>
      <c r="GY9" s="395">
        <v>978068</v>
      </c>
      <c r="GZ9" s="391">
        <v>503510</v>
      </c>
      <c r="HA9" s="395">
        <v>398650</v>
      </c>
      <c r="HB9" s="391">
        <v>6728963</v>
      </c>
      <c r="HC9" s="392">
        <v>10854113</v>
      </c>
      <c r="HD9" s="391">
        <v>10337096</v>
      </c>
      <c r="HE9" s="395">
        <v>12452630</v>
      </c>
      <c r="HF9" s="391">
        <v>22789726</v>
      </c>
      <c r="HG9" s="397">
        <v>0</v>
      </c>
      <c r="HH9" s="395">
        <v>89930626</v>
      </c>
      <c r="HI9" s="403">
        <v>94722569</v>
      </c>
      <c r="HJ9" s="395">
        <v>92896752</v>
      </c>
      <c r="HK9" s="403">
        <v>125172634</v>
      </c>
      <c r="HL9" s="395">
        <v>74528329</v>
      </c>
      <c r="HM9" s="400">
        <v>477250910</v>
      </c>
      <c r="HN9" s="391">
        <v>500040636</v>
      </c>
      <c r="HO9" s="468"/>
      <c r="HP9" s="469"/>
      <c r="HQ9" s="470"/>
      <c r="HR9" s="471"/>
      <c r="HS9" s="469"/>
      <c r="HT9" s="471"/>
      <c r="HU9" s="469"/>
      <c r="HV9" s="471"/>
      <c r="HW9" s="469"/>
      <c r="HX9" s="471"/>
      <c r="HY9" s="472"/>
      <c r="HZ9" s="406">
        <v>322376</v>
      </c>
      <c r="IA9" s="407">
        <v>1420603</v>
      </c>
      <c r="IB9" s="408">
        <v>1742979</v>
      </c>
      <c r="IC9" s="409">
        <v>0</v>
      </c>
      <c r="ID9" s="407">
        <v>50091052</v>
      </c>
      <c r="IE9" s="410">
        <v>66141560</v>
      </c>
      <c r="IF9" s="411">
        <v>77098886</v>
      </c>
      <c r="IG9" s="407">
        <v>59591543</v>
      </c>
      <c r="IH9" s="411">
        <v>42494707</v>
      </c>
      <c r="II9" s="412">
        <v>295417748</v>
      </c>
      <c r="IJ9" s="413">
        <v>297160727</v>
      </c>
      <c r="IK9" s="414">
        <v>0</v>
      </c>
      <c r="IL9" s="415">
        <v>0</v>
      </c>
      <c r="IM9" s="416">
        <v>0</v>
      </c>
      <c r="IN9" s="417"/>
      <c r="IO9" s="418">
        <v>1720190</v>
      </c>
      <c r="IP9" s="418">
        <v>3402205</v>
      </c>
      <c r="IQ9" s="418">
        <v>3514487</v>
      </c>
      <c r="IR9" s="418">
        <v>5512567</v>
      </c>
      <c r="IS9" s="418">
        <v>4612389</v>
      </c>
      <c r="IT9" s="419">
        <v>18761838</v>
      </c>
      <c r="IU9" s="420">
        <v>18761838</v>
      </c>
      <c r="IV9" s="421">
        <v>0</v>
      </c>
      <c r="IW9" s="418">
        <v>0</v>
      </c>
      <c r="IX9" s="422">
        <v>0</v>
      </c>
      <c r="IY9" s="423"/>
      <c r="IZ9" s="418">
        <v>144856</v>
      </c>
      <c r="JA9" s="418">
        <v>545290</v>
      </c>
      <c r="JB9" s="418">
        <v>851501</v>
      </c>
      <c r="JC9" s="418">
        <v>670406</v>
      </c>
      <c r="JD9" s="418">
        <v>1227959</v>
      </c>
      <c r="JE9" s="422">
        <v>3440012</v>
      </c>
      <c r="JF9" s="424">
        <v>3440012</v>
      </c>
      <c r="JG9" s="421">
        <v>0</v>
      </c>
      <c r="JH9" s="418">
        <v>0</v>
      </c>
      <c r="JI9" s="419">
        <v>0</v>
      </c>
      <c r="JJ9" s="425">
        <v>0</v>
      </c>
      <c r="JK9" s="418">
        <v>22518617</v>
      </c>
      <c r="JL9" s="418">
        <v>23071212</v>
      </c>
      <c r="JM9" s="418">
        <v>18637516</v>
      </c>
      <c r="JN9" s="418">
        <v>10325151</v>
      </c>
      <c r="JO9" s="418">
        <v>3585980</v>
      </c>
      <c r="JP9" s="422">
        <v>78138476</v>
      </c>
      <c r="JQ9" s="420">
        <v>78138476</v>
      </c>
      <c r="JR9" s="421">
        <v>16374</v>
      </c>
      <c r="JS9" s="418">
        <v>0</v>
      </c>
      <c r="JT9" s="419">
        <v>16374</v>
      </c>
      <c r="JU9" s="425">
        <v>0</v>
      </c>
      <c r="JV9" s="418">
        <v>3477034</v>
      </c>
      <c r="JW9" s="418">
        <v>5159645</v>
      </c>
      <c r="JX9" s="418">
        <v>6612970</v>
      </c>
      <c r="JY9" s="418">
        <v>2834587</v>
      </c>
      <c r="JZ9" s="418">
        <v>2591796</v>
      </c>
      <c r="KA9" s="422">
        <v>20676032</v>
      </c>
      <c r="KB9" s="420">
        <v>20692406</v>
      </c>
      <c r="KC9" s="426">
        <v>306002</v>
      </c>
      <c r="KD9" s="427">
        <v>1420603</v>
      </c>
      <c r="KE9" s="422">
        <v>1726605</v>
      </c>
      <c r="KF9" s="425">
        <v>0</v>
      </c>
      <c r="KG9" s="418">
        <v>6919820</v>
      </c>
      <c r="KH9" s="418">
        <v>7228122</v>
      </c>
      <c r="KI9" s="418">
        <v>9820624</v>
      </c>
      <c r="KJ9" s="418">
        <v>8876023</v>
      </c>
      <c r="KK9" s="418">
        <v>4426319</v>
      </c>
      <c r="KL9" s="422">
        <v>37270908</v>
      </c>
      <c r="KM9" s="428">
        <v>38997513</v>
      </c>
      <c r="KN9" s="414">
        <v>0</v>
      </c>
      <c r="KO9" s="415">
        <v>0</v>
      </c>
      <c r="KP9" s="416">
        <v>0</v>
      </c>
      <c r="KQ9" s="417"/>
      <c r="KR9" s="418">
        <v>13427506</v>
      </c>
      <c r="KS9" s="418">
        <v>22874664</v>
      </c>
      <c r="KT9" s="418">
        <v>30498109</v>
      </c>
      <c r="KU9" s="418">
        <v>22780029</v>
      </c>
      <c r="KV9" s="418">
        <v>13636453</v>
      </c>
      <c r="KW9" s="422">
        <v>103216761</v>
      </c>
      <c r="KX9" s="420">
        <v>103216761</v>
      </c>
      <c r="KY9" s="421">
        <v>0</v>
      </c>
      <c r="KZ9" s="418">
        <v>0</v>
      </c>
      <c r="LA9" s="422">
        <v>0</v>
      </c>
      <c r="LB9" s="429"/>
      <c r="LC9" s="418">
        <v>444012</v>
      </c>
      <c r="LD9" s="418">
        <v>1107965</v>
      </c>
      <c r="LE9" s="418">
        <v>813597</v>
      </c>
      <c r="LF9" s="418">
        <v>967356</v>
      </c>
      <c r="LG9" s="418">
        <v>936927</v>
      </c>
      <c r="LH9" s="422">
        <v>4269857</v>
      </c>
      <c r="LI9" s="424">
        <v>4269857</v>
      </c>
      <c r="LJ9" s="421">
        <v>0</v>
      </c>
      <c r="LK9" s="418">
        <v>0</v>
      </c>
      <c r="LL9" s="422">
        <v>0</v>
      </c>
      <c r="LM9" s="429"/>
      <c r="LN9" s="418">
        <v>198517</v>
      </c>
      <c r="LO9" s="418">
        <v>560787</v>
      </c>
      <c r="LP9" s="418">
        <v>3028269</v>
      </c>
      <c r="LQ9" s="418">
        <v>3592531</v>
      </c>
      <c r="LR9" s="418">
        <v>2155483</v>
      </c>
      <c r="LS9" s="422">
        <v>9535587</v>
      </c>
      <c r="LT9" s="420">
        <v>9535587</v>
      </c>
      <c r="LU9" s="421">
        <v>0</v>
      </c>
      <c r="LV9" s="418">
        <v>0</v>
      </c>
      <c r="LW9" s="422">
        <v>0</v>
      </c>
      <c r="LX9" s="429"/>
      <c r="LY9" s="418">
        <v>1240500</v>
      </c>
      <c r="LZ9" s="418">
        <v>2191670</v>
      </c>
      <c r="MA9" s="418">
        <v>3321813</v>
      </c>
      <c r="MB9" s="418">
        <v>4032893</v>
      </c>
      <c r="MC9" s="418">
        <v>9321401</v>
      </c>
      <c r="MD9" s="422">
        <v>20108277</v>
      </c>
      <c r="ME9" s="424">
        <v>20108277</v>
      </c>
      <c r="MF9" s="421">
        <v>0</v>
      </c>
      <c r="MG9" s="418">
        <v>0</v>
      </c>
      <c r="MH9" s="422">
        <v>0</v>
      </c>
      <c r="MI9" s="429"/>
      <c r="MJ9" s="418">
        <v>10860834</v>
      </c>
      <c r="MK9" s="418">
        <v>31989103</v>
      </c>
      <c r="ML9" s="418">
        <v>95186753</v>
      </c>
      <c r="MM9" s="418">
        <v>160322055</v>
      </c>
      <c r="MN9" s="418">
        <v>116858478</v>
      </c>
      <c r="MO9" s="422">
        <v>415217223</v>
      </c>
      <c r="MP9" s="428">
        <v>415217223</v>
      </c>
      <c r="MQ9" s="421">
        <v>0</v>
      </c>
      <c r="MR9" s="418">
        <v>0</v>
      </c>
      <c r="MS9" s="422">
        <v>0</v>
      </c>
      <c r="MT9" s="429"/>
      <c r="MU9" s="418">
        <v>1131567</v>
      </c>
      <c r="MV9" s="418">
        <v>5956683</v>
      </c>
      <c r="MW9" s="418">
        <v>51834224</v>
      </c>
      <c r="MX9" s="418">
        <v>87894476</v>
      </c>
      <c r="MY9" s="418">
        <v>73602118</v>
      </c>
      <c r="MZ9" s="422">
        <v>220419068</v>
      </c>
      <c r="NA9" s="428">
        <v>220419068</v>
      </c>
      <c r="NB9" s="421">
        <v>0</v>
      </c>
      <c r="NC9" s="418">
        <v>0</v>
      </c>
      <c r="ND9" s="422">
        <v>0</v>
      </c>
      <c r="NE9" s="429"/>
      <c r="NF9" s="418">
        <v>9729267</v>
      </c>
      <c r="NG9" s="418">
        <v>26032420</v>
      </c>
      <c r="NH9" s="418">
        <v>42690144</v>
      </c>
      <c r="NI9" s="418">
        <v>65563389</v>
      </c>
      <c r="NJ9" s="418">
        <v>33321686</v>
      </c>
      <c r="NK9" s="422">
        <v>177336906</v>
      </c>
      <c r="NL9" s="420">
        <v>177336906</v>
      </c>
      <c r="NM9" s="421">
        <v>0</v>
      </c>
      <c r="NN9" s="418">
        <v>0</v>
      </c>
      <c r="NO9" s="422">
        <v>0</v>
      </c>
      <c r="NP9" s="429"/>
      <c r="NQ9" s="418">
        <v>0</v>
      </c>
      <c r="NR9" s="418">
        <v>0</v>
      </c>
      <c r="NS9" s="418">
        <v>74226</v>
      </c>
      <c r="NT9" s="418">
        <v>2794984</v>
      </c>
      <c r="NU9" s="418">
        <v>4687550</v>
      </c>
      <c r="NV9" s="422">
        <v>7556760</v>
      </c>
      <c r="NW9" s="424">
        <v>7556760</v>
      </c>
      <c r="NX9" s="421">
        <v>0</v>
      </c>
      <c r="NY9" s="418">
        <v>0</v>
      </c>
      <c r="NZ9" s="422">
        <v>0</v>
      </c>
      <c r="OA9" s="429"/>
      <c r="OB9" s="418">
        <v>0</v>
      </c>
      <c r="OC9" s="418">
        <v>0</v>
      </c>
      <c r="OD9" s="418">
        <v>588159</v>
      </c>
      <c r="OE9" s="418">
        <v>4069206</v>
      </c>
      <c r="OF9" s="418">
        <v>5247124</v>
      </c>
      <c r="OG9" s="422">
        <v>9904489</v>
      </c>
      <c r="OH9" s="424">
        <v>9904489</v>
      </c>
      <c r="OI9" s="421">
        <v>25154399</v>
      </c>
      <c r="OJ9" s="418">
        <v>41401849</v>
      </c>
      <c r="OK9" s="419">
        <v>66556248</v>
      </c>
      <c r="OL9" s="425">
        <v>0</v>
      </c>
      <c r="OM9" s="418">
        <v>306804256</v>
      </c>
      <c r="ON9" s="418">
        <v>416500495</v>
      </c>
      <c r="OO9" s="418">
        <v>457141637</v>
      </c>
      <c r="OP9" s="418">
        <v>533386673</v>
      </c>
      <c r="OQ9" s="418">
        <v>379226805</v>
      </c>
      <c r="OR9" s="422">
        <v>2093059866</v>
      </c>
      <c r="OS9" s="428">
        <v>2159616114</v>
      </c>
    </row>
    <row r="10" spans="1:409" s="473" customFormat="1" ht="21" customHeight="1" x14ac:dyDescent="0.2">
      <c r="A10" s="44"/>
      <c r="B10" s="474" t="s">
        <v>5</v>
      </c>
      <c r="C10" s="432">
        <v>11701842</v>
      </c>
      <c r="D10" s="433">
        <v>20232866</v>
      </c>
      <c r="E10" s="434">
        <v>31934708</v>
      </c>
      <c r="F10" s="435">
        <v>0</v>
      </c>
      <c r="G10" s="433">
        <v>92942585</v>
      </c>
      <c r="H10" s="433">
        <v>162170601</v>
      </c>
      <c r="I10" s="433">
        <v>130014694</v>
      </c>
      <c r="J10" s="433">
        <v>138721113</v>
      </c>
      <c r="K10" s="433">
        <v>93886977</v>
      </c>
      <c r="L10" s="435">
        <v>617735970</v>
      </c>
      <c r="M10" s="436">
        <v>649670678</v>
      </c>
      <c r="N10" s="432">
        <v>3777357</v>
      </c>
      <c r="O10" s="433">
        <v>7543487</v>
      </c>
      <c r="P10" s="434">
        <v>11320844</v>
      </c>
      <c r="Q10" s="432">
        <v>0</v>
      </c>
      <c r="R10" s="433">
        <v>28734399</v>
      </c>
      <c r="S10" s="433">
        <v>59041931</v>
      </c>
      <c r="T10" s="433">
        <v>41865872</v>
      </c>
      <c r="U10" s="433">
        <v>46985802</v>
      </c>
      <c r="V10" s="433">
        <v>42140081</v>
      </c>
      <c r="W10" s="434">
        <v>218768085</v>
      </c>
      <c r="X10" s="436">
        <v>230088929</v>
      </c>
      <c r="Y10" s="432">
        <v>0</v>
      </c>
      <c r="Z10" s="433">
        <v>0</v>
      </c>
      <c r="AA10" s="434">
        <v>0</v>
      </c>
      <c r="AB10" s="432">
        <v>0</v>
      </c>
      <c r="AC10" s="433">
        <v>11181946</v>
      </c>
      <c r="AD10" s="433">
        <v>23203774</v>
      </c>
      <c r="AE10" s="433">
        <v>18227113</v>
      </c>
      <c r="AF10" s="433">
        <v>22687272</v>
      </c>
      <c r="AG10" s="433">
        <v>21819243</v>
      </c>
      <c r="AH10" s="434">
        <v>97119348</v>
      </c>
      <c r="AI10" s="436">
        <v>97119348</v>
      </c>
      <c r="AJ10" s="432">
        <v>28753</v>
      </c>
      <c r="AK10" s="433">
        <v>35946</v>
      </c>
      <c r="AL10" s="434">
        <v>64699</v>
      </c>
      <c r="AM10" s="432">
        <v>0</v>
      </c>
      <c r="AN10" s="433">
        <v>67165</v>
      </c>
      <c r="AO10" s="433">
        <v>494104</v>
      </c>
      <c r="AP10" s="433">
        <v>1646645</v>
      </c>
      <c r="AQ10" s="433">
        <v>2907912</v>
      </c>
      <c r="AR10" s="433">
        <v>5331340</v>
      </c>
      <c r="AS10" s="434">
        <v>10447166</v>
      </c>
      <c r="AT10" s="436">
        <v>10511865</v>
      </c>
      <c r="AU10" s="432">
        <v>2204040</v>
      </c>
      <c r="AV10" s="433">
        <v>4767075</v>
      </c>
      <c r="AW10" s="434">
        <v>6971115</v>
      </c>
      <c r="AX10" s="432">
        <v>0</v>
      </c>
      <c r="AY10" s="433">
        <v>11086878</v>
      </c>
      <c r="AZ10" s="433">
        <v>24866950</v>
      </c>
      <c r="BA10" s="433">
        <v>13849147</v>
      </c>
      <c r="BB10" s="433">
        <v>12182307</v>
      </c>
      <c r="BC10" s="433">
        <v>9643837</v>
      </c>
      <c r="BD10" s="434">
        <v>71629119</v>
      </c>
      <c r="BE10" s="436">
        <v>78600234</v>
      </c>
      <c r="BF10" s="432">
        <v>172648</v>
      </c>
      <c r="BG10" s="433">
        <v>1044177</v>
      </c>
      <c r="BH10" s="437">
        <v>1216825</v>
      </c>
      <c r="BI10" s="438">
        <v>0</v>
      </c>
      <c r="BJ10" s="433">
        <v>732462</v>
      </c>
      <c r="BK10" s="433">
        <v>1982792</v>
      </c>
      <c r="BL10" s="433">
        <v>1224630</v>
      </c>
      <c r="BM10" s="433">
        <v>1464850</v>
      </c>
      <c r="BN10" s="433">
        <v>590925</v>
      </c>
      <c r="BO10" s="434">
        <v>5995659</v>
      </c>
      <c r="BP10" s="436">
        <v>7212484</v>
      </c>
      <c r="BQ10" s="432">
        <v>1371916</v>
      </c>
      <c r="BR10" s="433">
        <v>1696289</v>
      </c>
      <c r="BS10" s="434">
        <v>3068205</v>
      </c>
      <c r="BT10" s="432">
        <v>0</v>
      </c>
      <c r="BU10" s="433">
        <v>5665948</v>
      </c>
      <c r="BV10" s="433">
        <v>8494311</v>
      </c>
      <c r="BW10" s="433">
        <v>6918337</v>
      </c>
      <c r="BX10" s="433">
        <v>7743461</v>
      </c>
      <c r="BY10" s="433">
        <v>4754736</v>
      </c>
      <c r="BZ10" s="434">
        <v>33576793</v>
      </c>
      <c r="CA10" s="436">
        <v>36644998</v>
      </c>
      <c r="CB10" s="432">
        <v>1127770</v>
      </c>
      <c r="CC10" s="433">
        <v>2652373</v>
      </c>
      <c r="CD10" s="434">
        <v>3780143</v>
      </c>
      <c r="CE10" s="432">
        <v>0</v>
      </c>
      <c r="CF10" s="433">
        <v>19899032</v>
      </c>
      <c r="CG10" s="433">
        <v>31739466</v>
      </c>
      <c r="CH10" s="433">
        <v>21470412</v>
      </c>
      <c r="CI10" s="433">
        <v>15060341</v>
      </c>
      <c r="CJ10" s="433">
        <v>7061756</v>
      </c>
      <c r="CK10" s="434">
        <v>95231007</v>
      </c>
      <c r="CL10" s="436">
        <v>99011150</v>
      </c>
      <c r="CM10" s="432">
        <v>0</v>
      </c>
      <c r="CN10" s="433">
        <v>0</v>
      </c>
      <c r="CO10" s="434">
        <v>0</v>
      </c>
      <c r="CP10" s="438">
        <v>0</v>
      </c>
      <c r="CQ10" s="433">
        <v>16221503</v>
      </c>
      <c r="CR10" s="433">
        <v>22133119</v>
      </c>
      <c r="CS10" s="433">
        <v>14322994</v>
      </c>
      <c r="CT10" s="433">
        <v>9462709</v>
      </c>
      <c r="CU10" s="433">
        <v>4125582</v>
      </c>
      <c r="CV10" s="434">
        <v>66265907</v>
      </c>
      <c r="CW10" s="436">
        <v>66265907</v>
      </c>
      <c r="CX10" s="432">
        <v>1127770</v>
      </c>
      <c r="CY10" s="433">
        <v>2652373</v>
      </c>
      <c r="CZ10" s="434">
        <v>3780143</v>
      </c>
      <c r="DA10" s="432">
        <v>0</v>
      </c>
      <c r="DB10" s="433">
        <v>3677529</v>
      </c>
      <c r="DC10" s="433">
        <v>9606347</v>
      </c>
      <c r="DD10" s="433">
        <v>7147418</v>
      </c>
      <c r="DE10" s="433">
        <v>5597632</v>
      </c>
      <c r="DF10" s="433">
        <v>2936174</v>
      </c>
      <c r="DG10" s="434">
        <v>28965100</v>
      </c>
      <c r="DH10" s="436">
        <v>32745243</v>
      </c>
      <c r="DI10" s="432">
        <v>0</v>
      </c>
      <c r="DJ10" s="433">
        <v>283324</v>
      </c>
      <c r="DK10" s="437">
        <v>283324</v>
      </c>
      <c r="DL10" s="438">
        <v>0</v>
      </c>
      <c r="DM10" s="433">
        <v>2696673</v>
      </c>
      <c r="DN10" s="433">
        <v>6750394</v>
      </c>
      <c r="DO10" s="433">
        <v>10757164</v>
      </c>
      <c r="DP10" s="433">
        <v>8830968</v>
      </c>
      <c r="DQ10" s="433">
        <v>5914647</v>
      </c>
      <c r="DR10" s="434">
        <v>34949846</v>
      </c>
      <c r="DS10" s="436">
        <v>35233170</v>
      </c>
      <c r="DT10" s="432">
        <v>0</v>
      </c>
      <c r="DU10" s="433">
        <v>130381</v>
      </c>
      <c r="DV10" s="434">
        <v>130381</v>
      </c>
      <c r="DW10" s="432">
        <v>0</v>
      </c>
      <c r="DX10" s="433">
        <v>2493047</v>
      </c>
      <c r="DY10" s="433">
        <v>5288309</v>
      </c>
      <c r="DZ10" s="433">
        <v>8970709</v>
      </c>
      <c r="EA10" s="433">
        <v>7018928</v>
      </c>
      <c r="EB10" s="433">
        <v>4531520</v>
      </c>
      <c r="EC10" s="434">
        <v>28302513</v>
      </c>
      <c r="ED10" s="436">
        <v>28432894</v>
      </c>
      <c r="EE10" s="432">
        <v>0</v>
      </c>
      <c r="EF10" s="437">
        <v>152943</v>
      </c>
      <c r="EG10" s="434">
        <v>152943</v>
      </c>
      <c r="EH10" s="432">
        <v>0</v>
      </c>
      <c r="EI10" s="433">
        <v>203626</v>
      </c>
      <c r="EJ10" s="433">
        <v>1462085</v>
      </c>
      <c r="EK10" s="433">
        <v>1786455</v>
      </c>
      <c r="EL10" s="433">
        <v>1812040</v>
      </c>
      <c r="EM10" s="433">
        <v>1383127</v>
      </c>
      <c r="EN10" s="437">
        <v>6647333</v>
      </c>
      <c r="EO10" s="436">
        <v>6800276</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1803640</v>
      </c>
      <c r="FM10" s="433">
        <v>3257059</v>
      </c>
      <c r="FN10" s="434">
        <v>5060699</v>
      </c>
      <c r="FO10" s="432">
        <v>0</v>
      </c>
      <c r="FP10" s="433">
        <v>4148900</v>
      </c>
      <c r="FQ10" s="433">
        <v>14711847</v>
      </c>
      <c r="FR10" s="433">
        <v>9323033</v>
      </c>
      <c r="FS10" s="433">
        <v>8698947</v>
      </c>
      <c r="FT10" s="433">
        <v>6358660</v>
      </c>
      <c r="FU10" s="434">
        <v>43241387</v>
      </c>
      <c r="FV10" s="436">
        <v>48302086</v>
      </c>
      <c r="FW10" s="440">
        <v>781718</v>
      </c>
      <c r="FX10" s="433">
        <v>2465805</v>
      </c>
      <c r="FY10" s="437">
        <v>3247523</v>
      </c>
      <c r="FZ10" s="438">
        <v>0</v>
      </c>
      <c r="GA10" s="433">
        <v>2857988</v>
      </c>
      <c r="GB10" s="433">
        <v>13055108</v>
      </c>
      <c r="GC10" s="433">
        <v>8600949</v>
      </c>
      <c r="GD10" s="433">
        <v>8230612</v>
      </c>
      <c r="GE10" s="433">
        <v>6106415</v>
      </c>
      <c r="GF10" s="434">
        <v>38851072</v>
      </c>
      <c r="GG10" s="441">
        <v>42098595</v>
      </c>
      <c r="GH10" s="440">
        <v>129451</v>
      </c>
      <c r="GI10" s="433">
        <v>214384</v>
      </c>
      <c r="GJ10" s="437">
        <v>343835</v>
      </c>
      <c r="GK10" s="438">
        <v>0</v>
      </c>
      <c r="GL10" s="433">
        <v>327655</v>
      </c>
      <c r="GM10" s="433">
        <v>613682</v>
      </c>
      <c r="GN10" s="433">
        <v>473906</v>
      </c>
      <c r="GO10" s="433">
        <v>315875</v>
      </c>
      <c r="GP10" s="433">
        <v>69825</v>
      </c>
      <c r="GQ10" s="434">
        <v>1800943</v>
      </c>
      <c r="GR10" s="436">
        <v>2144778</v>
      </c>
      <c r="GS10" s="432">
        <v>892471</v>
      </c>
      <c r="GT10" s="433">
        <v>576870</v>
      </c>
      <c r="GU10" s="434">
        <v>1469341</v>
      </c>
      <c r="GV10" s="432">
        <v>0</v>
      </c>
      <c r="GW10" s="433">
        <v>963257</v>
      </c>
      <c r="GX10" s="433">
        <v>1043057</v>
      </c>
      <c r="GY10" s="433">
        <v>248178</v>
      </c>
      <c r="GZ10" s="433">
        <v>152460</v>
      </c>
      <c r="HA10" s="433">
        <v>182420</v>
      </c>
      <c r="HB10" s="437">
        <v>2589372</v>
      </c>
      <c r="HC10" s="436">
        <v>4058713</v>
      </c>
      <c r="HD10" s="432">
        <v>4993075</v>
      </c>
      <c r="HE10" s="433">
        <v>6496623</v>
      </c>
      <c r="HF10" s="437">
        <v>11489698</v>
      </c>
      <c r="HG10" s="438">
        <v>0</v>
      </c>
      <c r="HH10" s="433">
        <v>37463581</v>
      </c>
      <c r="HI10" s="433">
        <v>49926963</v>
      </c>
      <c r="HJ10" s="433">
        <v>46598213</v>
      </c>
      <c r="HK10" s="433">
        <v>59145055</v>
      </c>
      <c r="HL10" s="433">
        <v>32411833</v>
      </c>
      <c r="HM10" s="434">
        <v>225545645</v>
      </c>
      <c r="HN10" s="435">
        <v>237035343</v>
      </c>
      <c r="HO10" s="475"/>
      <c r="HP10" s="476"/>
      <c r="HQ10" s="477"/>
      <c r="HR10" s="478"/>
      <c r="HS10" s="476"/>
      <c r="HT10" s="476"/>
      <c r="HU10" s="476"/>
      <c r="HV10" s="476"/>
      <c r="HW10" s="476"/>
      <c r="HX10" s="479"/>
      <c r="HY10" s="480"/>
      <c r="HZ10" s="442">
        <v>247705</v>
      </c>
      <c r="IA10" s="443">
        <v>595678</v>
      </c>
      <c r="IB10" s="444">
        <v>843383</v>
      </c>
      <c r="IC10" s="445">
        <v>0</v>
      </c>
      <c r="ID10" s="446">
        <v>20168761</v>
      </c>
      <c r="IE10" s="447">
        <v>30739713</v>
      </c>
      <c r="IF10" s="448">
        <v>31785280</v>
      </c>
      <c r="IG10" s="446">
        <v>25307454</v>
      </c>
      <c r="IH10" s="448">
        <v>17238495</v>
      </c>
      <c r="II10" s="449">
        <v>125239703</v>
      </c>
      <c r="IJ10" s="450">
        <v>126083086</v>
      </c>
      <c r="IK10" s="451">
        <v>0</v>
      </c>
      <c r="IL10" s="452">
        <v>0</v>
      </c>
      <c r="IM10" s="453">
        <v>0</v>
      </c>
      <c r="IN10" s="454"/>
      <c r="IO10" s="455">
        <v>608250</v>
      </c>
      <c r="IP10" s="455">
        <v>1590223</v>
      </c>
      <c r="IQ10" s="455">
        <v>1587034</v>
      </c>
      <c r="IR10" s="455">
        <v>2034697</v>
      </c>
      <c r="IS10" s="455">
        <v>1832847</v>
      </c>
      <c r="IT10" s="456">
        <v>7653051</v>
      </c>
      <c r="IU10" s="457">
        <v>7653051</v>
      </c>
      <c r="IV10" s="458">
        <v>0</v>
      </c>
      <c r="IW10" s="455">
        <v>0</v>
      </c>
      <c r="IX10" s="459">
        <v>0</v>
      </c>
      <c r="IY10" s="460"/>
      <c r="IZ10" s="455">
        <v>75479</v>
      </c>
      <c r="JA10" s="455">
        <v>435768</v>
      </c>
      <c r="JB10" s="455">
        <v>807833</v>
      </c>
      <c r="JC10" s="455">
        <v>554448</v>
      </c>
      <c r="JD10" s="455">
        <v>866942</v>
      </c>
      <c r="JE10" s="459">
        <v>2740470</v>
      </c>
      <c r="JF10" s="461">
        <v>2740470</v>
      </c>
      <c r="JG10" s="458">
        <v>0</v>
      </c>
      <c r="JH10" s="455">
        <v>0</v>
      </c>
      <c r="JI10" s="456">
        <v>0</v>
      </c>
      <c r="JJ10" s="462">
        <v>0</v>
      </c>
      <c r="JK10" s="455">
        <v>8283116</v>
      </c>
      <c r="JL10" s="455">
        <v>12665159</v>
      </c>
      <c r="JM10" s="455">
        <v>8078472</v>
      </c>
      <c r="JN10" s="455">
        <v>5559121</v>
      </c>
      <c r="JO10" s="455">
        <v>1981304</v>
      </c>
      <c r="JP10" s="459">
        <v>36567172</v>
      </c>
      <c r="JQ10" s="457">
        <v>36567172</v>
      </c>
      <c r="JR10" s="458">
        <v>16374</v>
      </c>
      <c r="JS10" s="455">
        <v>0</v>
      </c>
      <c r="JT10" s="456">
        <v>16374</v>
      </c>
      <c r="JU10" s="462">
        <v>0</v>
      </c>
      <c r="JV10" s="455">
        <v>2056094</v>
      </c>
      <c r="JW10" s="455">
        <v>2953887</v>
      </c>
      <c r="JX10" s="455">
        <v>2912871</v>
      </c>
      <c r="JY10" s="455">
        <v>1767851</v>
      </c>
      <c r="JZ10" s="455">
        <v>1386512</v>
      </c>
      <c r="KA10" s="459">
        <v>11077215</v>
      </c>
      <c r="KB10" s="457">
        <v>11093589</v>
      </c>
      <c r="KC10" s="463">
        <v>231331</v>
      </c>
      <c r="KD10" s="464">
        <v>595678</v>
      </c>
      <c r="KE10" s="459">
        <v>827009</v>
      </c>
      <c r="KF10" s="462">
        <v>0</v>
      </c>
      <c r="KG10" s="455">
        <v>3058625</v>
      </c>
      <c r="KH10" s="455">
        <v>3401639</v>
      </c>
      <c r="KI10" s="455">
        <v>4819981</v>
      </c>
      <c r="KJ10" s="455">
        <v>4407214</v>
      </c>
      <c r="KK10" s="455">
        <v>1896318</v>
      </c>
      <c r="KL10" s="459">
        <v>17583777</v>
      </c>
      <c r="KM10" s="465">
        <v>18410786</v>
      </c>
      <c r="KN10" s="451">
        <v>0</v>
      </c>
      <c r="KO10" s="452">
        <v>0</v>
      </c>
      <c r="KP10" s="453">
        <v>0</v>
      </c>
      <c r="KQ10" s="454"/>
      <c r="KR10" s="455">
        <v>5774257</v>
      </c>
      <c r="KS10" s="455">
        <v>8707604</v>
      </c>
      <c r="KT10" s="455">
        <v>12222876</v>
      </c>
      <c r="KU10" s="455">
        <v>9288080</v>
      </c>
      <c r="KV10" s="455">
        <v>4797120</v>
      </c>
      <c r="KW10" s="459">
        <v>40789937</v>
      </c>
      <c r="KX10" s="457">
        <v>40789937</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18771</v>
      </c>
      <c r="LP10" s="455">
        <v>0</v>
      </c>
      <c r="LQ10" s="455">
        <v>503426</v>
      </c>
      <c r="LR10" s="455">
        <v>0</v>
      </c>
      <c r="LS10" s="459">
        <v>722197</v>
      </c>
      <c r="LT10" s="457">
        <v>722197</v>
      </c>
      <c r="LU10" s="458">
        <v>0</v>
      </c>
      <c r="LV10" s="455">
        <v>0</v>
      </c>
      <c r="LW10" s="459">
        <v>0</v>
      </c>
      <c r="LX10" s="466"/>
      <c r="LY10" s="455">
        <v>312940</v>
      </c>
      <c r="LZ10" s="455">
        <v>766662</v>
      </c>
      <c r="MA10" s="455">
        <v>1356213</v>
      </c>
      <c r="MB10" s="455">
        <v>1192617</v>
      </c>
      <c r="MC10" s="455">
        <v>4477452</v>
      </c>
      <c r="MD10" s="459">
        <v>8105884</v>
      </c>
      <c r="ME10" s="461">
        <v>8105884</v>
      </c>
      <c r="MF10" s="458">
        <v>0</v>
      </c>
      <c r="MG10" s="455">
        <v>0</v>
      </c>
      <c r="MH10" s="459">
        <v>0</v>
      </c>
      <c r="MI10" s="466"/>
      <c r="MJ10" s="455">
        <v>5842379</v>
      </c>
      <c r="MK10" s="455">
        <v>16288316</v>
      </c>
      <c r="ML10" s="455">
        <v>48421523</v>
      </c>
      <c r="MM10" s="455">
        <v>73651041</v>
      </c>
      <c r="MN10" s="455">
        <v>54651978</v>
      </c>
      <c r="MO10" s="459">
        <v>198855237</v>
      </c>
      <c r="MP10" s="465">
        <v>198855237</v>
      </c>
      <c r="MQ10" s="458">
        <v>0</v>
      </c>
      <c r="MR10" s="455">
        <v>0</v>
      </c>
      <c r="MS10" s="459">
        <v>0</v>
      </c>
      <c r="MT10" s="466"/>
      <c r="MU10" s="455">
        <v>746772</v>
      </c>
      <c r="MV10" s="455">
        <v>4360227</v>
      </c>
      <c r="MW10" s="455">
        <v>28164188</v>
      </c>
      <c r="MX10" s="455">
        <v>39561461</v>
      </c>
      <c r="MY10" s="455">
        <v>32138953</v>
      </c>
      <c r="MZ10" s="459">
        <v>104971601</v>
      </c>
      <c r="NA10" s="465">
        <v>104971601</v>
      </c>
      <c r="NB10" s="458">
        <v>0</v>
      </c>
      <c r="NC10" s="455">
        <v>0</v>
      </c>
      <c r="ND10" s="459">
        <v>0</v>
      </c>
      <c r="NE10" s="466"/>
      <c r="NF10" s="455">
        <v>5095607</v>
      </c>
      <c r="NG10" s="455">
        <v>11928089</v>
      </c>
      <c r="NH10" s="455">
        <v>20257335</v>
      </c>
      <c r="NI10" s="455">
        <v>30974401</v>
      </c>
      <c r="NJ10" s="455">
        <v>19009361</v>
      </c>
      <c r="NK10" s="459">
        <v>87264793</v>
      </c>
      <c r="NL10" s="457">
        <v>87264793</v>
      </c>
      <c r="NM10" s="458">
        <v>0</v>
      </c>
      <c r="NN10" s="455">
        <v>0</v>
      </c>
      <c r="NO10" s="459">
        <v>0</v>
      </c>
      <c r="NP10" s="466"/>
      <c r="NQ10" s="455">
        <v>0</v>
      </c>
      <c r="NR10" s="455">
        <v>0</v>
      </c>
      <c r="NS10" s="455">
        <v>0</v>
      </c>
      <c r="NT10" s="455">
        <v>1141588</v>
      </c>
      <c r="NU10" s="455">
        <v>1806923</v>
      </c>
      <c r="NV10" s="459">
        <v>2948511</v>
      </c>
      <c r="NW10" s="461">
        <v>2948511</v>
      </c>
      <c r="NX10" s="458">
        <v>0</v>
      </c>
      <c r="NY10" s="455">
        <v>0</v>
      </c>
      <c r="NZ10" s="459">
        <v>0</v>
      </c>
      <c r="OA10" s="466"/>
      <c r="OB10" s="455">
        <v>0</v>
      </c>
      <c r="OC10" s="455">
        <v>0</v>
      </c>
      <c r="OD10" s="455">
        <v>0</v>
      </c>
      <c r="OE10" s="455">
        <v>1973591</v>
      </c>
      <c r="OF10" s="455">
        <v>1696741</v>
      </c>
      <c r="OG10" s="459">
        <v>3670332</v>
      </c>
      <c r="OH10" s="461">
        <v>3670332</v>
      </c>
      <c r="OI10" s="458">
        <v>11949547</v>
      </c>
      <c r="OJ10" s="455">
        <v>20828544</v>
      </c>
      <c r="OK10" s="456">
        <v>32778091</v>
      </c>
      <c r="OL10" s="462">
        <v>0</v>
      </c>
      <c r="OM10" s="455">
        <v>118953725</v>
      </c>
      <c r="ON10" s="455">
        <v>209198630</v>
      </c>
      <c r="OO10" s="455">
        <v>210221497</v>
      </c>
      <c r="OP10" s="455">
        <v>237679608</v>
      </c>
      <c r="OQ10" s="455">
        <v>165777450</v>
      </c>
      <c r="OR10" s="459">
        <v>941830910</v>
      </c>
      <c r="OS10" s="465">
        <v>974609001</v>
      </c>
    </row>
    <row r="11" spans="1:409" ht="21" customHeight="1" x14ac:dyDescent="0.2">
      <c r="B11" s="126" t="s">
        <v>6</v>
      </c>
      <c r="C11" s="110">
        <v>3494905</v>
      </c>
      <c r="D11" s="114">
        <v>5223282</v>
      </c>
      <c r="E11" s="113">
        <v>8718187</v>
      </c>
      <c r="F11" s="109">
        <v>0</v>
      </c>
      <c r="G11" s="114">
        <v>47510718</v>
      </c>
      <c r="H11" s="114">
        <v>42978294</v>
      </c>
      <c r="I11" s="114">
        <v>44613730</v>
      </c>
      <c r="J11" s="114">
        <v>53063270</v>
      </c>
      <c r="K11" s="114">
        <v>37745738</v>
      </c>
      <c r="L11" s="109">
        <v>225911750</v>
      </c>
      <c r="M11" s="116">
        <v>234629937</v>
      </c>
      <c r="N11" s="110">
        <v>1059036</v>
      </c>
      <c r="O11" s="114">
        <v>2094765</v>
      </c>
      <c r="P11" s="113">
        <v>3153801</v>
      </c>
      <c r="Q11" s="110">
        <v>0</v>
      </c>
      <c r="R11" s="114">
        <v>15811546</v>
      </c>
      <c r="S11" s="114">
        <v>15249678</v>
      </c>
      <c r="T11" s="114">
        <v>15042519</v>
      </c>
      <c r="U11" s="114">
        <v>20898598</v>
      </c>
      <c r="V11" s="114">
        <v>16854056</v>
      </c>
      <c r="W11" s="113">
        <v>83856397</v>
      </c>
      <c r="X11" s="116">
        <v>87010198</v>
      </c>
      <c r="Y11" s="110">
        <v>0</v>
      </c>
      <c r="Z11" s="114">
        <v>0</v>
      </c>
      <c r="AA11" s="113">
        <v>0</v>
      </c>
      <c r="AB11" s="110">
        <v>0</v>
      </c>
      <c r="AC11" s="114">
        <v>5714268</v>
      </c>
      <c r="AD11" s="114">
        <v>6359665</v>
      </c>
      <c r="AE11" s="114">
        <v>6441540</v>
      </c>
      <c r="AF11" s="114">
        <v>11383837</v>
      </c>
      <c r="AG11" s="114">
        <v>9541812</v>
      </c>
      <c r="AH11" s="113">
        <v>39441122</v>
      </c>
      <c r="AI11" s="116">
        <v>39441122</v>
      </c>
      <c r="AJ11" s="110">
        <v>0</v>
      </c>
      <c r="AK11" s="114">
        <v>0</v>
      </c>
      <c r="AL11" s="113">
        <v>0</v>
      </c>
      <c r="AM11" s="110">
        <v>0</v>
      </c>
      <c r="AN11" s="114">
        <v>85560</v>
      </c>
      <c r="AO11" s="114">
        <v>321038</v>
      </c>
      <c r="AP11" s="114">
        <v>467114</v>
      </c>
      <c r="AQ11" s="114">
        <v>1437572</v>
      </c>
      <c r="AR11" s="114">
        <v>1465040</v>
      </c>
      <c r="AS11" s="113">
        <v>3776324</v>
      </c>
      <c r="AT11" s="116">
        <v>3776324</v>
      </c>
      <c r="AU11" s="110">
        <v>556873</v>
      </c>
      <c r="AV11" s="114">
        <v>1684460</v>
      </c>
      <c r="AW11" s="113">
        <v>2241333</v>
      </c>
      <c r="AX11" s="110">
        <v>0</v>
      </c>
      <c r="AY11" s="114">
        <v>6675021</v>
      </c>
      <c r="AZ11" s="114">
        <v>5611271</v>
      </c>
      <c r="BA11" s="114">
        <v>4821651</v>
      </c>
      <c r="BB11" s="114">
        <v>4743490</v>
      </c>
      <c r="BC11" s="114">
        <v>3214738</v>
      </c>
      <c r="BD11" s="113">
        <v>25066171</v>
      </c>
      <c r="BE11" s="116">
        <v>27307504</v>
      </c>
      <c r="BF11" s="110">
        <v>67365</v>
      </c>
      <c r="BG11" s="114">
        <v>0</v>
      </c>
      <c r="BH11" s="112">
        <v>67365</v>
      </c>
      <c r="BI11" s="111">
        <v>0</v>
      </c>
      <c r="BJ11" s="114">
        <v>594019</v>
      </c>
      <c r="BK11" s="114">
        <v>420232</v>
      </c>
      <c r="BL11" s="114">
        <v>601366</v>
      </c>
      <c r="BM11" s="114">
        <v>230690</v>
      </c>
      <c r="BN11" s="114">
        <v>329872</v>
      </c>
      <c r="BO11" s="113">
        <v>2176179</v>
      </c>
      <c r="BP11" s="116">
        <v>2243544</v>
      </c>
      <c r="BQ11" s="110">
        <v>434798</v>
      </c>
      <c r="BR11" s="114">
        <v>410305</v>
      </c>
      <c r="BS11" s="113">
        <v>845103</v>
      </c>
      <c r="BT11" s="110">
        <v>0</v>
      </c>
      <c r="BU11" s="114">
        <v>2742678</v>
      </c>
      <c r="BV11" s="114">
        <v>2537472</v>
      </c>
      <c r="BW11" s="114">
        <v>2710848</v>
      </c>
      <c r="BX11" s="114">
        <v>3103009</v>
      </c>
      <c r="BY11" s="114">
        <v>2302594</v>
      </c>
      <c r="BZ11" s="113">
        <v>13396601</v>
      </c>
      <c r="CA11" s="116">
        <v>14241704</v>
      </c>
      <c r="CB11" s="110">
        <v>192176</v>
      </c>
      <c r="CC11" s="114">
        <v>454529</v>
      </c>
      <c r="CD11" s="113">
        <v>646705</v>
      </c>
      <c r="CE11" s="110">
        <v>0</v>
      </c>
      <c r="CF11" s="114">
        <v>12097709</v>
      </c>
      <c r="CG11" s="114">
        <v>10231618</v>
      </c>
      <c r="CH11" s="114">
        <v>7281831</v>
      </c>
      <c r="CI11" s="114">
        <v>7014119</v>
      </c>
      <c r="CJ11" s="114">
        <v>2854043</v>
      </c>
      <c r="CK11" s="113">
        <v>39479320</v>
      </c>
      <c r="CL11" s="116">
        <v>40126025</v>
      </c>
      <c r="CM11" s="110">
        <v>0</v>
      </c>
      <c r="CN11" s="114">
        <v>0</v>
      </c>
      <c r="CO11" s="113">
        <v>0</v>
      </c>
      <c r="CP11" s="111">
        <v>0</v>
      </c>
      <c r="CQ11" s="114">
        <v>10340619</v>
      </c>
      <c r="CR11" s="114">
        <v>7672883</v>
      </c>
      <c r="CS11" s="114">
        <v>5085359</v>
      </c>
      <c r="CT11" s="114">
        <v>4635504</v>
      </c>
      <c r="CU11" s="114">
        <v>2188617</v>
      </c>
      <c r="CV11" s="113">
        <v>29922982</v>
      </c>
      <c r="CW11" s="116">
        <v>29922982</v>
      </c>
      <c r="CX11" s="110">
        <v>192176</v>
      </c>
      <c r="CY11" s="114">
        <v>454529</v>
      </c>
      <c r="CZ11" s="113">
        <v>646705</v>
      </c>
      <c r="DA11" s="110">
        <v>0</v>
      </c>
      <c r="DB11" s="114">
        <v>1757090</v>
      </c>
      <c r="DC11" s="114">
        <v>2558735</v>
      </c>
      <c r="DD11" s="114">
        <v>2196472</v>
      </c>
      <c r="DE11" s="114">
        <v>2378615</v>
      </c>
      <c r="DF11" s="114">
        <v>665426</v>
      </c>
      <c r="DG11" s="113">
        <v>9556338</v>
      </c>
      <c r="DH11" s="116">
        <v>10203043</v>
      </c>
      <c r="DI11" s="110">
        <v>39785</v>
      </c>
      <c r="DJ11" s="114">
        <v>28803</v>
      </c>
      <c r="DK11" s="112">
        <v>68588</v>
      </c>
      <c r="DL11" s="111">
        <v>0</v>
      </c>
      <c r="DM11" s="114">
        <v>1071405</v>
      </c>
      <c r="DN11" s="114">
        <v>746112</v>
      </c>
      <c r="DO11" s="114">
        <v>2822678</v>
      </c>
      <c r="DP11" s="114">
        <v>2497455</v>
      </c>
      <c r="DQ11" s="114">
        <v>1734487</v>
      </c>
      <c r="DR11" s="113">
        <v>8872137</v>
      </c>
      <c r="DS11" s="116">
        <v>8940725</v>
      </c>
      <c r="DT11" s="110">
        <v>39785</v>
      </c>
      <c r="DU11" s="114">
        <v>28803</v>
      </c>
      <c r="DV11" s="113">
        <v>68588</v>
      </c>
      <c r="DW11" s="110">
        <v>0</v>
      </c>
      <c r="DX11" s="114">
        <v>1021876</v>
      </c>
      <c r="DY11" s="114">
        <v>687500</v>
      </c>
      <c r="DZ11" s="114">
        <v>2543450</v>
      </c>
      <c r="EA11" s="114">
        <v>2226841</v>
      </c>
      <c r="EB11" s="114">
        <v>1090700</v>
      </c>
      <c r="EC11" s="113">
        <v>7570367</v>
      </c>
      <c r="ED11" s="116">
        <v>7638955</v>
      </c>
      <c r="EE11" s="110">
        <v>0</v>
      </c>
      <c r="EF11" s="112">
        <v>0</v>
      </c>
      <c r="EG11" s="113">
        <v>0</v>
      </c>
      <c r="EH11" s="110">
        <v>0</v>
      </c>
      <c r="EI11" s="114">
        <v>49529</v>
      </c>
      <c r="EJ11" s="114">
        <v>58612</v>
      </c>
      <c r="EK11" s="114">
        <v>279228</v>
      </c>
      <c r="EL11" s="114">
        <v>270614</v>
      </c>
      <c r="EM11" s="114">
        <v>643787</v>
      </c>
      <c r="EN11" s="112">
        <v>1301770</v>
      </c>
      <c r="EO11" s="116">
        <v>1301770</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540960</v>
      </c>
      <c r="FM11" s="114">
        <v>1244754</v>
      </c>
      <c r="FN11" s="113">
        <v>1785714</v>
      </c>
      <c r="FO11" s="110">
        <v>0</v>
      </c>
      <c r="FP11" s="114">
        <v>2457345</v>
      </c>
      <c r="FQ11" s="114">
        <v>4039322</v>
      </c>
      <c r="FR11" s="114">
        <v>4050291</v>
      </c>
      <c r="FS11" s="114">
        <v>3839287</v>
      </c>
      <c r="FT11" s="114">
        <v>2422791</v>
      </c>
      <c r="FU11" s="113">
        <v>16809036</v>
      </c>
      <c r="FV11" s="116">
        <v>18594750</v>
      </c>
      <c r="FW11" s="115">
        <v>407904</v>
      </c>
      <c r="FX11" s="114">
        <v>897092</v>
      </c>
      <c r="FY11" s="112">
        <v>1304996</v>
      </c>
      <c r="FZ11" s="111">
        <v>0</v>
      </c>
      <c r="GA11" s="114">
        <v>1991731</v>
      </c>
      <c r="GB11" s="114">
        <v>3420340</v>
      </c>
      <c r="GC11" s="114">
        <v>3560071</v>
      </c>
      <c r="GD11" s="114">
        <v>3712307</v>
      </c>
      <c r="GE11" s="114">
        <v>2346820</v>
      </c>
      <c r="GF11" s="113">
        <v>15031269</v>
      </c>
      <c r="GG11" s="318">
        <v>16336265</v>
      </c>
      <c r="GH11" s="115">
        <v>51926</v>
      </c>
      <c r="GI11" s="114">
        <v>30492</v>
      </c>
      <c r="GJ11" s="112">
        <v>82418</v>
      </c>
      <c r="GK11" s="111">
        <v>0</v>
      </c>
      <c r="GL11" s="114">
        <v>118694</v>
      </c>
      <c r="GM11" s="114">
        <v>141288</v>
      </c>
      <c r="GN11" s="114">
        <v>180820</v>
      </c>
      <c r="GO11" s="114">
        <v>126980</v>
      </c>
      <c r="GP11" s="114">
        <v>75971</v>
      </c>
      <c r="GQ11" s="113">
        <v>643753</v>
      </c>
      <c r="GR11" s="116">
        <v>726171</v>
      </c>
      <c r="GS11" s="110">
        <v>81130</v>
      </c>
      <c r="GT11" s="114">
        <v>317170</v>
      </c>
      <c r="GU11" s="113">
        <v>398300</v>
      </c>
      <c r="GV11" s="110">
        <v>0</v>
      </c>
      <c r="GW11" s="114">
        <v>346920</v>
      </c>
      <c r="GX11" s="114">
        <v>477694</v>
      </c>
      <c r="GY11" s="114">
        <v>309400</v>
      </c>
      <c r="GZ11" s="114">
        <v>0</v>
      </c>
      <c r="HA11" s="114">
        <v>0</v>
      </c>
      <c r="HB11" s="112">
        <v>1134014</v>
      </c>
      <c r="HC11" s="116">
        <v>1532314</v>
      </c>
      <c r="HD11" s="110">
        <v>1662948</v>
      </c>
      <c r="HE11" s="114">
        <v>1400431</v>
      </c>
      <c r="HF11" s="112">
        <v>3063379</v>
      </c>
      <c r="HG11" s="111">
        <v>0</v>
      </c>
      <c r="HH11" s="114">
        <v>16072713</v>
      </c>
      <c r="HI11" s="114">
        <v>12711564</v>
      </c>
      <c r="HJ11" s="114">
        <v>15416411</v>
      </c>
      <c r="HK11" s="114">
        <v>18813811</v>
      </c>
      <c r="HL11" s="114">
        <v>13880361</v>
      </c>
      <c r="HM11" s="113">
        <v>76894860</v>
      </c>
      <c r="HN11" s="109">
        <v>79958239</v>
      </c>
      <c r="HO11" s="328"/>
      <c r="HP11" s="329"/>
      <c r="HQ11" s="330"/>
      <c r="HR11" s="331"/>
      <c r="HS11" s="329"/>
      <c r="HT11" s="329"/>
      <c r="HU11" s="329"/>
      <c r="HV11" s="329"/>
      <c r="HW11" s="329"/>
      <c r="HX11" s="332"/>
      <c r="HY11" s="333"/>
      <c r="HZ11" s="131">
        <v>34272</v>
      </c>
      <c r="IA11" s="132">
        <v>345822</v>
      </c>
      <c r="IB11" s="133">
        <v>380094</v>
      </c>
      <c r="IC11" s="146">
        <v>0</v>
      </c>
      <c r="ID11" s="132">
        <v>10485118</v>
      </c>
      <c r="IE11" s="147">
        <v>11194775</v>
      </c>
      <c r="IF11" s="133">
        <v>16386381</v>
      </c>
      <c r="IG11" s="132">
        <v>10052210</v>
      </c>
      <c r="IH11" s="133">
        <v>8385706</v>
      </c>
      <c r="II11" s="148">
        <v>56504190</v>
      </c>
      <c r="IJ11" s="139">
        <v>56884284</v>
      </c>
      <c r="IK11" s="232">
        <v>0</v>
      </c>
      <c r="IL11" s="236">
        <v>0</v>
      </c>
      <c r="IM11" s="237">
        <v>0</v>
      </c>
      <c r="IN11" s="140"/>
      <c r="IO11" s="119">
        <v>587091</v>
      </c>
      <c r="IP11" s="119">
        <v>710860</v>
      </c>
      <c r="IQ11" s="119">
        <v>1147176</v>
      </c>
      <c r="IR11" s="119">
        <v>1538378</v>
      </c>
      <c r="IS11" s="119">
        <v>1475257</v>
      </c>
      <c r="IT11" s="141">
        <v>5458762</v>
      </c>
      <c r="IU11" s="320">
        <v>5458762</v>
      </c>
      <c r="IV11" s="142">
        <v>0</v>
      </c>
      <c r="IW11" s="119">
        <v>0</v>
      </c>
      <c r="IX11" s="120">
        <v>0</v>
      </c>
      <c r="IY11" s="144"/>
      <c r="IZ11" s="119">
        <v>39720</v>
      </c>
      <c r="JA11" s="119">
        <v>94790</v>
      </c>
      <c r="JB11" s="119">
        <v>8190</v>
      </c>
      <c r="JC11" s="119">
        <v>92058</v>
      </c>
      <c r="JD11" s="119">
        <v>298246</v>
      </c>
      <c r="JE11" s="120">
        <v>533004</v>
      </c>
      <c r="JF11" s="121">
        <v>533004</v>
      </c>
      <c r="JG11" s="142">
        <v>0</v>
      </c>
      <c r="JH11" s="119">
        <v>0</v>
      </c>
      <c r="JI11" s="141">
        <v>0</v>
      </c>
      <c r="JJ11" s="118">
        <v>0</v>
      </c>
      <c r="JK11" s="119">
        <v>4052001</v>
      </c>
      <c r="JL11" s="119">
        <v>2261800</v>
      </c>
      <c r="JM11" s="119">
        <v>2937854</v>
      </c>
      <c r="JN11" s="119">
        <v>964106</v>
      </c>
      <c r="JO11" s="119">
        <v>450438</v>
      </c>
      <c r="JP11" s="120">
        <v>10666199</v>
      </c>
      <c r="JQ11" s="320">
        <v>10666199</v>
      </c>
      <c r="JR11" s="142">
        <v>0</v>
      </c>
      <c r="JS11" s="119">
        <v>0</v>
      </c>
      <c r="JT11" s="141">
        <v>0</v>
      </c>
      <c r="JU11" s="118">
        <v>0</v>
      </c>
      <c r="JV11" s="119">
        <v>945348</v>
      </c>
      <c r="JW11" s="119">
        <v>1053977</v>
      </c>
      <c r="JX11" s="119">
        <v>1505268</v>
      </c>
      <c r="JY11" s="119">
        <v>522025</v>
      </c>
      <c r="JZ11" s="119">
        <v>483724</v>
      </c>
      <c r="KA11" s="120">
        <v>4510342</v>
      </c>
      <c r="KB11" s="320">
        <v>4510342</v>
      </c>
      <c r="KC11" s="234">
        <v>34272</v>
      </c>
      <c r="KD11" s="230">
        <v>345822</v>
      </c>
      <c r="KE11" s="120">
        <v>380094</v>
      </c>
      <c r="KF11" s="118">
        <v>0</v>
      </c>
      <c r="KG11" s="119">
        <v>1050892</v>
      </c>
      <c r="KH11" s="119">
        <v>1071855</v>
      </c>
      <c r="KI11" s="119">
        <v>1225294</v>
      </c>
      <c r="KJ11" s="119">
        <v>199477</v>
      </c>
      <c r="KK11" s="119">
        <v>508716</v>
      </c>
      <c r="KL11" s="120">
        <v>4056234</v>
      </c>
      <c r="KM11" s="143">
        <v>4436328</v>
      </c>
      <c r="KN11" s="232">
        <v>0</v>
      </c>
      <c r="KO11" s="236">
        <v>0</v>
      </c>
      <c r="KP11" s="237">
        <v>0</v>
      </c>
      <c r="KQ11" s="140"/>
      <c r="KR11" s="119">
        <v>3078942</v>
      </c>
      <c r="KS11" s="119">
        <v>5119115</v>
      </c>
      <c r="KT11" s="119">
        <v>6238160</v>
      </c>
      <c r="KU11" s="119">
        <v>3795116</v>
      </c>
      <c r="KV11" s="119">
        <v>3118525</v>
      </c>
      <c r="KW11" s="120">
        <v>21349858</v>
      </c>
      <c r="KX11" s="320">
        <v>21349858</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8517</v>
      </c>
      <c r="LO11" s="119">
        <v>0</v>
      </c>
      <c r="LP11" s="119">
        <v>2371848</v>
      </c>
      <c r="LQ11" s="119">
        <v>1200479</v>
      </c>
      <c r="LR11" s="119">
        <v>855191</v>
      </c>
      <c r="LS11" s="120">
        <v>4626035</v>
      </c>
      <c r="LT11" s="320">
        <v>4626035</v>
      </c>
      <c r="LU11" s="142">
        <v>0</v>
      </c>
      <c r="LV11" s="119">
        <v>0</v>
      </c>
      <c r="LW11" s="120">
        <v>0</v>
      </c>
      <c r="LX11" s="145"/>
      <c r="LY11" s="119">
        <v>532607</v>
      </c>
      <c r="LZ11" s="119">
        <v>882378</v>
      </c>
      <c r="MA11" s="119">
        <v>952591</v>
      </c>
      <c r="MB11" s="119">
        <v>1740571</v>
      </c>
      <c r="MC11" s="119">
        <v>1195609</v>
      </c>
      <c r="MD11" s="120">
        <v>5303756</v>
      </c>
      <c r="ME11" s="121">
        <v>5303756</v>
      </c>
      <c r="MF11" s="142">
        <v>0</v>
      </c>
      <c r="MG11" s="119">
        <v>0</v>
      </c>
      <c r="MH11" s="120">
        <v>0</v>
      </c>
      <c r="MI11" s="145"/>
      <c r="MJ11" s="119">
        <v>1377053</v>
      </c>
      <c r="MK11" s="119">
        <v>4008414</v>
      </c>
      <c r="ML11" s="119">
        <v>12093440</v>
      </c>
      <c r="MM11" s="119">
        <v>25073886</v>
      </c>
      <c r="MN11" s="119">
        <v>16247680</v>
      </c>
      <c r="MO11" s="120">
        <v>58800473</v>
      </c>
      <c r="MP11" s="143">
        <v>58800473</v>
      </c>
      <c r="MQ11" s="142">
        <v>0</v>
      </c>
      <c r="MR11" s="119">
        <v>0</v>
      </c>
      <c r="MS11" s="120">
        <v>0</v>
      </c>
      <c r="MT11" s="145"/>
      <c r="MU11" s="119">
        <v>178714</v>
      </c>
      <c r="MV11" s="119">
        <v>597368</v>
      </c>
      <c r="MW11" s="119">
        <v>6729129</v>
      </c>
      <c r="MX11" s="119">
        <v>12692998</v>
      </c>
      <c r="MY11" s="119">
        <v>8968553</v>
      </c>
      <c r="MZ11" s="120">
        <v>29166762</v>
      </c>
      <c r="NA11" s="143">
        <v>29166762</v>
      </c>
      <c r="NB11" s="142">
        <v>0</v>
      </c>
      <c r="NC11" s="119">
        <v>0</v>
      </c>
      <c r="ND11" s="120">
        <v>0</v>
      </c>
      <c r="NE11" s="145"/>
      <c r="NF11" s="119">
        <v>1198339</v>
      </c>
      <c r="NG11" s="119">
        <v>3411046</v>
      </c>
      <c r="NH11" s="119">
        <v>5290085</v>
      </c>
      <c r="NI11" s="119">
        <v>10686755</v>
      </c>
      <c r="NJ11" s="119">
        <v>4824832</v>
      </c>
      <c r="NK11" s="120">
        <v>25411057</v>
      </c>
      <c r="NL11" s="320">
        <v>25411057</v>
      </c>
      <c r="NM11" s="142">
        <v>0</v>
      </c>
      <c r="NN11" s="119">
        <v>0</v>
      </c>
      <c r="NO11" s="120">
        <v>0</v>
      </c>
      <c r="NP11" s="145"/>
      <c r="NQ11" s="119">
        <v>0</v>
      </c>
      <c r="NR11" s="119">
        <v>0</v>
      </c>
      <c r="NS11" s="119">
        <v>74226</v>
      </c>
      <c r="NT11" s="119">
        <v>1395234</v>
      </c>
      <c r="NU11" s="119">
        <v>1791627</v>
      </c>
      <c r="NV11" s="120">
        <v>3261087</v>
      </c>
      <c r="NW11" s="121">
        <v>3261087</v>
      </c>
      <c r="NX11" s="142">
        <v>0</v>
      </c>
      <c r="NY11" s="119">
        <v>0</v>
      </c>
      <c r="NZ11" s="120">
        <v>0</v>
      </c>
      <c r="OA11" s="145"/>
      <c r="OB11" s="119">
        <v>0</v>
      </c>
      <c r="OC11" s="119">
        <v>0</v>
      </c>
      <c r="OD11" s="119">
        <v>0</v>
      </c>
      <c r="OE11" s="119">
        <v>298899</v>
      </c>
      <c r="OF11" s="119">
        <v>662668</v>
      </c>
      <c r="OG11" s="120">
        <v>961567</v>
      </c>
      <c r="OH11" s="121">
        <v>961567</v>
      </c>
      <c r="OI11" s="142">
        <v>3529177</v>
      </c>
      <c r="OJ11" s="119">
        <v>5569104</v>
      </c>
      <c r="OK11" s="141">
        <v>9098281</v>
      </c>
      <c r="OL11" s="118">
        <v>0</v>
      </c>
      <c r="OM11" s="119">
        <v>59372889</v>
      </c>
      <c r="ON11" s="119">
        <v>58181483</v>
      </c>
      <c r="OO11" s="119">
        <v>73093551</v>
      </c>
      <c r="OP11" s="119">
        <v>88189366</v>
      </c>
      <c r="OQ11" s="119">
        <v>62379124</v>
      </c>
      <c r="OR11" s="120">
        <v>341216413</v>
      </c>
      <c r="OS11" s="143">
        <v>350314694</v>
      </c>
    </row>
    <row r="12" spans="1:409" ht="21" customHeight="1" x14ac:dyDescent="0.2">
      <c r="B12" s="126" t="s">
        <v>14</v>
      </c>
      <c r="C12" s="110">
        <v>1165729</v>
      </c>
      <c r="D12" s="114">
        <v>2545425</v>
      </c>
      <c r="E12" s="113">
        <v>3711154</v>
      </c>
      <c r="F12" s="109">
        <v>0</v>
      </c>
      <c r="G12" s="114">
        <v>12608482</v>
      </c>
      <c r="H12" s="114">
        <v>19103743</v>
      </c>
      <c r="I12" s="114">
        <v>18759947</v>
      </c>
      <c r="J12" s="114">
        <v>16685527</v>
      </c>
      <c r="K12" s="114">
        <v>12896605</v>
      </c>
      <c r="L12" s="112">
        <v>80054304</v>
      </c>
      <c r="M12" s="116">
        <v>83765458</v>
      </c>
      <c r="N12" s="110">
        <v>100291</v>
      </c>
      <c r="O12" s="114">
        <v>1020599</v>
      </c>
      <c r="P12" s="113">
        <v>1120890</v>
      </c>
      <c r="Q12" s="110">
        <v>0</v>
      </c>
      <c r="R12" s="114">
        <v>3343861</v>
      </c>
      <c r="S12" s="114">
        <v>6489526</v>
      </c>
      <c r="T12" s="114">
        <v>6640435</v>
      </c>
      <c r="U12" s="114">
        <v>6789695</v>
      </c>
      <c r="V12" s="114">
        <v>6307905</v>
      </c>
      <c r="W12" s="113">
        <v>29571422</v>
      </c>
      <c r="X12" s="116">
        <v>30692312</v>
      </c>
      <c r="Y12" s="110">
        <v>0</v>
      </c>
      <c r="Z12" s="114">
        <v>0</v>
      </c>
      <c r="AA12" s="113">
        <v>0</v>
      </c>
      <c r="AB12" s="110">
        <v>0</v>
      </c>
      <c r="AC12" s="114">
        <v>1704987</v>
      </c>
      <c r="AD12" s="114">
        <v>2688218</v>
      </c>
      <c r="AE12" s="114">
        <v>3829817</v>
      </c>
      <c r="AF12" s="114">
        <v>3811797</v>
      </c>
      <c r="AG12" s="114">
        <v>3471453</v>
      </c>
      <c r="AH12" s="113">
        <v>15506272</v>
      </c>
      <c r="AI12" s="116">
        <v>15506272</v>
      </c>
      <c r="AJ12" s="110">
        <v>0</v>
      </c>
      <c r="AK12" s="114">
        <v>0</v>
      </c>
      <c r="AL12" s="113">
        <v>0</v>
      </c>
      <c r="AM12" s="110">
        <v>0</v>
      </c>
      <c r="AN12" s="114">
        <v>0</v>
      </c>
      <c r="AO12" s="114">
        <v>-10366</v>
      </c>
      <c r="AP12" s="114">
        <v>164770</v>
      </c>
      <c r="AQ12" s="114">
        <v>561679</v>
      </c>
      <c r="AR12" s="114">
        <v>910569</v>
      </c>
      <c r="AS12" s="113">
        <v>1626652</v>
      </c>
      <c r="AT12" s="116">
        <v>1626652</v>
      </c>
      <c r="AU12" s="110">
        <v>32454</v>
      </c>
      <c r="AV12" s="114">
        <v>702809</v>
      </c>
      <c r="AW12" s="113">
        <v>735263</v>
      </c>
      <c r="AX12" s="110">
        <v>0</v>
      </c>
      <c r="AY12" s="114">
        <v>719375</v>
      </c>
      <c r="AZ12" s="114">
        <v>2631782</v>
      </c>
      <c r="BA12" s="114">
        <v>1633936</v>
      </c>
      <c r="BB12" s="114">
        <v>1541347</v>
      </c>
      <c r="BC12" s="114">
        <v>1150255</v>
      </c>
      <c r="BD12" s="113">
        <v>7676695</v>
      </c>
      <c r="BE12" s="116">
        <v>8411958</v>
      </c>
      <c r="BF12" s="110">
        <v>0</v>
      </c>
      <c r="BG12" s="114">
        <v>93440</v>
      </c>
      <c r="BH12" s="112">
        <v>93440</v>
      </c>
      <c r="BI12" s="111">
        <v>0</v>
      </c>
      <c r="BJ12" s="114">
        <v>17997</v>
      </c>
      <c r="BK12" s="114">
        <v>172361</v>
      </c>
      <c r="BL12" s="114">
        <v>101856</v>
      </c>
      <c r="BM12" s="114">
        <v>38866</v>
      </c>
      <c r="BN12" s="114">
        <v>10920</v>
      </c>
      <c r="BO12" s="113">
        <v>342000</v>
      </c>
      <c r="BP12" s="116">
        <v>435440</v>
      </c>
      <c r="BQ12" s="110">
        <v>67837</v>
      </c>
      <c r="BR12" s="114">
        <v>224350</v>
      </c>
      <c r="BS12" s="113">
        <v>292187</v>
      </c>
      <c r="BT12" s="110">
        <v>0</v>
      </c>
      <c r="BU12" s="114">
        <v>901502</v>
      </c>
      <c r="BV12" s="114">
        <v>1007531</v>
      </c>
      <c r="BW12" s="114">
        <v>910056</v>
      </c>
      <c r="BX12" s="114">
        <v>836006</v>
      </c>
      <c r="BY12" s="114">
        <v>764708</v>
      </c>
      <c r="BZ12" s="113">
        <v>4419803</v>
      </c>
      <c r="CA12" s="116">
        <v>4711990</v>
      </c>
      <c r="CB12" s="110">
        <v>37375</v>
      </c>
      <c r="CC12" s="114">
        <v>194252</v>
      </c>
      <c r="CD12" s="113">
        <v>231627</v>
      </c>
      <c r="CE12" s="110">
        <v>0</v>
      </c>
      <c r="CF12" s="114">
        <v>3720841</v>
      </c>
      <c r="CG12" s="114">
        <v>5594867</v>
      </c>
      <c r="CH12" s="114">
        <v>4831034</v>
      </c>
      <c r="CI12" s="114">
        <v>2252633</v>
      </c>
      <c r="CJ12" s="114">
        <v>1093939</v>
      </c>
      <c r="CK12" s="113">
        <v>17493314</v>
      </c>
      <c r="CL12" s="116">
        <v>17724941</v>
      </c>
      <c r="CM12" s="110">
        <v>0</v>
      </c>
      <c r="CN12" s="114">
        <v>0</v>
      </c>
      <c r="CO12" s="113">
        <v>0</v>
      </c>
      <c r="CP12" s="111">
        <v>0</v>
      </c>
      <c r="CQ12" s="114">
        <v>3384172</v>
      </c>
      <c r="CR12" s="114">
        <v>4752141</v>
      </c>
      <c r="CS12" s="114">
        <v>4097854</v>
      </c>
      <c r="CT12" s="114">
        <v>1615214</v>
      </c>
      <c r="CU12" s="114">
        <v>1056373</v>
      </c>
      <c r="CV12" s="113">
        <v>14905754</v>
      </c>
      <c r="CW12" s="116">
        <v>14905754</v>
      </c>
      <c r="CX12" s="110">
        <v>37375</v>
      </c>
      <c r="CY12" s="114">
        <v>194252</v>
      </c>
      <c r="CZ12" s="113">
        <v>231627</v>
      </c>
      <c r="DA12" s="110">
        <v>0</v>
      </c>
      <c r="DB12" s="114">
        <v>336669</v>
      </c>
      <c r="DC12" s="114">
        <v>842726</v>
      </c>
      <c r="DD12" s="114">
        <v>733180</v>
      </c>
      <c r="DE12" s="114">
        <v>637419</v>
      </c>
      <c r="DF12" s="114">
        <v>37566</v>
      </c>
      <c r="DG12" s="113">
        <v>2587560</v>
      </c>
      <c r="DH12" s="116">
        <v>2819187</v>
      </c>
      <c r="DI12" s="110">
        <v>0</v>
      </c>
      <c r="DJ12" s="114">
        <v>0</v>
      </c>
      <c r="DK12" s="112">
        <v>0</v>
      </c>
      <c r="DL12" s="111">
        <v>0</v>
      </c>
      <c r="DM12" s="114">
        <v>508885</v>
      </c>
      <c r="DN12" s="114">
        <v>1158291</v>
      </c>
      <c r="DO12" s="114">
        <v>1352675</v>
      </c>
      <c r="DP12" s="114">
        <v>1482129</v>
      </c>
      <c r="DQ12" s="114">
        <v>817277</v>
      </c>
      <c r="DR12" s="113">
        <v>5319257</v>
      </c>
      <c r="DS12" s="116">
        <v>5319257</v>
      </c>
      <c r="DT12" s="110">
        <v>0</v>
      </c>
      <c r="DU12" s="114">
        <v>0</v>
      </c>
      <c r="DV12" s="113">
        <v>0</v>
      </c>
      <c r="DW12" s="110">
        <v>0</v>
      </c>
      <c r="DX12" s="114">
        <v>508885</v>
      </c>
      <c r="DY12" s="114">
        <v>1034082</v>
      </c>
      <c r="DZ12" s="114">
        <v>1244681</v>
      </c>
      <c r="EA12" s="114">
        <v>1451924</v>
      </c>
      <c r="EB12" s="114">
        <v>817277</v>
      </c>
      <c r="EC12" s="113">
        <v>5056849</v>
      </c>
      <c r="ED12" s="116">
        <v>5056849</v>
      </c>
      <c r="EE12" s="110">
        <v>0</v>
      </c>
      <c r="EF12" s="112">
        <v>0</v>
      </c>
      <c r="EG12" s="113">
        <v>0</v>
      </c>
      <c r="EH12" s="110">
        <v>0</v>
      </c>
      <c r="EI12" s="114">
        <v>0</v>
      </c>
      <c r="EJ12" s="114">
        <v>124209</v>
      </c>
      <c r="EK12" s="114">
        <v>107994</v>
      </c>
      <c r="EL12" s="114">
        <v>30205</v>
      </c>
      <c r="EM12" s="114">
        <v>0</v>
      </c>
      <c r="EN12" s="112">
        <v>262408</v>
      </c>
      <c r="EO12" s="116">
        <v>262408</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622174</v>
      </c>
      <c r="FM12" s="114">
        <v>486802</v>
      </c>
      <c r="FN12" s="113">
        <v>1108976</v>
      </c>
      <c r="FO12" s="110">
        <v>0</v>
      </c>
      <c r="FP12" s="114">
        <v>584276</v>
      </c>
      <c r="FQ12" s="114">
        <v>1911196</v>
      </c>
      <c r="FR12" s="114">
        <v>1743189</v>
      </c>
      <c r="FS12" s="114">
        <v>1448874</v>
      </c>
      <c r="FT12" s="114">
        <v>1048033</v>
      </c>
      <c r="FU12" s="113">
        <v>6735568</v>
      </c>
      <c r="FV12" s="116">
        <v>7844544</v>
      </c>
      <c r="FW12" s="115">
        <v>150304</v>
      </c>
      <c r="FX12" s="114">
        <v>452310</v>
      </c>
      <c r="FY12" s="112">
        <v>602614</v>
      </c>
      <c r="FZ12" s="111">
        <v>0</v>
      </c>
      <c r="GA12" s="114">
        <v>412293</v>
      </c>
      <c r="GB12" s="114">
        <v>1874698</v>
      </c>
      <c r="GC12" s="114">
        <v>1673189</v>
      </c>
      <c r="GD12" s="114">
        <v>1238874</v>
      </c>
      <c r="GE12" s="114">
        <v>1048033</v>
      </c>
      <c r="GF12" s="113">
        <v>6247087</v>
      </c>
      <c r="GG12" s="318">
        <v>6849701</v>
      </c>
      <c r="GH12" s="115">
        <v>20790</v>
      </c>
      <c r="GI12" s="114">
        <v>34492</v>
      </c>
      <c r="GJ12" s="112">
        <v>55282</v>
      </c>
      <c r="GK12" s="111">
        <v>0</v>
      </c>
      <c r="GL12" s="114">
        <v>14553</v>
      </c>
      <c r="GM12" s="114">
        <v>36498</v>
      </c>
      <c r="GN12" s="114">
        <v>70000</v>
      </c>
      <c r="GO12" s="114">
        <v>42000</v>
      </c>
      <c r="GP12" s="114">
        <v>0</v>
      </c>
      <c r="GQ12" s="113">
        <v>163051</v>
      </c>
      <c r="GR12" s="116">
        <v>218333</v>
      </c>
      <c r="GS12" s="110">
        <v>451080</v>
      </c>
      <c r="GT12" s="114">
        <v>0</v>
      </c>
      <c r="GU12" s="113">
        <v>451080</v>
      </c>
      <c r="GV12" s="110">
        <v>0</v>
      </c>
      <c r="GW12" s="114">
        <v>157430</v>
      </c>
      <c r="GX12" s="114">
        <v>0</v>
      </c>
      <c r="GY12" s="114">
        <v>0</v>
      </c>
      <c r="GZ12" s="114">
        <v>168000</v>
      </c>
      <c r="HA12" s="114">
        <v>0</v>
      </c>
      <c r="HB12" s="112">
        <v>325430</v>
      </c>
      <c r="HC12" s="116">
        <v>776510</v>
      </c>
      <c r="HD12" s="110">
        <v>405889</v>
      </c>
      <c r="HE12" s="114">
        <v>843772</v>
      </c>
      <c r="HF12" s="112">
        <v>1249661</v>
      </c>
      <c r="HG12" s="111">
        <v>0</v>
      </c>
      <c r="HH12" s="114">
        <v>4450619</v>
      </c>
      <c r="HI12" s="114">
        <v>3949863</v>
      </c>
      <c r="HJ12" s="114">
        <v>4192614</v>
      </c>
      <c r="HK12" s="114">
        <v>4712196</v>
      </c>
      <c r="HL12" s="114">
        <v>3629451</v>
      </c>
      <c r="HM12" s="113">
        <v>20934743</v>
      </c>
      <c r="HN12" s="109">
        <v>22184404</v>
      </c>
      <c r="HO12" s="328"/>
      <c r="HP12" s="329"/>
      <c r="HQ12" s="330"/>
      <c r="HR12" s="331"/>
      <c r="HS12" s="329"/>
      <c r="HT12" s="329"/>
      <c r="HU12" s="329"/>
      <c r="HV12" s="329"/>
      <c r="HW12" s="329"/>
      <c r="HX12" s="332"/>
      <c r="HY12" s="333"/>
      <c r="HZ12" s="131">
        <v>0</v>
      </c>
      <c r="IA12" s="132">
        <v>145379</v>
      </c>
      <c r="IB12" s="133">
        <v>145379</v>
      </c>
      <c r="IC12" s="134">
        <v>0</v>
      </c>
      <c r="ID12" s="135">
        <v>3328821</v>
      </c>
      <c r="IE12" s="136">
        <v>4693768</v>
      </c>
      <c r="IF12" s="137">
        <v>5241116</v>
      </c>
      <c r="IG12" s="135">
        <v>2809104</v>
      </c>
      <c r="IH12" s="137">
        <v>2549232</v>
      </c>
      <c r="II12" s="138">
        <v>18622041</v>
      </c>
      <c r="IJ12" s="139">
        <v>18767420</v>
      </c>
      <c r="IK12" s="232">
        <v>0</v>
      </c>
      <c r="IL12" s="236">
        <v>0</v>
      </c>
      <c r="IM12" s="237">
        <v>0</v>
      </c>
      <c r="IN12" s="140"/>
      <c r="IO12" s="119">
        <v>105473</v>
      </c>
      <c r="IP12" s="119">
        <v>0</v>
      </c>
      <c r="IQ12" s="119">
        <v>0</v>
      </c>
      <c r="IR12" s="119">
        <v>209034</v>
      </c>
      <c r="IS12" s="119">
        <v>327641</v>
      </c>
      <c r="IT12" s="141">
        <v>642148</v>
      </c>
      <c r="IU12" s="320">
        <v>642148</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1516897</v>
      </c>
      <c r="JL12" s="119">
        <v>1855722</v>
      </c>
      <c r="JM12" s="119">
        <v>1740673</v>
      </c>
      <c r="JN12" s="119">
        <v>192568</v>
      </c>
      <c r="JO12" s="119">
        <v>139126</v>
      </c>
      <c r="JP12" s="120">
        <v>5444986</v>
      </c>
      <c r="JQ12" s="320">
        <v>5444986</v>
      </c>
      <c r="JR12" s="142">
        <v>0</v>
      </c>
      <c r="JS12" s="119">
        <v>0</v>
      </c>
      <c r="JT12" s="141">
        <v>0</v>
      </c>
      <c r="JU12" s="118">
        <v>0</v>
      </c>
      <c r="JV12" s="119">
        <v>0</v>
      </c>
      <c r="JW12" s="119">
        <v>103102</v>
      </c>
      <c r="JX12" s="119">
        <v>23124</v>
      </c>
      <c r="JY12" s="119">
        <v>0</v>
      </c>
      <c r="JZ12" s="119">
        <v>109176</v>
      </c>
      <c r="KA12" s="120">
        <v>235402</v>
      </c>
      <c r="KB12" s="320">
        <v>235402</v>
      </c>
      <c r="KC12" s="234">
        <v>0</v>
      </c>
      <c r="KD12" s="230">
        <v>145379</v>
      </c>
      <c r="KE12" s="120">
        <v>145379</v>
      </c>
      <c r="KF12" s="118">
        <v>0</v>
      </c>
      <c r="KG12" s="119">
        <v>206307</v>
      </c>
      <c r="KH12" s="119">
        <v>864819</v>
      </c>
      <c r="KI12" s="119">
        <v>786170</v>
      </c>
      <c r="KJ12" s="119">
        <v>784244</v>
      </c>
      <c r="KK12" s="119">
        <v>252491</v>
      </c>
      <c r="KL12" s="120">
        <v>2894031</v>
      </c>
      <c r="KM12" s="143">
        <v>3039410</v>
      </c>
      <c r="KN12" s="232">
        <v>0</v>
      </c>
      <c r="KO12" s="236">
        <v>0</v>
      </c>
      <c r="KP12" s="237">
        <v>0</v>
      </c>
      <c r="KQ12" s="140"/>
      <c r="KR12" s="119">
        <v>1250677</v>
      </c>
      <c r="KS12" s="119">
        <v>1688066</v>
      </c>
      <c r="KT12" s="119">
        <v>2445609</v>
      </c>
      <c r="KU12" s="119">
        <v>1368416</v>
      </c>
      <c r="KV12" s="119">
        <v>935321</v>
      </c>
      <c r="KW12" s="120">
        <v>7688089</v>
      </c>
      <c r="KX12" s="320">
        <v>7688089</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200142</v>
      </c>
      <c r="LQ12" s="119">
        <v>0</v>
      </c>
      <c r="LR12" s="119">
        <v>0</v>
      </c>
      <c r="LS12" s="120">
        <v>382201</v>
      </c>
      <c r="LT12" s="320">
        <v>382201</v>
      </c>
      <c r="LU12" s="142">
        <v>0</v>
      </c>
      <c r="LV12" s="119">
        <v>0</v>
      </c>
      <c r="LW12" s="120">
        <v>0</v>
      </c>
      <c r="LX12" s="145"/>
      <c r="LY12" s="119">
        <v>249467</v>
      </c>
      <c r="LZ12" s="119">
        <v>0</v>
      </c>
      <c r="MA12" s="119">
        <v>45398</v>
      </c>
      <c r="MB12" s="119">
        <v>254842</v>
      </c>
      <c r="MC12" s="119">
        <v>785477</v>
      </c>
      <c r="MD12" s="120">
        <v>1335184</v>
      </c>
      <c r="ME12" s="121">
        <v>1335184</v>
      </c>
      <c r="MF12" s="142">
        <v>0</v>
      </c>
      <c r="MG12" s="119">
        <v>0</v>
      </c>
      <c r="MH12" s="120">
        <v>0</v>
      </c>
      <c r="MI12" s="145"/>
      <c r="MJ12" s="119">
        <v>0</v>
      </c>
      <c r="MK12" s="119">
        <v>1999057</v>
      </c>
      <c r="ML12" s="119">
        <v>5826167</v>
      </c>
      <c r="MM12" s="119">
        <v>10973395</v>
      </c>
      <c r="MN12" s="119">
        <v>7203628</v>
      </c>
      <c r="MO12" s="120">
        <v>26002247</v>
      </c>
      <c r="MP12" s="143">
        <v>26002247</v>
      </c>
      <c r="MQ12" s="142">
        <v>0</v>
      </c>
      <c r="MR12" s="119">
        <v>0</v>
      </c>
      <c r="MS12" s="120">
        <v>0</v>
      </c>
      <c r="MT12" s="145"/>
      <c r="MU12" s="119">
        <v>0</v>
      </c>
      <c r="MV12" s="119">
        <v>0</v>
      </c>
      <c r="MW12" s="119">
        <v>2955888</v>
      </c>
      <c r="MX12" s="119">
        <v>7130516</v>
      </c>
      <c r="MY12" s="119">
        <v>5532789</v>
      </c>
      <c r="MZ12" s="120">
        <v>15619193</v>
      </c>
      <c r="NA12" s="143">
        <v>15619193</v>
      </c>
      <c r="NB12" s="142">
        <v>0</v>
      </c>
      <c r="NC12" s="119">
        <v>0</v>
      </c>
      <c r="ND12" s="120">
        <v>0</v>
      </c>
      <c r="NE12" s="145"/>
      <c r="NF12" s="119">
        <v>0</v>
      </c>
      <c r="NG12" s="119">
        <v>1999057</v>
      </c>
      <c r="NH12" s="119">
        <v>2586148</v>
      </c>
      <c r="NI12" s="119">
        <v>3513179</v>
      </c>
      <c r="NJ12" s="119">
        <v>757092</v>
      </c>
      <c r="NK12" s="120">
        <v>8855476</v>
      </c>
      <c r="NL12" s="320">
        <v>8855476</v>
      </c>
      <c r="NM12" s="142">
        <v>0</v>
      </c>
      <c r="NN12" s="119">
        <v>0</v>
      </c>
      <c r="NO12" s="120">
        <v>0</v>
      </c>
      <c r="NP12" s="145"/>
      <c r="NQ12" s="119">
        <v>0</v>
      </c>
      <c r="NR12" s="119">
        <v>0</v>
      </c>
      <c r="NS12" s="119">
        <v>0</v>
      </c>
      <c r="NT12" s="119">
        <v>0</v>
      </c>
      <c r="NU12" s="119">
        <v>544524</v>
      </c>
      <c r="NV12" s="120">
        <v>544524</v>
      </c>
      <c r="NW12" s="121">
        <v>544524</v>
      </c>
      <c r="NX12" s="142">
        <v>0</v>
      </c>
      <c r="NY12" s="119">
        <v>0</v>
      </c>
      <c r="NZ12" s="120">
        <v>0</v>
      </c>
      <c r="OA12" s="145"/>
      <c r="OB12" s="119">
        <v>0</v>
      </c>
      <c r="OC12" s="119">
        <v>0</v>
      </c>
      <c r="OD12" s="119">
        <v>284131</v>
      </c>
      <c r="OE12" s="119">
        <v>329700</v>
      </c>
      <c r="OF12" s="119">
        <v>369223</v>
      </c>
      <c r="OG12" s="120">
        <v>983054</v>
      </c>
      <c r="OH12" s="121">
        <v>983054</v>
      </c>
      <c r="OI12" s="142">
        <v>1165729</v>
      </c>
      <c r="OJ12" s="119">
        <v>2690804</v>
      </c>
      <c r="OK12" s="141">
        <v>3856533</v>
      </c>
      <c r="OL12" s="118">
        <v>0</v>
      </c>
      <c r="OM12" s="119">
        <v>15937303</v>
      </c>
      <c r="ON12" s="119">
        <v>25796568</v>
      </c>
      <c r="OO12" s="119">
        <v>29827230</v>
      </c>
      <c r="OP12" s="119">
        <v>30468026</v>
      </c>
      <c r="OQ12" s="119">
        <v>22649465</v>
      </c>
      <c r="OR12" s="120">
        <v>124678592</v>
      </c>
      <c r="OS12" s="143">
        <v>128535125</v>
      </c>
    </row>
    <row r="13" spans="1:409" ht="21" customHeight="1" x14ac:dyDescent="0.2">
      <c r="B13" s="126" t="s">
        <v>7</v>
      </c>
      <c r="C13" s="110">
        <v>639468</v>
      </c>
      <c r="D13" s="114">
        <v>559421</v>
      </c>
      <c r="E13" s="113">
        <v>1198889</v>
      </c>
      <c r="F13" s="109">
        <v>0</v>
      </c>
      <c r="G13" s="114">
        <v>11740436</v>
      </c>
      <c r="H13" s="114">
        <v>9288726</v>
      </c>
      <c r="I13" s="114">
        <v>10984387</v>
      </c>
      <c r="J13" s="114">
        <v>10041056</v>
      </c>
      <c r="K13" s="114">
        <v>6634036</v>
      </c>
      <c r="L13" s="109">
        <v>48688641</v>
      </c>
      <c r="M13" s="116">
        <v>49887530</v>
      </c>
      <c r="N13" s="110">
        <v>92907</v>
      </c>
      <c r="O13" s="114">
        <v>53347</v>
      </c>
      <c r="P13" s="113">
        <v>146254</v>
      </c>
      <c r="Q13" s="110">
        <v>0</v>
      </c>
      <c r="R13" s="114">
        <v>3393490</v>
      </c>
      <c r="S13" s="114">
        <v>3017244</v>
      </c>
      <c r="T13" s="114">
        <v>4157472</v>
      </c>
      <c r="U13" s="114">
        <v>3162075</v>
      </c>
      <c r="V13" s="114">
        <v>4340612</v>
      </c>
      <c r="W13" s="113">
        <v>18070893</v>
      </c>
      <c r="X13" s="116">
        <v>18217147</v>
      </c>
      <c r="Y13" s="110">
        <v>0</v>
      </c>
      <c r="Z13" s="114">
        <v>0</v>
      </c>
      <c r="AA13" s="113">
        <v>0</v>
      </c>
      <c r="AB13" s="110">
        <v>0</v>
      </c>
      <c r="AC13" s="114">
        <v>1583260</v>
      </c>
      <c r="AD13" s="114">
        <v>1098485</v>
      </c>
      <c r="AE13" s="114">
        <v>2265802</v>
      </c>
      <c r="AF13" s="114">
        <v>1799122</v>
      </c>
      <c r="AG13" s="114">
        <v>2513898</v>
      </c>
      <c r="AH13" s="113">
        <v>9260567</v>
      </c>
      <c r="AI13" s="116">
        <v>9260567</v>
      </c>
      <c r="AJ13" s="110">
        <v>0</v>
      </c>
      <c r="AK13" s="114">
        <v>0</v>
      </c>
      <c r="AL13" s="113">
        <v>0</v>
      </c>
      <c r="AM13" s="110">
        <v>0</v>
      </c>
      <c r="AN13" s="114">
        <v>52773</v>
      </c>
      <c r="AO13" s="114">
        <v>195975</v>
      </c>
      <c r="AP13" s="114">
        <v>179387</v>
      </c>
      <c r="AQ13" s="114">
        <v>41524</v>
      </c>
      <c r="AR13" s="114">
        <v>513471</v>
      </c>
      <c r="AS13" s="113">
        <v>983130</v>
      </c>
      <c r="AT13" s="116">
        <v>983130</v>
      </c>
      <c r="AU13" s="110">
        <v>0</v>
      </c>
      <c r="AV13" s="114">
        <v>0</v>
      </c>
      <c r="AW13" s="113">
        <v>0</v>
      </c>
      <c r="AX13" s="110">
        <v>0</v>
      </c>
      <c r="AY13" s="114">
        <v>1083745</v>
      </c>
      <c r="AZ13" s="114">
        <v>1201951</v>
      </c>
      <c r="BA13" s="114">
        <v>1008926</v>
      </c>
      <c r="BB13" s="114">
        <v>712176</v>
      </c>
      <c r="BC13" s="114">
        <v>1011001</v>
      </c>
      <c r="BD13" s="113">
        <v>5017799</v>
      </c>
      <c r="BE13" s="116">
        <v>5017799</v>
      </c>
      <c r="BF13" s="110">
        <v>18196</v>
      </c>
      <c r="BG13" s="114">
        <v>0</v>
      </c>
      <c r="BH13" s="112">
        <v>18196</v>
      </c>
      <c r="BI13" s="111">
        <v>0</v>
      </c>
      <c r="BJ13" s="114">
        <v>102232</v>
      </c>
      <c r="BK13" s="114">
        <v>93973</v>
      </c>
      <c r="BL13" s="114">
        <v>89842</v>
      </c>
      <c r="BM13" s="114">
        <v>69343</v>
      </c>
      <c r="BN13" s="114">
        <v>47610</v>
      </c>
      <c r="BO13" s="113">
        <v>403000</v>
      </c>
      <c r="BP13" s="116">
        <v>421196</v>
      </c>
      <c r="BQ13" s="110">
        <v>74711</v>
      </c>
      <c r="BR13" s="114">
        <v>53347</v>
      </c>
      <c r="BS13" s="113">
        <v>128058</v>
      </c>
      <c r="BT13" s="110">
        <v>0</v>
      </c>
      <c r="BU13" s="114">
        <v>571480</v>
      </c>
      <c r="BV13" s="114">
        <v>426860</v>
      </c>
      <c r="BW13" s="114">
        <v>613515</v>
      </c>
      <c r="BX13" s="114">
        <v>539910</v>
      </c>
      <c r="BY13" s="114">
        <v>254632</v>
      </c>
      <c r="BZ13" s="113">
        <v>2406397</v>
      </c>
      <c r="CA13" s="116">
        <v>2534455</v>
      </c>
      <c r="CB13" s="110">
        <v>15161</v>
      </c>
      <c r="CC13" s="114">
        <v>36089</v>
      </c>
      <c r="CD13" s="113">
        <v>51250</v>
      </c>
      <c r="CE13" s="110">
        <v>0</v>
      </c>
      <c r="CF13" s="114">
        <v>3427098</v>
      </c>
      <c r="CG13" s="114">
        <v>2014809</v>
      </c>
      <c r="CH13" s="114">
        <v>1455746</v>
      </c>
      <c r="CI13" s="114">
        <v>486275</v>
      </c>
      <c r="CJ13" s="114">
        <v>468011</v>
      </c>
      <c r="CK13" s="113">
        <v>7851939</v>
      </c>
      <c r="CL13" s="116">
        <v>7903189</v>
      </c>
      <c r="CM13" s="110">
        <v>0</v>
      </c>
      <c r="CN13" s="114">
        <v>0</v>
      </c>
      <c r="CO13" s="113">
        <v>0</v>
      </c>
      <c r="CP13" s="111">
        <v>0</v>
      </c>
      <c r="CQ13" s="114">
        <v>2650756</v>
      </c>
      <c r="CR13" s="114">
        <v>1717773</v>
      </c>
      <c r="CS13" s="114">
        <v>1057015</v>
      </c>
      <c r="CT13" s="114">
        <v>407389</v>
      </c>
      <c r="CU13" s="114">
        <v>285375</v>
      </c>
      <c r="CV13" s="113">
        <v>6118308</v>
      </c>
      <c r="CW13" s="116">
        <v>6118308</v>
      </c>
      <c r="CX13" s="110">
        <v>15161</v>
      </c>
      <c r="CY13" s="114">
        <v>36089</v>
      </c>
      <c r="CZ13" s="113">
        <v>51250</v>
      </c>
      <c r="DA13" s="110">
        <v>0</v>
      </c>
      <c r="DB13" s="114">
        <v>776342</v>
      </c>
      <c r="DC13" s="114">
        <v>297036</v>
      </c>
      <c r="DD13" s="114">
        <v>398731</v>
      </c>
      <c r="DE13" s="114">
        <v>78886</v>
      </c>
      <c r="DF13" s="114">
        <v>182636</v>
      </c>
      <c r="DG13" s="113">
        <v>1733631</v>
      </c>
      <c r="DH13" s="116">
        <v>1784881</v>
      </c>
      <c r="DI13" s="110">
        <v>0</v>
      </c>
      <c r="DJ13" s="114">
        <v>0</v>
      </c>
      <c r="DK13" s="112">
        <v>0</v>
      </c>
      <c r="DL13" s="111">
        <v>0</v>
      </c>
      <c r="DM13" s="114">
        <v>397134</v>
      </c>
      <c r="DN13" s="114">
        <v>686193</v>
      </c>
      <c r="DO13" s="114">
        <v>845479</v>
      </c>
      <c r="DP13" s="114">
        <v>608100</v>
      </c>
      <c r="DQ13" s="114">
        <v>172977</v>
      </c>
      <c r="DR13" s="113">
        <v>2709883</v>
      </c>
      <c r="DS13" s="116">
        <v>2709883</v>
      </c>
      <c r="DT13" s="110">
        <v>0</v>
      </c>
      <c r="DU13" s="114">
        <v>0</v>
      </c>
      <c r="DV13" s="113">
        <v>0</v>
      </c>
      <c r="DW13" s="110">
        <v>0</v>
      </c>
      <c r="DX13" s="114">
        <v>237376</v>
      </c>
      <c r="DY13" s="114">
        <v>669398</v>
      </c>
      <c r="DZ13" s="114">
        <v>784253</v>
      </c>
      <c r="EA13" s="114">
        <v>370868</v>
      </c>
      <c r="EB13" s="114">
        <v>172977</v>
      </c>
      <c r="EC13" s="113">
        <v>2234872</v>
      </c>
      <c r="ED13" s="116">
        <v>2234872</v>
      </c>
      <c r="EE13" s="110">
        <v>0</v>
      </c>
      <c r="EF13" s="112">
        <v>0</v>
      </c>
      <c r="EG13" s="113">
        <v>0</v>
      </c>
      <c r="EH13" s="110">
        <v>0</v>
      </c>
      <c r="EI13" s="114">
        <v>159758</v>
      </c>
      <c r="EJ13" s="114">
        <v>16795</v>
      </c>
      <c r="EK13" s="114">
        <v>61226</v>
      </c>
      <c r="EL13" s="114">
        <v>237232</v>
      </c>
      <c r="EM13" s="114">
        <v>0</v>
      </c>
      <c r="EN13" s="112">
        <v>475011</v>
      </c>
      <c r="EO13" s="116">
        <v>475011</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227794</v>
      </c>
      <c r="FM13" s="114">
        <v>84322</v>
      </c>
      <c r="FN13" s="113">
        <v>312116</v>
      </c>
      <c r="FO13" s="110">
        <v>0</v>
      </c>
      <c r="FP13" s="114">
        <v>846146</v>
      </c>
      <c r="FQ13" s="114">
        <v>903119</v>
      </c>
      <c r="FR13" s="114">
        <v>776405</v>
      </c>
      <c r="FS13" s="114">
        <v>498911</v>
      </c>
      <c r="FT13" s="114">
        <v>380562</v>
      </c>
      <c r="FU13" s="113">
        <v>3405143</v>
      </c>
      <c r="FV13" s="116">
        <v>3717259</v>
      </c>
      <c r="FW13" s="115">
        <v>55916</v>
      </c>
      <c r="FX13" s="114">
        <v>84322</v>
      </c>
      <c r="FY13" s="112">
        <v>140238</v>
      </c>
      <c r="FZ13" s="111">
        <v>0</v>
      </c>
      <c r="GA13" s="114">
        <v>363146</v>
      </c>
      <c r="GB13" s="114">
        <v>894369</v>
      </c>
      <c r="GC13" s="114">
        <v>657685</v>
      </c>
      <c r="GD13" s="114">
        <v>467264</v>
      </c>
      <c r="GE13" s="114">
        <v>380562</v>
      </c>
      <c r="GF13" s="113">
        <v>2763026</v>
      </c>
      <c r="GG13" s="318">
        <v>2903264</v>
      </c>
      <c r="GH13" s="115">
        <v>31878</v>
      </c>
      <c r="GI13" s="114">
        <v>0</v>
      </c>
      <c r="GJ13" s="112">
        <v>31878</v>
      </c>
      <c r="GK13" s="111">
        <v>0</v>
      </c>
      <c r="GL13" s="114">
        <v>7700</v>
      </c>
      <c r="GM13" s="114">
        <v>8750</v>
      </c>
      <c r="GN13" s="114">
        <v>0</v>
      </c>
      <c r="GO13" s="114">
        <v>31647</v>
      </c>
      <c r="GP13" s="114">
        <v>0</v>
      </c>
      <c r="GQ13" s="113">
        <v>48097</v>
      </c>
      <c r="GR13" s="116">
        <v>79975</v>
      </c>
      <c r="GS13" s="110">
        <v>140000</v>
      </c>
      <c r="GT13" s="114">
        <v>0</v>
      </c>
      <c r="GU13" s="113">
        <v>140000</v>
      </c>
      <c r="GV13" s="110">
        <v>0</v>
      </c>
      <c r="GW13" s="114">
        <v>475300</v>
      </c>
      <c r="GX13" s="114">
        <v>0</v>
      </c>
      <c r="GY13" s="114">
        <v>118720</v>
      </c>
      <c r="GZ13" s="114">
        <v>0</v>
      </c>
      <c r="HA13" s="114">
        <v>0</v>
      </c>
      <c r="HB13" s="112">
        <v>594020</v>
      </c>
      <c r="HC13" s="116">
        <v>734020</v>
      </c>
      <c r="HD13" s="110">
        <v>303606</v>
      </c>
      <c r="HE13" s="114">
        <v>385663</v>
      </c>
      <c r="HF13" s="112">
        <v>689269</v>
      </c>
      <c r="HG13" s="111">
        <v>0</v>
      </c>
      <c r="HH13" s="114">
        <v>3676568</v>
      </c>
      <c r="HI13" s="114">
        <v>2667361</v>
      </c>
      <c r="HJ13" s="114">
        <v>3749285</v>
      </c>
      <c r="HK13" s="114">
        <v>5285695</v>
      </c>
      <c r="HL13" s="114">
        <v>1271874</v>
      </c>
      <c r="HM13" s="113">
        <v>16650783</v>
      </c>
      <c r="HN13" s="109">
        <v>17340052</v>
      </c>
      <c r="HO13" s="328"/>
      <c r="HP13" s="329"/>
      <c r="HQ13" s="330"/>
      <c r="HR13" s="331"/>
      <c r="HS13" s="329"/>
      <c r="HT13" s="329"/>
      <c r="HU13" s="329"/>
      <c r="HV13" s="329"/>
      <c r="HW13" s="329"/>
      <c r="HX13" s="332"/>
      <c r="HY13" s="333"/>
      <c r="HZ13" s="131">
        <v>0</v>
      </c>
      <c r="IA13" s="132">
        <v>0</v>
      </c>
      <c r="IB13" s="133">
        <v>0</v>
      </c>
      <c r="IC13" s="146">
        <v>0</v>
      </c>
      <c r="ID13" s="132">
        <v>1647495</v>
      </c>
      <c r="IE13" s="147">
        <v>2038378</v>
      </c>
      <c r="IF13" s="133">
        <v>2756941</v>
      </c>
      <c r="IG13" s="132">
        <v>1493112</v>
      </c>
      <c r="IH13" s="133">
        <v>626314</v>
      </c>
      <c r="II13" s="148">
        <v>8562240</v>
      </c>
      <c r="IJ13" s="139">
        <v>8562240</v>
      </c>
      <c r="IK13" s="232">
        <v>0</v>
      </c>
      <c r="IL13" s="236">
        <v>0</v>
      </c>
      <c r="IM13" s="237">
        <v>0</v>
      </c>
      <c r="IN13" s="140"/>
      <c r="IO13" s="119">
        <v>0</v>
      </c>
      <c r="IP13" s="119">
        <v>98635</v>
      </c>
      <c r="IQ13" s="119">
        <v>152840</v>
      </c>
      <c r="IR13" s="119">
        <v>0</v>
      </c>
      <c r="IS13" s="119">
        <v>0</v>
      </c>
      <c r="IT13" s="141">
        <v>251475</v>
      </c>
      <c r="IU13" s="320">
        <v>251475</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789888</v>
      </c>
      <c r="JL13" s="119">
        <v>765826</v>
      </c>
      <c r="JM13" s="119">
        <v>726698</v>
      </c>
      <c r="JN13" s="119">
        <v>335448</v>
      </c>
      <c r="JO13" s="119">
        <v>85197</v>
      </c>
      <c r="JP13" s="120">
        <v>2703057</v>
      </c>
      <c r="JQ13" s="320">
        <v>2703057</v>
      </c>
      <c r="JR13" s="142">
        <v>0</v>
      </c>
      <c r="JS13" s="119">
        <v>0</v>
      </c>
      <c r="JT13" s="141">
        <v>0</v>
      </c>
      <c r="JU13" s="118">
        <v>0</v>
      </c>
      <c r="JV13" s="119">
        <v>123978</v>
      </c>
      <c r="JW13" s="119">
        <v>249780</v>
      </c>
      <c r="JX13" s="119">
        <v>549824</v>
      </c>
      <c r="JY13" s="119">
        <v>232693</v>
      </c>
      <c r="JZ13" s="119">
        <v>95923</v>
      </c>
      <c r="KA13" s="120">
        <v>1252198</v>
      </c>
      <c r="KB13" s="320">
        <v>1252198</v>
      </c>
      <c r="KC13" s="234">
        <v>0</v>
      </c>
      <c r="KD13" s="230">
        <v>0</v>
      </c>
      <c r="KE13" s="120">
        <v>0</v>
      </c>
      <c r="KF13" s="118">
        <v>0</v>
      </c>
      <c r="KG13" s="119">
        <v>95406</v>
      </c>
      <c r="KH13" s="119">
        <v>277098</v>
      </c>
      <c r="KI13" s="119">
        <v>181345</v>
      </c>
      <c r="KJ13" s="119">
        <v>0</v>
      </c>
      <c r="KK13" s="119">
        <v>0</v>
      </c>
      <c r="KL13" s="120">
        <v>553849</v>
      </c>
      <c r="KM13" s="143">
        <v>553849</v>
      </c>
      <c r="KN13" s="232">
        <v>0</v>
      </c>
      <c r="KO13" s="236">
        <v>0</v>
      </c>
      <c r="KP13" s="237">
        <v>0</v>
      </c>
      <c r="KQ13" s="140"/>
      <c r="KR13" s="119">
        <v>638223</v>
      </c>
      <c r="KS13" s="119">
        <v>647039</v>
      </c>
      <c r="KT13" s="119">
        <v>1146234</v>
      </c>
      <c r="KU13" s="119">
        <v>924971</v>
      </c>
      <c r="KV13" s="119">
        <v>227064</v>
      </c>
      <c r="KW13" s="120">
        <v>3583531</v>
      </c>
      <c r="KX13" s="320">
        <v>3583531</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0</v>
      </c>
      <c r="LZ13" s="119">
        <v>0</v>
      </c>
      <c r="MA13" s="119">
        <v>0</v>
      </c>
      <c r="MB13" s="119">
        <v>0</v>
      </c>
      <c r="MC13" s="119">
        <v>218130</v>
      </c>
      <c r="MD13" s="120">
        <v>218130</v>
      </c>
      <c r="ME13" s="121">
        <v>218130</v>
      </c>
      <c r="MF13" s="142">
        <v>0</v>
      </c>
      <c r="MG13" s="119">
        <v>0</v>
      </c>
      <c r="MH13" s="120">
        <v>0</v>
      </c>
      <c r="MI13" s="145"/>
      <c r="MJ13" s="119">
        <v>434201</v>
      </c>
      <c r="MK13" s="119">
        <v>600440</v>
      </c>
      <c r="ML13" s="119">
        <v>1837229</v>
      </c>
      <c r="MM13" s="119">
        <v>6180735</v>
      </c>
      <c r="MN13" s="119">
        <v>3339577</v>
      </c>
      <c r="MO13" s="120">
        <v>12392182</v>
      </c>
      <c r="MP13" s="143">
        <v>12392182</v>
      </c>
      <c r="MQ13" s="142">
        <v>0</v>
      </c>
      <c r="MR13" s="119">
        <v>0</v>
      </c>
      <c r="MS13" s="120">
        <v>0</v>
      </c>
      <c r="MT13" s="145"/>
      <c r="MU13" s="119">
        <v>0</v>
      </c>
      <c r="MV13" s="119">
        <v>0</v>
      </c>
      <c r="MW13" s="119">
        <v>780565</v>
      </c>
      <c r="MX13" s="119">
        <v>4347602</v>
      </c>
      <c r="MY13" s="119">
        <v>3186626</v>
      </c>
      <c r="MZ13" s="120">
        <v>8314793</v>
      </c>
      <c r="NA13" s="143">
        <v>8314793</v>
      </c>
      <c r="NB13" s="142">
        <v>0</v>
      </c>
      <c r="NC13" s="119">
        <v>0</v>
      </c>
      <c r="ND13" s="120">
        <v>0</v>
      </c>
      <c r="NE13" s="145"/>
      <c r="NF13" s="119">
        <v>434201</v>
      </c>
      <c r="NG13" s="119">
        <v>600440</v>
      </c>
      <c r="NH13" s="119">
        <v>1056664</v>
      </c>
      <c r="NI13" s="119">
        <v>1833133</v>
      </c>
      <c r="NJ13" s="119">
        <v>152951</v>
      </c>
      <c r="NK13" s="120">
        <v>4077389</v>
      </c>
      <c r="NL13" s="320">
        <v>4077389</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639468</v>
      </c>
      <c r="OJ13" s="119">
        <v>559421</v>
      </c>
      <c r="OK13" s="141">
        <v>1198889</v>
      </c>
      <c r="OL13" s="118">
        <v>0</v>
      </c>
      <c r="OM13" s="119">
        <v>13822132</v>
      </c>
      <c r="ON13" s="119">
        <v>11927544</v>
      </c>
      <c r="OO13" s="119">
        <v>15578557</v>
      </c>
      <c r="OP13" s="119">
        <v>17714903</v>
      </c>
      <c r="OQ13" s="119">
        <v>10599927</v>
      </c>
      <c r="OR13" s="120">
        <v>69643063</v>
      </c>
      <c r="OS13" s="143">
        <v>70841952</v>
      </c>
    </row>
    <row r="14" spans="1:409" ht="21" customHeight="1" x14ac:dyDescent="0.2">
      <c r="B14" s="126" t="s">
        <v>8</v>
      </c>
      <c r="C14" s="110">
        <v>500691</v>
      </c>
      <c r="D14" s="114">
        <v>529032</v>
      </c>
      <c r="E14" s="113">
        <v>1029723</v>
      </c>
      <c r="F14" s="109">
        <v>0</v>
      </c>
      <c r="G14" s="114">
        <v>4694424</v>
      </c>
      <c r="H14" s="114">
        <v>5906355</v>
      </c>
      <c r="I14" s="114">
        <v>3905293</v>
      </c>
      <c r="J14" s="114">
        <v>5243265</v>
      </c>
      <c r="K14" s="114">
        <v>3939650</v>
      </c>
      <c r="L14" s="109">
        <v>23688987</v>
      </c>
      <c r="M14" s="116">
        <v>24718710</v>
      </c>
      <c r="N14" s="110">
        <v>193588</v>
      </c>
      <c r="O14" s="114">
        <v>115477</v>
      </c>
      <c r="P14" s="113">
        <v>309065</v>
      </c>
      <c r="Q14" s="110">
        <v>0</v>
      </c>
      <c r="R14" s="114">
        <v>1763330</v>
      </c>
      <c r="S14" s="114">
        <v>1838104</v>
      </c>
      <c r="T14" s="114">
        <v>1254024</v>
      </c>
      <c r="U14" s="114">
        <v>2229363</v>
      </c>
      <c r="V14" s="114">
        <v>1529168</v>
      </c>
      <c r="W14" s="113">
        <v>8613989</v>
      </c>
      <c r="X14" s="116">
        <v>8923054</v>
      </c>
      <c r="Y14" s="110">
        <v>0</v>
      </c>
      <c r="Z14" s="114">
        <v>0</v>
      </c>
      <c r="AA14" s="113">
        <v>0</v>
      </c>
      <c r="AB14" s="110">
        <v>0</v>
      </c>
      <c r="AC14" s="114">
        <v>919562</v>
      </c>
      <c r="AD14" s="114">
        <v>830190</v>
      </c>
      <c r="AE14" s="114">
        <v>767302</v>
      </c>
      <c r="AF14" s="114">
        <v>764367</v>
      </c>
      <c r="AG14" s="114">
        <v>855995</v>
      </c>
      <c r="AH14" s="113">
        <v>4137416</v>
      </c>
      <c r="AI14" s="116">
        <v>4137416</v>
      </c>
      <c r="AJ14" s="110">
        <v>0</v>
      </c>
      <c r="AK14" s="114">
        <v>0</v>
      </c>
      <c r="AL14" s="113">
        <v>0</v>
      </c>
      <c r="AM14" s="110">
        <v>0</v>
      </c>
      <c r="AN14" s="114">
        <v>0</v>
      </c>
      <c r="AO14" s="114">
        <v>52781</v>
      </c>
      <c r="AP14" s="114">
        <v>40348</v>
      </c>
      <c r="AQ14" s="114">
        <v>350428</v>
      </c>
      <c r="AR14" s="114">
        <v>92852</v>
      </c>
      <c r="AS14" s="113">
        <v>536409</v>
      </c>
      <c r="AT14" s="116">
        <v>536409</v>
      </c>
      <c r="AU14" s="110">
        <v>102167</v>
      </c>
      <c r="AV14" s="114">
        <v>79091</v>
      </c>
      <c r="AW14" s="113">
        <v>181258</v>
      </c>
      <c r="AX14" s="110">
        <v>0</v>
      </c>
      <c r="AY14" s="114">
        <v>522598</v>
      </c>
      <c r="AZ14" s="114">
        <v>614861</v>
      </c>
      <c r="BA14" s="114">
        <v>287326</v>
      </c>
      <c r="BB14" s="114">
        <v>707780</v>
      </c>
      <c r="BC14" s="114">
        <v>315906</v>
      </c>
      <c r="BD14" s="113">
        <v>2448471</v>
      </c>
      <c r="BE14" s="116">
        <v>2629729</v>
      </c>
      <c r="BF14" s="110">
        <v>34672</v>
      </c>
      <c r="BG14" s="114">
        <v>0</v>
      </c>
      <c r="BH14" s="112">
        <v>34672</v>
      </c>
      <c r="BI14" s="111">
        <v>0</v>
      </c>
      <c r="BJ14" s="114">
        <v>193322</v>
      </c>
      <c r="BK14" s="114">
        <v>101691</v>
      </c>
      <c r="BL14" s="114">
        <v>64632</v>
      </c>
      <c r="BM14" s="114">
        <v>146717</v>
      </c>
      <c r="BN14" s="114">
        <v>20738</v>
      </c>
      <c r="BO14" s="113">
        <v>527100</v>
      </c>
      <c r="BP14" s="116">
        <v>561772</v>
      </c>
      <c r="BQ14" s="110">
        <v>56749</v>
      </c>
      <c r="BR14" s="114">
        <v>36386</v>
      </c>
      <c r="BS14" s="113">
        <v>93135</v>
      </c>
      <c r="BT14" s="110">
        <v>0</v>
      </c>
      <c r="BU14" s="114">
        <v>127848</v>
      </c>
      <c r="BV14" s="114">
        <v>238581</v>
      </c>
      <c r="BW14" s="114">
        <v>94416</v>
      </c>
      <c r="BX14" s="114">
        <v>260071</v>
      </c>
      <c r="BY14" s="114">
        <v>243677</v>
      </c>
      <c r="BZ14" s="113">
        <v>964593</v>
      </c>
      <c r="CA14" s="116">
        <v>1057728</v>
      </c>
      <c r="CB14" s="110">
        <v>19134</v>
      </c>
      <c r="CC14" s="114">
        <v>133791</v>
      </c>
      <c r="CD14" s="113">
        <v>152925</v>
      </c>
      <c r="CE14" s="110">
        <v>0</v>
      </c>
      <c r="CF14" s="114">
        <v>1268621</v>
      </c>
      <c r="CG14" s="114">
        <v>1827467</v>
      </c>
      <c r="CH14" s="114">
        <v>640222</v>
      </c>
      <c r="CI14" s="114">
        <v>977899</v>
      </c>
      <c r="CJ14" s="114">
        <v>478311</v>
      </c>
      <c r="CK14" s="113">
        <v>5192520</v>
      </c>
      <c r="CL14" s="116">
        <v>5345445</v>
      </c>
      <c r="CM14" s="110">
        <v>0</v>
      </c>
      <c r="CN14" s="114">
        <v>0</v>
      </c>
      <c r="CO14" s="113">
        <v>0</v>
      </c>
      <c r="CP14" s="111">
        <v>0</v>
      </c>
      <c r="CQ14" s="114">
        <v>1007283</v>
      </c>
      <c r="CR14" s="114">
        <v>1475062</v>
      </c>
      <c r="CS14" s="114">
        <v>199287</v>
      </c>
      <c r="CT14" s="114">
        <v>631526</v>
      </c>
      <c r="CU14" s="114">
        <v>259827</v>
      </c>
      <c r="CV14" s="113">
        <v>3572985</v>
      </c>
      <c r="CW14" s="116">
        <v>3572985</v>
      </c>
      <c r="CX14" s="110">
        <v>19134</v>
      </c>
      <c r="CY14" s="114">
        <v>133791</v>
      </c>
      <c r="CZ14" s="113">
        <v>152925</v>
      </c>
      <c r="DA14" s="110">
        <v>0</v>
      </c>
      <c r="DB14" s="114">
        <v>261338</v>
      </c>
      <c r="DC14" s="114">
        <v>352405</v>
      </c>
      <c r="DD14" s="114">
        <v>440935</v>
      </c>
      <c r="DE14" s="114">
        <v>346373</v>
      </c>
      <c r="DF14" s="114">
        <v>218484</v>
      </c>
      <c r="DG14" s="113">
        <v>1619535</v>
      </c>
      <c r="DH14" s="116">
        <v>1772460</v>
      </c>
      <c r="DI14" s="110">
        <v>0</v>
      </c>
      <c r="DJ14" s="114">
        <v>19547</v>
      </c>
      <c r="DK14" s="112">
        <v>19547</v>
      </c>
      <c r="DL14" s="111">
        <v>0</v>
      </c>
      <c r="DM14" s="114">
        <v>94389</v>
      </c>
      <c r="DN14" s="114">
        <v>157106</v>
      </c>
      <c r="DO14" s="114">
        <v>570369</v>
      </c>
      <c r="DP14" s="114">
        <v>373205</v>
      </c>
      <c r="DQ14" s="114">
        <v>0</v>
      </c>
      <c r="DR14" s="113">
        <v>1195069</v>
      </c>
      <c r="DS14" s="116">
        <v>1214616</v>
      </c>
      <c r="DT14" s="110">
        <v>0</v>
      </c>
      <c r="DU14" s="114">
        <v>19547</v>
      </c>
      <c r="DV14" s="113">
        <v>19547</v>
      </c>
      <c r="DW14" s="110">
        <v>0</v>
      </c>
      <c r="DX14" s="114">
        <v>94389</v>
      </c>
      <c r="DY14" s="114">
        <v>157106</v>
      </c>
      <c r="DZ14" s="114">
        <v>570369</v>
      </c>
      <c r="EA14" s="114">
        <v>373205</v>
      </c>
      <c r="EB14" s="114">
        <v>0</v>
      </c>
      <c r="EC14" s="113">
        <v>1195069</v>
      </c>
      <c r="ED14" s="116">
        <v>1214616</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58478</v>
      </c>
      <c r="FM14" s="114">
        <v>101395</v>
      </c>
      <c r="FN14" s="113">
        <v>159873</v>
      </c>
      <c r="FO14" s="110">
        <v>0</v>
      </c>
      <c r="FP14" s="114">
        <v>310716</v>
      </c>
      <c r="FQ14" s="114">
        <v>563717</v>
      </c>
      <c r="FR14" s="114">
        <v>397455</v>
      </c>
      <c r="FS14" s="114">
        <v>571935</v>
      </c>
      <c r="FT14" s="114">
        <v>269017</v>
      </c>
      <c r="FU14" s="113">
        <v>2112840</v>
      </c>
      <c r="FV14" s="116">
        <v>2272713</v>
      </c>
      <c r="FW14" s="115">
        <v>58478</v>
      </c>
      <c r="FX14" s="114">
        <v>63280</v>
      </c>
      <c r="FY14" s="112">
        <v>121758</v>
      </c>
      <c r="FZ14" s="111">
        <v>0</v>
      </c>
      <c r="GA14" s="114">
        <v>244006</v>
      </c>
      <c r="GB14" s="114">
        <v>563717</v>
      </c>
      <c r="GC14" s="114">
        <v>301161</v>
      </c>
      <c r="GD14" s="114">
        <v>571935</v>
      </c>
      <c r="GE14" s="114">
        <v>269017</v>
      </c>
      <c r="GF14" s="113">
        <v>1949836</v>
      </c>
      <c r="GG14" s="318">
        <v>2071594</v>
      </c>
      <c r="GH14" s="115">
        <v>0</v>
      </c>
      <c r="GI14" s="114">
        <v>38115</v>
      </c>
      <c r="GJ14" s="112">
        <v>38115</v>
      </c>
      <c r="GK14" s="111">
        <v>0</v>
      </c>
      <c r="GL14" s="114">
        <v>36960</v>
      </c>
      <c r="GM14" s="114">
        <v>0</v>
      </c>
      <c r="GN14" s="114">
        <v>57164</v>
      </c>
      <c r="GO14" s="114">
        <v>0</v>
      </c>
      <c r="GP14" s="114">
        <v>0</v>
      </c>
      <c r="GQ14" s="113">
        <v>94124</v>
      </c>
      <c r="GR14" s="116">
        <v>132239</v>
      </c>
      <c r="GS14" s="110">
        <v>0</v>
      </c>
      <c r="GT14" s="114">
        <v>0</v>
      </c>
      <c r="GU14" s="113">
        <v>0</v>
      </c>
      <c r="GV14" s="110">
        <v>0</v>
      </c>
      <c r="GW14" s="114">
        <v>29750</v>
      </c>
      <c r="GX14" s="114">
        <v>0</v>
      </c>
      <c r="GY14" s="114">
        <v>39130</v>
      </c>
      <c r="GZ14" s="114">
        <v>0</v>
      </c>
      <c r="HA14" s="114">
        <v>0</v>
      </c>
      <c r="HB14" s="112">
        <v>68880</v>
      </c>
      <c r="HC14" s="116">
        <v>68880</v>
      </c>
      <c r="HD14" s="110">
        <v>229491</v>
      </c>
      <c r="HE14" s="114">
        <v>158822</v>
      </c>
      <c r="HF14" s="112">
        <v>388313</v>
      </c>
      <c r="HG14" s="111">
        <v>0</v>
      </c>
      <c r="HH14" s="114">
        <v>1257368</v>
      </c>
      <c r="HI14" s="114">
        <v>1519961</v>
      </c>
      <c r="HJ14" s="114">
        <v>1043223</v>
      </c>
      <c r="HK14" s="114">
        <v>1090863</v>
      </c>
      <c r="HL14" s="114">
        <v>1663154</v>
      </c>
      <c r="HM14" s="113">
        <v>6574569</v>
      </c>
      <c r="HN14" s="109">
        <v>6962882</v>
      </c>
      <c r="HO14" s="328"/>
      <c r="HP14" s="329"/>
      <c r="HQ14" s="330"/>
      <c r="HR14" s="331"/>
      <c r="HS14" s="329"/>
      <c r="HT14" s="329"/>
      <c r="HU14" s="329"/>
      <c r="HV14" s="329"/>
      <c r="HW14" s="329"/>
      <c r="HX14" s="332"/>
      <c r="HY14" s="333"/>
      <c r="HZ14" s="131">
        <v>0</v>
      </c>
      <c r="IA14" s="132">
        <v>0</v>
      </c>
      <c r="IB14" s="133">
        <v>0</v>
      </c>
      <c r="IC14" s="134">
        <v>0</v>
      </c>
      <c r="ID14" s="135">
        <v>1344983</v>
      </c>
      <c r="IE14" s="136">
        <v>1170064</v>
      </c>
      <c r="IF14" s="137">
        <v>574814</v>
      </c>
      <c r="IG14" s="135">
        <v>2193691</v>
      </c>
      <c r="IH14" s="137">
        <v>759196</v>
      </c>
      <c r="II14" s="138">
        <v>6042748</v>
      </c>
      <c r="IJ14" s="139">
        <v>6042748</v>
      </c>
      <c r="IK14" s="232">
        <v>0</v>
      </c>
      <c r="IL14" s="236">
        <v>0</v>
      </c>
      <c r="IM14" s="237">
        <v>0</v>
      </c>
      <c r="IN14" s="140"/>
      <c r="IO14" s="119">
        <v>0</v>
      </c>
      <c r="IP14" s="119">
        <v>0</v>
      </c>
      <c r="IQ14" s="119">
        <v>0</v>
      </c>
      <c r="IR14" s="119">
        <v>215000</v>
      </c>
      <c r="IS14" s="119">
        <v>0</v>
      </c>
      <c r="IT14" s="141">
        <v>215000</v>
      </c>
      <c r="IU14" s="320">
        <v>215000</v>
      </c>
      <c r="IV14" s="142">
        <v>0</v>
      </c>
      <c r="IW14" s="119">
        <v>0</v>
      </c>
      <c r="IX14" s="120">
        <v>0</v>
      </c>
      <c r="IY14" s="144"/>
      <c r="IZ14" s="119">
        <v>0</v>
      </c>
      <c r="JA14" s="119">
        <v>0</v>
      </c>
      <c r="JB14" s="119">
        <v>0</v>
      </c>
      <c r="JC14" s="119">
        <v>14987</v>
      </c>
      <c r="JD14" s="119">
        <v>0</v>
      </c>
      <c r="JE14" s="120">
        <v>14987</v>
      </c>
      <c r="JF14" s="121">
        <v>14987</v>
      </c>
      <c r="JG14" s="142">
        <v>0</v>
      </c>
      <c r="JH14" s="119">
        <v>0</v>
      </c>
      <c r="JI14" s="141">
        <v>0</v>
      </c>
      <c r="JJ14" s="118">
        <v>0</v>
      </c>
      <c r="JK14" s="119">
        <v>978121</v>
      </c>
      <c r="JL14" s="119">
        <v>706840</v>
      </c>
      <c r="JM14" s="119">
        <v>361735</v>
      </c>
      <c r="JN14" s="119">
        <v>537224</v>
      </c>
      <c r="JO14" s="119">
        <v>0</v>
      </c>
      <c r="JP14" s="120">
        <v>2583920</v>
      </c>
      <c r="JQ14" s="320">
        <v>2583920</v>
      </c>
      <c r="JR14" s="142">
        <v>0</v>
      </c>
      <c r="JS14" s="119">
        <v>0</v>
      </c>
      <c r="JT14" s="141">
        <v>0</v>
      </c>
      <c r="JU14" s="118">
        <v>0</v>
      </c>
      <c r="JV14" s="119">
        <v>0</v>
      </c>
      <c r="JW14" s="119">
        <v>23624</v>
      </c>
      <c r="JX14" s="119">
        <v>0</v>
      </c>
      <c r="JY14" s="119">
        <v>0</v>
      </c>
      <c r="JZ14" s="119">
        <v>0</v>
      </c>
      <c r="KA14" s="120">
        <v>23624</v>
      </c>
      <c r="KB14" s="320">
        <v>23624</v>
      </c>
      <c r="KC14" s="234">
        <v>0</v>
      </c>
      <c r="KD14" s="230">
        <v>0</v>
      </c>
      <c r="KE14" s="120">
        <v>0</v>
      </c>
      <c r="KF14" s="118">
        <v>0</v>
      </c>
      <c r="KG14" s="119">
        <v>366862</v>
      </c>
      <c r="KH14" s="119">
        <v>0</v>
      </c>
      <c r="KI14" s="119">
        <v>213079</v>
      </c>
      <c r="KJ14" s="119">
        <v>214105</v>
      </c>
      <c r="KK14" s="119">
        <v>257396</v>
      </c>
      <c r="KL14" s="120">
        <v>1051442</v>
      </c>
      <c r="KM14" s="143">
        <v>1051442</v>
      </c>
      <c r="KN14" s="232">
        <v>0</v>
      </c>
      <c r="KO14" s="236">
        <v>0</v>
      </c>
      <c r="KP14" s="237">
        <v>0</v>
      </c>
      <c r="KQ14" s="140"/>
      <c r="KR14" s="119">
        <v>0</v>
      </c>
      <c r="KS14" s="119">
        <v>439600</v>
      </c>
      <c r="KT14" s="119">
        <v>0</v>
      </c>
      <c r="KU14" s="119">
        <v>1020277</v>
      </c>
      <c r="KV14" s="119">
        <v>237254</v>
      </c>
      <c r="KW14" s="120">
        <v>1697131</v>
      </c>
      <c r="KX14" s="320">
        <v>1697131</v>
      </c>
      <c r="KY14" s="142">
        <v>0</v>
      </c>
      <c r="KZ14" s="119">
        <v>0</v>
      </c>
      <c r="LA14" s="120">
        <v>0</v>
      </c>
      <c r="LB14" s="145"/>
      <c r="LC14" s="119">
        <v>0</v>
      </c>
      <c r="LD14" s="119">
        <v>0</v>
      </c>
      <c r="LE14" s="119">
        <v>0</v>
      </c>
      <c r="LF14" s="119">
        <v>192098</v>
      </c>
      <c r="LG14" s="119">
        <v>0</v>
      </c>
      <c r="LH14" s="120">
        <v>192098</v>
      </c>
      <c r="LI14" s="121">
        <v>192098</v>
      </c>
      <c r="LJ14" s="142">
        <v>0</v>
      </c>
      <c r="LK14" s="119">
        <v>0</v>
      </c>
      <c r="LL14" s="120">
        <v>0</v>
      </c>
      <c r="LM14" s="145"/>
      <c r="LN14" s="119">
        <v>0</v>
      </c>
      <c r="LO14" s="119">
        <v>0</v>
      </c>
      <c r="LP14" s="119">
        <v>0</v>
      </c>
      <c r="LQ14" s="119">
        <v>0</v>
      </c>
      <c r="LR14" s="119">
        <v>264546</v>
      </c>
      <c r="LS14" s="120">
        <v>264546</v>
      </c>
      <c r="LT14" s="320">
        <v>264546</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48</v>
      </c>
      <c r="MK14" s="119">
        <v>914277</v>
      </c>
      <c r="ML14" s="119">
        <v>2579790</v>
      </c>
      <c r="MM14" s="119">
        <v>3763472</v>
      </c>
      <c r="MN14" s="119">
        <v>2167581</v>
      </c>
      <c r="MO14" s="120">
        <v>9424872</v>
      </c>
      <c r="MP14" s="143">
        <v>9424872</v>
      </c>
      <c r="MQ14" s="142">
        <v>0</v>
      </c>
      <c r="MR14" s="119">
        <v>0</v>
      </c>
      <c r="MS14" s="120">
        <v>0</v>
      </c>
      <c r="MT14" s="145"/>
      <c r="MU14" s="119">
        <v>-248</v>
      </c>
      <c r="MV14" s="119">
        <v>-482</v>
      </c>
      <c r="MW14" s="119">
        <v>1672889</v>
      </c>
      <c r="MX14" s="119">
        <v>2037447</v>
      </c>
      <c r="MY14" s="119">
        <v>1206086</v>
      </c>
      <c r="MZ14" s="120">
        <v>4915692</v>
      </c>
      <c r="NA14" s="143">
        <v>4915692</v>
      </c>
      <c r="NB14" s="142">
        <v>0</v>
      </c>
      <c r="NC14" s="119">
        <v>0</v>
      </c>
      <c r="ND14" s="120">
        <v>0</v>
      </c>
      <c r="NE14" s="145"/>
      <c r="NF14" s="119">
        <v>0</v>
      </c>
      <c r="NG14" s="119">
        <v>914759</v>
      </c>
      <c r="NH14" s="119">
        <v>906901</v>
      </c>
      <c r="NI14" s="119">
        <v>1418272</v>
      </c>
      <c r="NJ14" s="119">
        <v>961495</v>
      </c>
      <c r="NK14" s="120">
        <v>4201427</v>
      </c>
      <c r="NL14" s="320">
        <v>4201427</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07753</v>
      </c>
      <c r="OF14" s="119">
        <v>0</v>
      </c>
      <c r="OG14" s="120">
        <v>307753</v>
      </c>
      <c r="OH14" s="121">
        <v>307753</v>
      </c>
      <c r="OI14" s="142">
        <v>500691</v>
      </c>
      <c r="OJ14" s="119">
        <v>529032</v>
      </c>
      <c r="OK14" s="141">
        <v>1029723</v>
      </c>
      <c r="OL14" s="118">
        <v>0</v>
      </c>
      <c r="OM14" s="119">
        <v>6039159</v>
      </c>
      <c r="ON14" s="119">
        <v>7990696</v>
      </c>
      <c r="OO14" s="119">
        <v>7059897</v>
      </c>
      <c r="OP14" s="119">
        <v>11200428</v>
      </c>
      <c r="OQ14" s="119">
        <v>6866427</v>
      </c>
      <c r="OR14" s="120">
        <v>39156607</v>
      </c>
      <c r="OS14" s="143">
        <v>40186330</v>
      </c>
    </row>
    <row r="15" spans="1:409" ht="21" customHeight="1" x14ac:dyDescent="0.2">
      <c r="B15" s="126" t="s">
        <v>9</v>
      </c>
      <c r="C15" s="110">
        <v>1133761</v>
      </c>
      <c r="D15" s="114">
        <v>1501271</v>
      </c>
      <c r="E15" s="113">
        <v>2635032</v>
      </c>
      <c r="F15" s="111">
        <v>0</v>
      </c>
      <c r="G15" s="114">
        <v>13075883</v>
      </c>
      <c r="H15" s="114">
        <v>10076854</v>
      </c>
      <c r="I15" s="114">
        <v>10120551</v>
      </c>
      <c r="J15" s="114">
        <v>14987098</v>
      </c>
      <c r="K15" s="114">
        <v>11490515</v>
      </c>
      <c r="L15" s="109">
        <v>59750901</v>
      </c>
      <c r="M15" s="116">
        <v>62385933</v>
      </c>
      <c r="N15" s="110">
        <v>284127</v>
      </c>
      <c r="O15" s="114">
        <v>346877</v>
      </c>
      <c r="P15" s="113">
        <v>631004</v>
      </c>
      <c r="Q15" s="110">
        <v>0</v>
      </c>
      <c r="R15" s="114">
        <v>4125875</v>
      </c>
      <c r="S15" s="114">
        <v>4129621</v>
      </c>
      <c r="T15" s="114">
        <v>4310103</v>
      </c>
      <c r="U15" s="114">
        <v>5606117</v>
      </c>
      <c r="V15" s="114">
        <v>6836310</v>
      </c>
      <c r="W15" s="113">
        <v>25008026</v>
      </c>
      <c r="X15" s="116">
        <v>25639030</v>
      </c>
      <c r="Y15" s="110">
        <v>0</v>
      </c>
      <c r="Z15" s="114">
        <v>0</v>
      </c>
      <c r="AA15" s="113">
        <v>0</v>
      </c>
      <c r="AB15" s="110">
        <v>0</v>
      </c>
      <c r="AC15" s="114">
        <v>1588978</v>
      </c>
      <c r="AD15" s="114">
        <v>2008482</v>
      </c>
      <c r="AE15" s="114">
        <v>2580253</v>
      </c>
      <c r="AF15" s="114">
        <v>3300912</v>
      </c>
      <c r="AG15" s="114">
        <v>3904015</v>
      </c>
      <c r="AH15" s="113">
        <v>13382640</v>
      </c>
      <c r="AI15" s="116">
        <v>13382640</v>
      </c>
      <c r="AJ15" s="110">
        <v>0</v>
      </c>
      <c r="AK15" s="114">
        <v>0</v>
      </c>
      <c r="AL15" s="113">
        <v>0</v>
      </c>
      <c r="AM15" s="110">
        <v>0</v>
      </c>
      <c r="AN15" s="114">
        <v>190170</v>
      </c>
      <c r="AO15" s="114">
        <v>43817</v>
      </c>
      <c r="AP15" s="114">
        <v>0</v>
      </c>
      <c r="AQ15" s="114">
        <v>474915</v>
      </c>
      <c r="AR15" s="114">
        <v>887193</v>
      </c>
      <c r="AS15" s="113">
        <v>1596095</v>
      </c>
      <c r="AT15" s="116">
        <v>1596095</v>
      </c>
      <c r="AU15" s="110">
        <v>123813</v>
      </c>
      <c r="AV15" s="114">
        <v>224278</v>
      </c>
      <c r="AW15" s="113">
        <v>348091</v>
      </c>
      <c r="AX15" s="110">
        <v>0</v>
      </c>
      <c r="AY15" s="114">
        <v>1576419</v>
      </c>
      <c r="AZ15" s="114">
        <v>1109661</v>
      </c>
      <c r="BA15" s="114">
        <v>955273</v>
      </c>
      <c r="BB15" s="114">
        <v>968802</v>
      </c>
      <c r="BC15" s="114">
        <v>1295169</v>
      </c>
      <c r="BD15" s="113">
        <v>5905324</v>
      </c>
      <c r="BE15" s="116">
        <v>6253415</v>
      </c>
      <c r="BF15" s="110">
        <v>0</v>
      </c>
      <c r="BG15" s="114">
        <v>51647</v>
      </c>
      <c r="BH15" s="112">
        <v>51647</v>
      </c>
      <c r="BI15" s="111">
        <v>0</v>
      </c>
      <c r="BJ15" s="114">
        <v>125384</v>
      </c>
      <c r="BK15" s="114">
        <v>250308</v>
      </c>
      <c r="BL15" s="114">
        <v>101590</v>
      </c>
      <c r="BM15" s="114">
        <v>195606</v>
      </c>
      <c r="BN15" s="114">
        <v>221160</v>
      </c>
      <c r="BO15" s="113">
        <v>894048</v>
      </c>
      <c r="BP15" s="116">
        <v>945695</v>
      </c>
      <c r="BQ15" s="110">
        <v>160314</v>
      </c>
      <c r="BR15" s="114">
        <v>70952</v>
      </c>
      <c r="BS15" s="113">
        <v>231266</v>
      </c>
      <c r="BT15" s="110">
        <v>0</v>
      </c>
      <c r="BU15" s="114">
        <v>644924</v>
      </c>
      <c r="BV15" s="114">
        <v>717353</v>
      </c>
      <c r="BW15" s="114">
        <v>672987</v>
      </c>
      <c r="BX15" s="114">
        <v>665882</v>
      </c>
      <c r="BY15" s="114">
        <v>528773</v>
      </c>
      <c r="BZ15" s="113">
        <v>3229919</v>
      </c>
      <c r="CA15" s="116">
        <v>3461185</v>
      </c>
      <c r="CB15" s="110">
        <v>53651</v>
      </c>
      <c r="CC15" s="114">
        <v>303468</v>
      </c>
      <c r="CD15" s="113">
        <v>357119</v>
      </c>
      <c r="CE15" s="110">
        <v>0</v>
      </c>
      <c r="CF15" s="114">
        <v>2266340</v>
      </c>
      <c r="CG15" s="114">
        <v>1040843</v>
      </c>
      <c r="CH15" s="114">
        <v>1621152</v>
      </c>
      <c r="CI15" s="114">
        <v>1634016</v>
      </c>
      <c r="CJ15" s="114">
        <v>398976</v>
      </c>
      <c r="CK15" s="113">
        <v>6961327</v>
      </c>
      <c r="CL15" s="116">
        <v>7318446</v>
      </c>
      <c r="CM15" s="110">
        <v>0</v>
      </c>
      <c r="CN15" s="114">
        <v>0</v>
      </c>
      <c r="CO15" s="113">
        <v>0</v>
      </c>
      <c r="CP15" s="111">
        <v>0</v>
      </c>
      <c r="CQ15" s="114">
        <v>1926851</v>
      </c>
      <c r="CR15" s="114">
        <v>1448702</v>
      </c>
      <c r="CS15" s="114">
        <v>1286098</v>
      </c>
      <c r="CT15" s="114">
        <v>1048167</v>
      </c>
      <c r="CU15" s="114">
        <v>398976</v>
      </c>
      <c r="CV15" s="113">
        <v>6108794</v>
      </c>
      <c r="CW15" s="116">
        <v>6108794</v>
      </c>
      <c r="CX15" s="110">
        <v>53651</v>
      </c>
      <c r="CY15" s="114">
        <v>303468</v>
      </c>
      <c r="CZ15" s="113">
        <v>357119</v>
      </c>
      <c r="DA15" s="110">
        <v>0</v>
      </c>
      <c r="DB15" s="114">
        <v>339489</v>
      </c>
      <c r="DC15" s="114">
        <v>-407859</v>
      </c>
      <c r="DD15" s="114">
        <v>335054</v>
      </c>
      <c r="DE15" s="114">
        <v>585849</v>
      </c>
      <c r="DF15" s="114">
        <v>0</v>
      </c>
      <c r="DG15" s="113">
        <v>852533</v>
      </c>
      <c r="DH15" s="116">
        <v>1209652</v>
      </c>
      <c r="DI15" s="110">
        <v>20043</v>
      </c>
      <c r="DJ15" s="114">
        <v>0</v>
      </c>
      <c r="DK15" s="112">
        <v>20043</v>
      </c>
      <c r="DL15" s="111">
        <v>0</v>
      </c>
      <c r="DM15" s="114">
        <v>553027</v>
      </c>
      <c r="DN15" s="114">
        <v>704265</v>
      </c>
      <c r="DO15" s="114">
        <v>699931</v>
      </c>
      <c r="DP15" s="114">
        <v>684368</v>
      </c>
      <c r="DQ15" s="114">
        <v>525525</v>
      </c>
      <c r="DR15" s="113">
        <v>3167116</v>
      </c>
      <c r="DS15" s="116">
        <v>3187159</v>
      </c>
      <c r="DT15" s="110">
        <v>20043</v>
      </c>
      <c r="DU15" s="114">
        <v>0</v>
      </c>
      <c r="DV15" s="113">
        <v>20043</v>
      </c>
      <c r="DW15" s="110">
        <v>0</v>
      </c>
      <c r="DX15" s="114">
        <v>553027</v>
      </c>
      <c r="DY15" s="114">
        <v>550470</v>
      </c>
      <c r="DZ15" s="114">
        <v>616829</v>
      </c>
      <c r="EA15" s="114">
        <v>615986</v>
      </c>
      <c r="EB15" s="114">
        <v>449998</v>
      </c>
      <c r="EC15" s="113">
        <v>2786310</v>
      </c>
      <c r="ED15" s="116">
        <v>2806353</v>
      </c>
      <c r="EE15" s="110">
        <v>0</v>
      </c>
      <c r="EF15" s="112">
        <v>0</v>
      </c>
      <c r="EG15" s="113">
        <v>0</v>
      </c>
      <c r="EH15" s="110">
        <v>0</v>
      </c>
      <c r="EI15" s="114">
        <v>0</v>
      </c>
      <c r="EJ15" s="114">
        <v>153795</v>
      </c>
      <c r="EK15" s="114">
        <v>83102</v>
      </c>
      <c r="EL15" s="114">
        <v>68382</v>
      </c>
      <c r="EM15" s="114">
        <v>75527</v>
      </c>
      <c r="EN15" s="112">
        <v>380806</v>
      </c>
      <c r="EO15" s="116">
        <v>380806</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370706</v>
      </c>
      <c r="FM15" s="114">
        <v>285208</v>
      </c>
      <c r="FN15" s="113">
        <v>655914</v>
      </c>
      <c r="FO15" s="110">
        <v>0</v>
      </c>
      <c r="FP15" s="114">
        <v>653184</v>
      </c>
      <c r="FQ15" s="114">
        <v>1169385</v>
      </c>
      <c r="FR15" s="114">
        <v>856443</v>
      </c>
      <c r="FS15" s="114">
        <v>1183623</v>
      </c>
      <c r="FT15" s="114">
        <v>726187</v>
      </c>
      <c r="FU15" s="113">
        <v>4588822</v>
      </c>
      <c r="FV15" s="116">
        <v>5244736</v>
      </c>
      <c r="FW15" s="115">
        <v>128996</v>
      </c>
      <c r="FX15" s="114">
        <v>181328</v>
      </c>
      <c r="FY15" s="112">
        <v>310324</v>
      </c>
      <c r="FZ15" s="111">
        <v>0</v>
      </c>
      <c r="GA15" s="114">
        <v>570248</v>
      </c>
      <c r="GB15" s="114">
        <v>995890</v>
      </c>
      <c r="GC15" s="114">
        <v>780353</v>
      </c>
      <c r="GD15" s="114">
        <v>1046213</v>
      </c>
      <c r="GE15" s="114">
        <v>714637</v>
      </c>
      <c r="GF15" s="113">
        <v>4107341</v>
      </c>
      <c r="GG15" s="318">
        <v>4417665</v>
      </c>
      <c r="GH15" s="115">
        <v>0</v>
      </c>
      <c r="GI15" s="114">
        <v>18480</v>
      </c>
      <c r="GJ15" s="112">
        <v>18480</v>
      </c>
      <c r="GK15" s="111">
        <v>0</v>
      </c>
      <c r="GL15" s="114">
        <v>25536</v>
      </c>
      <c r="GM15" s="114">
        <v>33495</v>
      </c>
      <c r="GN15" s="114">
        <v>57610</v>
      </c>
      <c r="GO15" s="114">
        <v>25410</v>
      </c>
      <c r="GP15" s="114">
        <v>11550</v>
      </c>
      <c r="GQ15" s="113">
        <v>153601</v>
      </c>
      <c r="GR15" s="116">
        <v>172081</v>
      </c>
      <c r="GS15" s="110">
        <v>241710</v>
      </c>
      <c r="GT15" s="114">
        <v>85400</v>
      </c>
      <c r="GU15" s="113">
        <v>327110</v>
      </c>
      <c r="GV15" s="110">
        <v>0</v>
      </c>
      <c r="GW15" s="114">
        <v>57400</v>
      </c>
      <c r="GX15" s="114">
        <v>140000</v>
      </c>
      <c r="GY15" s="114">
        <v>18480</v>
      </c>
      <c r="GZ15" s="114">
        <v>112000</v>
      </c>
      <c r="HA15" s="114">
        <v>0</v>
      </c>
      <c r="HB15" s="112">
        <v>327880</v>
      </c>
      <c r="HC15" s="116">
        <v>654990</v>
      </c>
      <c r="HD15" s="110">
        <v>405234</v>
      </c>
      <c r="HE15" s="114">
        <v>565718</v>
      </c>
      <c r="HF15" s="112">
        <v>970952</v>
      </c>
      <c r="HG15" s="111">
        <v>0</v>
      </c>
      <c r="HH15" s="114">
        <v>5477457</v>
      </c>
      <c r="HI15" s="114">
        <v>3032740</v>
      </c>
      <c r="HJ15" s="114">
        <v>2632922</v>
      </c>
      <c r="HK15" s="114">
        <v>5878974</v>
      </c>
      <c r="HL15" s="114">
        <v>3003517</v>
      </c>
      <c r="HM15" s="113">
        <v>20025610</v>
      </c>
      <c r="HN15" s="109">
        <v>20996562</v>
      </c>
      <c r="HO15" s="328"/>
      <c r="HP15" s="329"/>
      <c r="HQ15" s="330"/>
      <c r="HR15" s="331"/>
      <c r="HS15" s="329"/>
      <c r="HT15" s="329"/>
      <c r="HU15" s="329"/>
      <c r="HV15" s="329"/>
      <c r="HW15" s="329"/>
      <c r="HX15" s="332"/>
      <c r="HY15" s="333"/>
      <c r="HZ15" s="128">
        <v>0</v>
      </c>
      <c r="IA15" s="149">
        <v>68145</v>
      </c>
      <c r="IB15" s="129">
        <v>68145</v>
      </c>
      <c r="IC15" s="146">
        <v>0</v>
      </c>
      <c r="ID15" s="132">
        <v>1680727</v>
      </c>
      <c r="IE15" s="147">
        <v>3216371</v>
      </c>
      <c r="IF15" s="133">
        <v>3503311</v>
      </c>
      <c r="IG15" s="132">
        <v>2184156</v>
      </c>
      <c r="IH15" s="133">
        <v>1077785</v>
      </c>
      <c r="II15" s="148">
        <v>11662350</v>
      </c>
      <c r="IJ15" s="130">
        <v>11730495</v>
      </c>
      <c r="IK15" s="232">
        <v>0</v>
      </c>
      <c r="IL15" s="236">
        <v>0</v>
      </c>
      <c r="IM15" s="237">
        <v>0</v>
      </c>
      <c r="IN15" s="140"/>
      <c r="IO15" s="119">
        <v>61067</v>
      </c>
      <c r="IP15" s="119">
        <v>101846</v>
      </c>
      <c r="IQ15" s="119">
        <v>175375</v>
      </c>
      <c r="IR15" s="119">
        <v>422221</v>
      </c>
      <c r="IS15" s="119">
        <v>0</v>
      </c>
      <c r="IT15" s="141">
        <v>760509</v>
      </c>
      <c r="IU15" s="320">
        <v>760509</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309880</v>
      </c>
      <c r="JL15" s="119">
        <v>901843</v>
      </c>
      <c r="JM15" s="119">
        <v>1193179</v>
      </c>
      <c r="JN15" s="119">
        <v>275483</v>
      </c>
      <c r="JO15" s="119">
        <v>313161</v>
      </c>
      <c r="JP15" s="120">
        <v>3993546</v>
      </c>
      <c r="JQ15" s="320">
        <v>3993546</v>
      </c>
      <c r="JR15" s="142">
        <v>0</v>
      </c>
      <c r="JS15" s="119">
        <v>0</v>
      </c>
      <c r="JT15" s="141">
        <v>0</v>
      </c>
      <c r="JU15" s="118">
        <v>0</v>
      </c>
      <c r="JV15" s="119">
        <v>0</v>
      </c>
      <c r="JW15" s="119">
        <v>0</v>
      </c>
      <c r="JX15" s="119">
        <v>383300</v>
      </c>
      <c r="JY15" s="119">
        <v>163203</v>
      </c>
      <c r="JZ15" s="119">
        <v>102191</v>
      </c>
      <c r="KA15" s="120">
        <v>648694</v>
      </c>
      <c r="KB15" s="320">
        <v>648694</v>
      </c>
      <c r="KC15" s="234">
        <v>0</v>
      </c>
      <c r="KD15" s="230">
        <v>68145</v>
      </c>
      <c r="KE15" s="120">
        <v>68145</v>
      </c>
      <c r="KF15" s="118">
        <v>0</v>
      </c>
      <c r="KG15" s="119">
        <v>309780</v>
      </c>
      <c r="KH15" s="119">
        <v>0</v>
      </c>
      <c r="KI15" s="119">
        <v>222024</v>
      </c>
      <c r="KJ15" s="119">
        <v>895646</v>
      </c>
      <c r="KK15" s="119">
        <v>0</v>
      </c>
      <c r="KL15" s="120">
        <v>1427450</v>
      </c>
      <c r="KM15" s="143">
        <v>1495595</v>
      </c>
      <c r="KN15" s="232">
        <v>0</v>
      </c>
      <c r="KO15" s="236">
        <v>0</v>
      </c>
      <c r="KP15" s="237">
        <v>0</v>
      </c>
      <c r="KQ15" s="140"/>
      <c r="KR15" s="119">
        <v>0</v>
      </c>
      <c r="KS15" s="119">
        <v>1538620</v>
      </c>
      <c r="KT15" s="119">
        <v>1044812</v>
      </c>
      <c r="KU15" s="119">
        <v>232817</v>
      </c>
      <c r="KV15" s="119">
        <v>89068</v>
      </c>
      <c r="KW15" s="120">
        <v>2905317</v>
      </c>
      <c r="KX15" s="320">
        <v>2905317</v>
      </c>
      <c r="KY15" s="142">
        <v>0</v>
      </c>
      <c r="KZ15" s="119">
        <v>0</v>
      </c>
      <c r="LA15" s="120">
        <v>0</v>
      </c>
      <c r="LB15" s="145"/>
      <c r="LC15" s="119">
        <v>0</v>
      </c>
      <c r="LD15" s="119">
        <v>480270</v>
      </c>
      <c r="LE15" s="119">
        <v>0</v>
      </c>
      <c r="LF15" s="119">
        <v>194786</v>
      </c>
      <c r="LG15" s="119">
        <v>0</v>
      </c>
      <c r="LH15" s="120">
        <v>675056</v>
      </c>
      <c r="LI15" s="121">
        <v>675056</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3792</v>
      </c>
      <c r="MA15" s="119">
        <v>484621</v>
      </c>
      <c r="MB15" s="119">
        <v>0</v>
      </c>
      <c r="MC15" s="119">
        <v>573365</v>
      </c>
      <c r="MD15" s="120">
        <v>1251778</v>
      </c>
      <c r="ME15" s="121">
        <v>1251778</v>
      </c>
      <c r="MF15" s="142">
        <v>0</v>
      </c>
      <c r="MG15" s="119">
        <v>0</v>
      </c>
      <c r="MH15" s="120">
        <v>0</v>
      </c>
      <c r="MI15" s="145"/>
      <c r="MJ15" s="119">
        <v>193897</v>
      </c>
      <c r="MK15" s="119">
        <v>1138538</v>
      </c>
      <c r="ML15" s="119">
        <v>2283601</v>
      </c>
      <c r="MM15" s="119">
        <v>5566576</v>
      </c>
      <c r="MN15" s="119">
        <v>3805563</v>
      </c>
      <c r="MO15" s="120">
        <v>12988175</v>
      </c>
      <c r="MP15" s="143">
        <v>12988175</v>
      </c>
      <c r="MQ15" s="142">
        <v>0</v>
      </c>
      <c r="MR15" s="119">
        <v>0</v>
      </c>
      <c r="MS15" s="120">
        <v>0</v>
      </c>
      <c r="MT15" s="145"/>
      <c r="MU15" s="119">
        <v>193897</v>
      </c>
      <c r="MV15" s="119">
        <v>0</v>
      </c>
      <c r="MW15" s="119">
        <v>736265</v>
      </c>
      <c r="MX15" s="119">
        <v>4157091</v>
      </c>
      <c r="MY15" s="119">
        <v>2603321</v>
      </c>
      <c r="MZ15" s="120">
        <v>7690574</v>
      </c>
      <c r="NA15" s="143">
        <v>7690574</v>
      </c>
      <c r="NB15" s="142">
        <v>0</v>
      </c>
      <c r="NC15" s="119">
        <v>0</v>
      </c>
      <c r="ND15" s="120">
        <v>0</v>
      </c>
      <c r="NE15" s="145"/>
      <c r="NF15" s="119">
        <v>0</v>
      </c>
      <c r="NG15" s="119">
        <v>1138538</v>
      </c>
      <c r="NH15" s="119">
        <v>1547336</v>
      </c>
      <c r="NI15" s="119">
        <v>1409485</v>
      </c>
      <c r="NJ15" s="119">
        <v>1145104</v>
      </c>
      <c r="NK15" s="120">
        <v>5240463</v>
      </c>
      <c r="NL15" s="320">
        <v>5240463</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57138</v>
      </c>
      <c r="OG15" s="120">
        <v>57138</v>
      </c>
      <c r="OH15" s="121">
        <v>57138</v>
      </c>
      <c r="OI15" s="142">
        <v>1133761</v>
      </c>
      <c r="OJ15" s="119">
        <v>1569416</v>
      </c>
      <c r="OK15" s="141">
        <v>2703177</v>
      </c>
      <c r="OL15" s="118">
        <v>0</v>
      </c>
      <c r="OM15" s="119">
        <v>14950507</v>
      </c>
      <c r="ON15" s="119">
        <v>14431763</v>
      </c>
      <c r="OO15" s="119">
        <v>15907463</v>
      </c>
      <c r="OP15" s="119">
        <v>22737830</v>
      </c>
      <c r="OQ15" s="119">
        <v>16373863</v>
      </c>
      <c r="OR15" s="120">
        <v>84401426</v>
      </c>
      <c r="OS15" s="143">
        <v>87104603</v>
      </c>
    </row>
    <row r="16" spans="1:409" ht="21" customHeight="1" x14ac:dyDescent="0.2">
      <c r="B16" s="126" t="s">
        <v>10</v>
      </c>
      <c r="C16" s="110">
        <v>1441636</v>
      </c>
      <c r="D16" s="114">
        <v>2297801</v>
      </c>
      <c r="E16" s="113">
        <v>3739437</v>
      </c>
      <c r="F16" s="172">
        <v>0</v>
      </c>
      <c r="G16" s="114">
        <v>17712756</v>
      </c>
      <c r="H16" s="114">
        <v>13985960</v>
      </c>
      <c r="I16" s="114">
        <v>13542472</v>
      </c>
      <c r="J16" s="114">
        <v>15700191</v>
      </c>
      <c r="K16" s="114">
        <v>12657824</v>
      </c>
      <c r="L16" s="109">
        <v>73599203</v>
      </c>
      <c r="M16" s="116">
        <v>77338640</v>
      </c>
      <c r="N16" s="110">
        <v>516828</v>
      </c>
      <c r="O16" s="114">
        <v>886059</v>
      </c>
      <c r="P16" s="113">
        <v>1402887</v>
      </c>
      <c r="Q16" s="110">
        <v>0</v>
      </c>
      <c r="R16" s="114">
        <v>6550993</v>
      </c>
      <c r="S16" s="114">
        <v>3870672</v>
      </c>
      <c r="T16" s="114">
        <v>5100164</v>
      </c>
      <c r="U16" s="114">
        <v>6532260</v>
      </c>
      <c r="V16" s="114">
        <v>6085429</v>
      </c>
      <c r="W16" s="113">
        <v>28139518</v>
      </c>
      <c r="X16" s="116">
        <v>29542405</v>
      </c>
      <c r="Y16" s="110">
        <v>0</v>
      </c>
      <c r="Z16" s="114">
        <v>0</v>
      </c>
      <c r="AA16" s="113">
        <v>0</v>
      </c>
      <c r="AB16" s="110">
        <v>0</v>
      </c>
      <c r="AC16" s="114">
        <v>3059654</v>
      </c>
      <c r="AD16" s="114">
        <v>1618106</v>
      </c>
      <c r="AE16" s="114">
        <v>3337211</v>
      </c>
      <c r="AF16" s="114">
        <v>4619360</v>
      </c>
      <c r="AG16" s="114">
        <v>3708712</v>
      </c>
      <c r="AH16" s="113">
        <v>16343043</v>
      </c>
      <c r="AI16" s="116">
        <v>16343043</v>
      </c>
      <c r="AJ16" s="110">
        <v>0</v>
      </c>
      <c r="AK16" s="114">
        <v>0</v>
      </c>
      <c r="AL16" s="113">
        <v>0</v>
      </c>
      <c r="AM16" s="110">
        <v>0</v>
      </c>
      <c r="AN16" s="114">
        <v>93279</v>
      </c>
      <c r="AO16" s="114">
        <v>42939</v>
      </c>
      <c r="AP16" s="114">
        <v>104992</v>
      </c>
      <c r="AQ16" s="114">
        <v>293715</v>
      </c>
      <c r="AR16" s="114">
        <v>483442</v>
      </c>
      <c r="AS16" s="113">
        <v>1018367</v>
      </c>
      <c r="AT16" s="116">
        <v>1018367</v>
      </c>
      <c r="AU16" s="110">
        <v>278575</v>
      </c>
      <c r="AV16" s="114">
        <v>647417</v>
      </c>
      <c r="AW16" s="113">
        <v>925992</v>
      </c>
      <c r="AX16" s="110">
        <v>0</v>
      </c>
      <c r="AY16" s="114">
        <v>1964845</v>
      </c>
      <c r="AZ16" s="114">
        <v>1150853</v>
      </c>
      <c r="BA16" s="114">
        <v>743690</v>
      </c>
      <c r="BB16" s="114">
        <v>755609</v>
      </c>
      <c r="BC16" s="114">
        <v>880735</v>
      </c>
      <c r="BD16" s="113">
        <v>5495732</v>
      </c>
      <c r="BE16" s="116">
        <v>6421724</v>
      </c>
      <c r="BF16" s="110">
        <v>28652</v>
      </c>
      <c r="BG16" s="114">
        <v>101869</v>
      </c>
      <c r="BH16" s="112">
        <v>130521</v>
      </c>
      <c r="BI16" s="111">
        <v>0</v>
      </c>
      <c r="BJ16" s="114">
        <v>257803</v>
      </c>
      <c r="BK16" s="114">
        <v>215575</v>
      </c>
      <c r="BL16" s="114">
        <v>115074</v>
      </c>
      <c r="BM16" s="114">
        <v>0</v>
      </c>
      <c r="BN16" s="114">
        <v>65216</v>
      </c>
      <c r="BO16" s="113">
        <v>653668</v>
      </c>
      <c r="BP16" s="116">
        <v>784189</v>
      </c>
      <c r="BQ16" s="110">
        <v>209601</v>
      </c>
      <c r="BR16" s="114">
        <v>136773</v>
      </c>
      <c r="BS16" s="113">
        <v>346374</v>
      </c>
      <c r="BT16" s="110">
        <v>0</v>
      </c>
      <c r="BU16" s="114">
        <v>1175412</v>
      </c>
      <c r="BV16" s="114">
        <v>843199</v>
      </c>
      <c r="BW16" s="114">
        <v>799197</v>
      </c>
      <c r="BX16" s="114">
        <v>863576</v>
      </c>
      <c r="BY16" s="114">
        <v>947324</v>
      </c>
      <c r="BZ16" s="113">
        <v>4628708</v>
      </c>
      <c r="CA16" s="116">
        <v>4975082</v>
      </c>
      <c r="CB16" s="110">
        <v>66016</v>
      </c>
      <c r="CC16" s="114">
        <v>177231</v>
      </c>
      <c r="CD16" s="113">
        <v>243247</v>
      </c>
      <c r="CE16" s="110">
        <v>0</v>
      </c>
      <c r="CF16" s="114">
        <v>4734677</v>
      </c>
      <c r="CG16" s="114">
        <v>3341356</v>
      </c>
      <c r="CH16" s="114">
        <v>2293122</v>
      </c>
      <c r="CI16" s="114">
        <v>1125616</v>
      </c>
      <c r="CJ16" s="114">
        <v>302366</v>
      </c>
      <c r="CK16" s="113">
        <v>11797137</v>
      </c>
      <c r="CL16" s="116">
        <v>12040384</v>
      </c>
      <c r="CM16" s="110">
        <v>0</v>
      </c>
      <c r="CN16" s="114">
        <v>0</v>
      </c>
      <c r="CO16" s="113">
        <v>0</v>
      </c>
      <c r="CP16" s="111">
        <v>0</v>
      </c>
      <c r="CQ16" s="114">
        <v>4082840</v>
      </c>
      <c r="CR16" s="114">
        <v>2720459</v>
      </c>
      <c r="CS16" s="114">
        <v>2085172</v>
      </c>
      <c r="CT16" s="114">
        <v>975677</v>
      </c>
      <c r="CU16" s="114">
        <v>302366</v>
      </c>
      <c r="CV16" s="113">
        <v>10166514</v>
      </c>
      <c r="CW16" s="116">
        <v>10166514</v>
      </c>
      <c r="CX16" s="110">
        <v>66016</v>
      </c>
      <c r="CY16" s="114">
        <v>177231</v>
      </c>
      <c r="CZ16" s="113">
        <v>243247</v>
      </c>
      <c r="DA16" s="110">
        <v>0</v>
      </c>
      <c r="DB16" s="114">
        <v>651837</v>
      </c>
      <c r="DC16" s="114">
        <v>620897</v>
      </c>
      <c r="DD16" s="114">
        <v>207950</v>
      </c>
      <c r="DE16" s="114">
        <v>149939</v>
      </c>
      <c r="DF16" s="114">
        <v>0</v>
      </c>
      <c r="DG16" s="113">
        <v>1630623</v>
      </c>
      <c r="DH16" s="116">
        <v>1873870</v>
      </c>
      <c r="DI16" s="110">
        <v>0</v>
      </c>
      <c r="DJ16" s="114">
        <v>0</v>
      </c>
      <c r="DK16" s="112">
        <v>0</v>
      </c>
      <c r="DL16" s="111">
        <v>0</v>
      </c>
      <c r="DM16" s="114">
        <v>457540</v>
      </c>
      <c r="DN16" s="114">
        <v>429148</v>
      </c>
      <c r="DO16" s="114">
        <v>1450735</v>
      </c>
      <c r="DP16" s="114">
        <v>1005583</v>
      </c>
      <c r="DQ16" s="114">
        <v>159453</v>
      </c>
      <c r="DR16" s="113">
        <v>3502459</v>
      </c>
      <c r="DS16" s="116">
        <v>3502459</v>
      </c>
      <c r="DT16" s="110">
        <v>0</v>
      </c>
      <c r="DU16" s="114">
        <v>0</v>
      </c>
      <c r="DV16" s="113">
        <v>0</v>
      </c>
      <c r="DW16" s="110">
        <v>0</v>
      </c>
      <c r="DX16" s="114">
        <v>457540</v>
      </c>
      <c r="DY16" s="114">
        <v>407465</v>
      </c>
      <c r="DZ16" s="114">
        <v>1450735</v>
      </c>
      <c r="EA16" s="114">
        <v>1005583</v>
      </c>
      <c r="EB16" s="114">
        <v>159453</v>
      </c>
      <c r="EC16" s="113">
        <v>3480776</v>
      </c>
      <c r="ED16" s="116">
        <v>3480776</v>
      </c>
      <c r="EE16" s="110">
        <v>0</v>
      </c>
      <c r="EF16" s="112">
        <v>0</v>
      </c>
      <c r="EG16" s="113">
        <v>0</v>
      </c>
      <c r="EH16" s="110">
        <v>0</v>
      </c>
      <c r="EI16" s="114">
        <v>0</v>
      </c>
      <c r="EJ16" s="114">
        <v>21683</v>
      </c>
      <c r="EK16" s="114">
        <v>0</v>
      </c>
      <c r="EL16" s="114">
        <v>0</v>
      </c>
      <c r="EM16" s="114">
        <v>0</v>
      </c>
      <c r="EN16" s="112">
        <v>21683</v>
      </c>
      <c r="EO16" s="116">
        <v>21683</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305284</v>
      </c>
      <c r="FM16" s="114">
        <v>817670</v>
      </c>
      <c r="FN16" s="113">
        <v>1122954</v>
      </c>
      <c r="FO16" s="110">
        <v>0</v>
      </c>
      <c r="FP16" s="114">
        <v>1110424</v>
      </c>
      <c r="FQ16" s="114">
        <v>1044778</v>
      </c>
      <c r="FR16" s="114">
        <v>1052562</v>
      </c>
      <c r="FS16" s="114">
        <v>827596</v>
      </c>
      <c r="FT16" s="114">
        <v>846139</v>
      </c>
      <c r="FU16" s="113">
        <v>4881499</v>
      </c>
      <c r="FV16" s="116">
        <v>6004453</v>
      </c>
      <c r="FW16" s="115">
        <v>224434</v>
      </c>
      <c r="FX16" s="114">
        <v>486710</v>
      </c>
      <c r="FY16" s="112">
        <v>711144</v>
      </c>
      <c r="FZ16" s="111">
        <v>0</v>
      </c>
      <c r="GA16" s="114">
        <v>767683</v>
      </c>
      <c r="GB16" s="114">
        <v>1019291</v>
      </c>
      <c r="GC16" s="114">
        <v>958762</v>
      </c>
      <c r="GD16" s="114">
        <v>757596</v>
      </c>
      <c r="GE16" s="114">
        <v>815339</v>
      </c>
      <c r="GF16" s="113">
        <v>4318671</v>
      </c>
      <c r="GG16" s="318">
        <v>5029815</v>
      </c>
      <c r="GH16" s="115">
        <v>0</v>
      </c>
      <c r="GI16" s="114">
        <v>21560</v>
      </c>
      <c r="GJ16" s="112">
        <v>21560</v>
      </c>
      <c r="GK16" s="111">
        <v>0</v>
      </c>
      <c r="GL16" s="114">
        <v>134190</v>
      </c>
      <c r="GM16" s="114">
        <v>0</v>
      </c>
      <c r="GN16" s="114">
        <v>0</v>
      </c>
      <c r="GO16" s="114">
        <v>70000</v>
      </c>
      <c r="GP16" s="114">
        <v>30800</v>
      </c>
      <c r="GQ16" s="113">
        <v>234990</v>
      </c>
      <c r="GR16" s="116">
        <v>256550</v>
      </c>
      <c r="GS16" s="110">
        <v>80850</v>
      </c>
      <c r="GT16" s="114">
        <v>309400</v>
      </c>
      <c r="GU16" s="113">
        <v>390250</v>
      </c>
      <c r="GV16" s="110">
        <v>0</v>
      </c>
      <c r="GW16" s="114">
        <v>208551</v>
      </c>
      <c r="GX16" s="114">
        <v>25487</v>
      </c>
      <c r="GY16" s="114">
        <v>93800</v>
      </c>
      <c r="GZ16" s="114">
        <v>0</v>
      </c>
      <c r="HA16" s="114">
        <v>0</v>
      </c>
      <c r="HB16" s="112">
        <v>327838</v>
      </c>
      <c r="HC16" s="116">
        <v>718088</v>
      </c>
      <c r="HD16" s="110">
        <v>553508</v>
      </c>
      <c r="HE16" s="114">
        <v>416841</v>
      </c>
      <c r="HF16" s="112">
        <v>970349</v>
      </c>
      <c r="HG16" s="111">
        <v>0</v>
      </c>
      <c r="HH16" s="114">
        <v>4859122</v>
      </c>
      <c r="HI16" s="114">
        <v>5300006</v>
      </c>
      <c r="HJ16" s="114">
        <v>3645889</v>
      </c>
      <c r="HK16" s="114">
        <v>6209136</v>
      </c>
      <c r="HL16" s="114">
        <v>5264437</v>
      </c>
      <c r="HM16" s="113">
        <v>25278590</v>
      </c>
      <c r="HN16" s="109">
        <v>26248939</v>
      </c>
      <c r="HO16" s="328"/>
      <c r="HP16" s="329"/>
      <c r="HQ16" s="330"/>
      <c r="HR16" s="331"/>
      <c r="HS16" s="329"/>
      <c r="HT16" s="329"/>
      <c r="HU16" s="329"/>
      <c r="HV16" s="329"/>
      <c r="HW16" s="329"/>
      <c r="HX16" s="332"/>
      <c r="HY16" s="333"/>
      <c r="HZ16" s="150">
        <v>40399</v>
      </c>
      <c r="IA16" s="135">
        <v>140060</v>
      </c>
      <c r="IB16" s="150">
        <v>180459</v>
      </c>
      <c r="IC16" s="134">
        <v>0</v>
      </c>
      <c r="ID16" s="135">
        <v>2598162</v>
      </c>
      <c r="IE16" s="136">
        <v>2169865</v>
      </c>
      <c r="IF16" s="137">
        <v>3801559</v>
      </c>
      <c r="IG16" s="135">
        <v>2788069</v>
      </c>
      <c r="IH16" s="137">
        <v>3364999</v>
      </c>
      <c r="II16" s="138">
        <v>14722654</v>
      </c>
      <c r="IJ16" s="150">
        <v>14903113</v>
      </c>
      <c r="IK16" s="232">
        <v>0</v>
      </c>
      <c r="IL16" s="236">
        <v>0</v>
      </c>
      <c r="IM16" s="237">
        <v>0</v>
      </c>
      <c r="IN16" s="140"/>
      <c r="IO16" s="119">
        <v>72882</v>
      </c>
      <c r="IP16" s="119">
        <v>112188</v>
      </c>
      <c r="IQ16" s="119">
        <v>135786</v>
      </c>
      <c r="IR16" s="119">
        <v>0</v>
      </c>
      <c r="IS16" s="119">
        <v>0</v>
      </c>
      <c r="IT16" s="141">
        <v>320856</v>
      </c>
      <c r="IU16" s="320">
        <v>320856</v>
      </c>
      <c r="IV16" s="142">
        <v>0</v>
      </c>
      <c r="IW16" s="119">
        <v>0</v>
      </c>
      <c r="IX16" s="120">
        <v>0</v>
      </c>
      <c r="IY16" s="144"/>
      <c r="IZ16" s="119">
        <v>14925</v>
      </c>
      <c r="JA16" s="119">
        <v>0</v>
      </c>
      <c r="JB16" s="119">
        <v>21131</v>
      </c>
      <c r="JC16" s="119">
        <v>0</v>
      </c>
      <c r="JD16" s="119">
        <v>0</v>
      </c>
      <c r="JE16" s="120">
        <v>36056</v>
      </c>
      <c r="JF16" s="121">
        <v>36056</v>
      </c>
      <c r="JG16" s="142">
        <v>0</v>
      </c>
      <c r="JH16" s="119">
        <v>0</v>
      </c>
      <c r="JI16" s="141">
        <v>0</v>
      </c>
      <c r="JJ16" s="118">
        <v>0</v>
      </c>
      <c r="JK16" s="119">
        <v>1183698</v>
      </c>
      <c r="JL16" s="119">
        <v>616069</v>
      </c>
      <c r="JM16" s="119">
        <v>95025</v>
      </c>
      <c r="JN16" s="119">
        <v>421562</v>
      </c>
      <c r="JO16" s="119">
        <v>0</v>
      </c>
      <c r="JP16" s="120">
        <v>2316354</v>
      </c>
      <c r="JQ16" s="320">
        <v>2316354</v>
      </c>
      <c r="JR16" s="142">
        <v>0</v>
      </c>
      <c r="JS16" s="119">
        <v>0</v>
      </c>
      <c r="JT16" s="141">
        <v>0</v>
      </c>
      <c r="JU16" s="118">
        <v>0</v>
      </c>
      <c r="JV16" s="119">
        <v>0</v>
      </c>
      <c r="JW16" s="119">
        <v>335466</v>
      </c>
      <c r="JX16" s="119">
        <v>328846</v>
      </c>
      <c r="JY16" s="119">
        <v>0</v>
      </c>
      <c r="JZ16" s="119">
        <v>159820</v>
      </c>
      <c r="KA16" s="120">
        <v>824132</v>
      </c>
      <c r="KB16" s="320">
        <v>824132</v>
      </c>
      <c r="KC16" s="234">
        <v>40399</v>
      </c>
      <c r="KD16" s="230">
        <v>140060</v>
      </c>
      <c r="KE16" s="120">
        <v>180459</v>
      </c>
      <c r="KF16" s="118">
        <v>0</v>
      </c>
      <c r="KG16" s="119">
        <v>510604</v>
      </c>
      <c r="KH16" s="119">
        <v>148269</v>
      </c>
      <c r="KI16" s="119">
        <v>217681</v>
      </c>
      <c r="KJ16" s="119">
        <v>214308</v>
      </c>
      <c r="KK16" s="119">
        <v>484633</v>
      </c>
      <c r="KL16" s="120">
        <v>1575495</v>
      </c>
      <c r="KM16" s="143">
        <v>1755954</v>
      </c>
      <c r="KN16" s="232">
        <v>0</v>
      </c>
      <c r="KO16" s="236">
        <v>0</v>
      </c>
      <c r="KP16" s="237">
        <v>0</v>
      </c>
      <c r="KQ16" s="140"/>
      <c r="KR16" s="119">
        <v>226555</v>
      </c>
      <c r="KS16" s="119">
        <v>491019</v>
      </c>
      <c r="KT16" s="119">
        <v>2256190</v>
      </c>
      <c r="KU16" s="119">
        <v>1405010</v>
      </c>
      <c r="KV16" s="119">
        <v>1205044</v>
      </c>
      <c r="KW16" s="120">
        <v>5583818</v>
      </c>
      <c r="KX16" s="320">
        <v>5583818</v>
      </c>
      <c r="KY16" s="142">
        <v>0</v>
      </c>
      <c r="KZ16" s="119">
        <v>0</v>
      </c>
      <c r="LA16" s="120">
        <v>0</v>
      </c>
      <c r="LB16" s="145"/>
      <c r="LC16" s="119">
        <v>444012</v>
      </c>
      <c r="LD16" s="119">
        <v>466854</v>
      </c>
      <c r="LE16" s="119">
        <v>520832</v>
      </c>
      <c r="LF16" s="119">
        <v>190890</v>
      </c>
      <c r="LG16" s="119">
        <v>936927</v>
      </c>
      <c r="LH16" s="120">
        <v>2559515</v>
      </c>
      <c r="LI16" s="121">
        <v>2559515</v>
      </c>
      <c r="LJ16" s="142">
        <v>0</v>
      </c>
      <c r="LK16" s="119">
        <v>0</v>
      </c>
      <c r="LL16" s="120">
        <v>0</v>
      </c>
      <c r="LM16" s="145"/>
      <c r="LN16" s="119">
        <v>0</v>
      </c>
      <c r="LO16" s="119">
        <v>0</v>
      </c>
      <c r="LP16" s="119">
        <v>0</v>
      </c>
      <c r="LQ16" s="119">
        <v>556299</v>
      </c>
      <c r="LR16" s="119">
        <v>274350</v>
      </c>
      <c r="LS16" s="120">
        <v>830649</v>
      </c>
      <c r="LT16" s="320">
        <v>830649</v>
      </c>
      <c r="LU16" s="142">
        <v>0</v>
      </c>
      <c r="LV16" s="119">
        <v>0</v>
      </c>
      <c r="LW16" s="120">
        <v>0</v>
      </c>
      <c r="LX16" s="145"/>
      <c r="LY16" s="119">
        <v>145486</v>
      </c>
      <c r="LZ16" s="119">
        <v>0</v>
      </c>
      <c r="MA16" s="119">
        <v>226068</v>
      </c>
      <c r="MB16" s="119">
        <v>0</v>
      </c>
      <c r="MC16" s="119">
        <v>304225</v>
      </c>
      <c r="MD16" s="120">
        <v>675779</v>
      </c>
      <c r="ME16" s="121">
        <v>675779</v>
      </c>
      <c r="MF16" s="142">
        <v>0</v>
      </c>
      <c r="MG16" s="119">
        <v>0</v>
      </c>
      <c r="MH16" s="120">
        <v>0</v>
      </c>
      <c r="MI16" s="145"/>
      <c r="MJ16" s="119">
        <v>241776</v>
      </c>
      <c r="MK16" s="119">
        <v>770548</v>
      </c>
      <c r="ML16" s="119">
        <v>5364316</v>
      </c>
      <c r="MM16" s="119">
        <v>3557252</v>
      </c>
      <c r="MN16" s="119">
        <v>5288114</v>
      </c>
      <c r="MO16" s="120">
        <v>15222006</v>
      </c>
      <c r="MP16" s="143">
        <v>15222006</v>
      </c>
      <c r="MQ16" s="142">
        <v>0</v>
      </c>
      <c r="MR16" s="119">
        <v>0</v>
      </c>
      <c r="MS16" s="120">
        <v>0</v>
      </c>
      <c r="MT16" s="145"/>
      <c r="MU16" s="119">
        <v>0</v>
      </c>
      <c r="MV16" s="119">
        <v>210921</v>
      </c>
      <c r="MW16" s="119">
        <v>3332502</v>
      </c>
      <c r="MX16" s="119">
        <v>2423835</v>
      </c>
      <c r="MY16" s="119">
        <v>4393940</v>
      </c>
      <c r="MZ16" s="120">
        <v>10361198</v>
      </c>
      <c r="NA16" s="143">
        <v>10361198</v>
      </c>
      <c r="NB16" s="142">
        <v>0</v>
      </c>
      <c r="NC16" s="119">
        <v>0</v>
      </c>
      <c r="ND16" s="120">
        <v>0</v>
      </c>
      <c r="NE16" s="145"/>
      <c r="NF16" s="119">
        <v>241776</v>
      </c>
      <c r="NG16" s="119">
        <v>559627</v>
      </c>
      <c r="NH16" s="119">
        <v>2031814</v>
      </c>
      <c r="NI16" s="119">
        <v>1133417</v>
      </c>
      <c r="NJ16" s="119">
        <v>299354</v>
      </c>
      <c r="NK16" s="120">
        <v>4265988</v>
      </c>
      <c r="NL16" s="320">
        <v>4265988</v>
      </c>
      <c r="NM16" s="142">
        <v>0</v>
      </c>
      <c r="NN16" s="119">
        <v>0</v>
      </c>
      <c r="NO16" s="120">
        <v>0</v>
      </c>
      <c r="NP16" s="145"/>
      <c r="NQ16" s="119">
        <v>0</v>
      </c>
      <c r="NR16" s="119">
        <v>0</v>
      </c>
      <c r="NS16" s="119">
        <v>0</v>
      </c>
      <c r="NT16" s="119">
        <v>0</v>
      </c>
      <c r="NU16" s="119">
        <v>272214</v>
      </c>
      <c r="NV16" s="120">
        <v>272214</v>
      </c>
      <c r="NW16" s="121">
        <v>272214</v>
      </c>
      <c r="NX16" s="142">
        <v>0</v>
      </c>
      <c r="NY16" s="119">
        <v>0</v>
      </c>
      <c r="NZ16" s="120">
        <v>0</v>
      </c>
      <c r="OA16" s="145"/>
      <c r="OB16" s="119">
        <v>0</v>
      </c>
      <c r="OC16" s="119">
        <v>0</v>
      </c>
      <c r="OD16" s="119">
        <v>0</v>
      </c>
      <c r="OE16" s="119">
        <v>0</v>
      </c>
      <c r="OF16" s="119">
        <v>322606</v>
      </c>
      <c r="OG16" s="120">
        <v>322606</v>
      </c>
      <c r="OH16" s="121">
        <v>322606</v>
      </c>
      <c r="OI16" s="142">
        <v>1482035</v>
      </c>
      <c r="OJ16" s="119">
        <v>2437861</v>
      </c>
      <c r="OK16" s="141">
        <v>3919896</v>
      </c>
      <c r="OL16" s="118">
        <v>0</v>
      </c>
      <c r="OM16" s="119">
        <v>20552694</v>
      </c>
      <c r="ON16" s="119">
        <v>16926373</v>
      </c>
      <c r="OO16" s="119">
        <v>22708347</v>
      </c>
      <c r="OP16" s="119">
        <v>22045512</v>
      </c>
      <c r="OQ16" s="119">
        <v>21310937</v>
      </c>
      <c r="OR16" s="120">
        <v>103543863</v>
      </c>
      <c r="OS16" s="143">
        <v>107463759</v>
      </c>
    </row>
    <row r="17" spans="2:409" ht="21" customHeight="1" x14ac:dyDescent="0.2">
      <c r="B17" s="126" t="s">
        <v>11</v>
      </c>
      <c r="C17" s="110">
        <v>217657</v>
      </c>
      <c r="D17" s="114">
        <v>561676</v>
      </c>
      <c r="E17" s="171">
        <v>779333</v>
      </c>
      <c r="F17" s="111">
        <v>0</v>
      </c>
      <c r="G17" s="114">
        <v>5506992</v>
      </c>
      <c r="H17" s="114">
        <v>3651151</v>
      </c>
      <c r="I17" s="114">
        <v>5364167</v>
      </c>
      <c r="J17" s="114">
        <v>5642808</v>
      </c>
      <c r="K17" s="114">
        <v>3543661</v>
      </c>
      <c r="L17" s="109">
        <v>23708779</v>
      </c>
      <c r="M17" s="116">
        <v>24488112</v>
      </c>
      <c r="N17" s="110">
        <v>65647</v>
      </c>
      <c r="O17" s="114">
        <v>58344</v>
      </c>
      <c r="P17" s="113">
        <v>123991</v>
      </c>
      <c r="Q17" s="110">
        <v>0</v>
      </c>
      <c r="R17" s="114">
        <v>1335633</v>
      </c>
      <c r="S17" s="114">
        <v>1133227</v>
      </c>
      <c r="T17" s="114">
        <v>886086</v>
      </c>
      <c r="U17" s="114">
        <v>2064127</v>
      </c>
      <c r="V17" s="114">
        <v>1172863</v>
      </c>
      <c r="W17" s="113">
        <v>6591936</v>
      </c>
      <c r="X17" s="116">
        <v>6715927</v>
      </c>
      <c r="Y17" s="110">
        <v>0</v>
      </c>
      <c r="Z17" s="114">
        <v>0</v>
      </c>
      <c r="AA17" s="113">
        <v>0</v>
      </c>
      <c r="AB17" s="110">
        <v>0</v>
      </c>
      <c r="AC17" s="114">
        <v>406847</v>
      </c>
      <c r="AD17" s="114">
        <v>350944</v>
      </c>
      <c r="AE17" s="114">
        <v>438933</v>
      </c>
      <c r="AF17" s="114">
        <v>913357</v>
      </c>
      <c r="AG17" s="114">
        <v>581125</v>
      </c>
      <c r="AH17" s="113">
        <v>2691206</v>
      </c>
      <c r="AI17" s="116">
        <v>2691206</v>
      </c>
      <c r="AJ17" s="110">
        <v>0</v>
      </c>
      <c r="AK17" s="114">
        <v>0</v>
      </c>
      <c r="AL17" s="113">
        <v>0</v>
      </c>
      <c r="AM17" s="110">
        <v>0</v>
      </c>
      <c r="AN17" s="114">
        <v>11691</v>
      </c>
      <c r="AO17" s="114">
        <v>11691</v>
      </c>
      <c r="AP17" s="114">
        <v>40348</v>
      </c>
      <c r="AQ17" s="114">
        <v>176887</v>
      </c>
      <c r="AR17" s="114">
        <v>204012</v>
      </c>
      <c r="AS17" s="113">
        <v>444629</v>
      </c>
      <c r="AT17" s="116">
        <v>444629</v>
      </c>
      <c r="AU17" s="110">
        <v>17536</v>
      </c>
      <c r="AV17" s="114">
        <v>58344</v>
      </c>
      <c r="AW17" s="113">
        <v>75880</v>
      </c>
      <c r="AX17" s="110">
        <v>0</v>
      </c>
      <c r="AY17" s="114">
        <v>556998</v>
      </c>
      <c r="AZ17" s="114">
        <v>505962</v>
      </c>
      <c r="BA17" s="114">
        <v>207354</v>
      </c>
      <c r="BB17" s="114">
        <v>651428</v>
      </c>
      <c r="BC17" s="114">
        <v>188632</v>
      </c>
      <c r="BD17" s="113">
        <v>2110374</v>
      </c>
      <c r="BE17" s="116">
        <v>2186254</v>
      </c>
      <c r="BF17" s="110">
        <v>13986</v>
      </c>
      <c r="BG17" s="114">
        <v>0</v>
      </c>
      <c r="BH17" s="112">
        <v>13986</v>
      </c>
      <c r="BI17" s="111">
        <v>0</v>
      </c>
      <c r="BJ17" s="114">
        <v>53536</v>
      </c>
      <c r="BK17" s="114">
        <v>21814</v>
      </c>
      <c r="BL17" s="114">
        <v>0</v>
      </c>
      <c r="BM17" s="114">
        <v>46844</v>
      </c>
      <c r="BN17" s="114">
        <v>53060</v>
      </c>
      <c r="BO17" s="113">
        <v>175254</v>
      </c>
      <c r="BP17" s="116">
        <v>189240</v>
      </c>
      <c r="BQ17" s="110">
        <v>34125</v>
      </c>
      <c r="BR17" s="114">
        <v>0</v>
      </c>
      <c r="BS17" s="113">
        <v>34125</v>
      </c>
      <c r="BT17" s="110">
        <v>0</v>
      </c>
      <c r="BU17" s="114">
        <v>306561</v>
      </c>
      <c r="BV17" s="114">
        <v>242816</v>
      </c>
      <c r="BW17" s="114">
        <v>199451</v>
      </c>
      <c r="BX17" s="114">
        <v>275611</v>
      </c>
      <c r="BY17" s="114">
        <v>146034</v>
      </c>
      <c r="BZ17" s="113">
        <v>1170473</v>
      </c>
      <c r="CA17" s="116">
        <v>1204598</v>
      </c>
      <c r="CB17" s="110">
        <v>72872</v>
      </c>
      <c r="CC17" s="114">
        <v>239578</v>
      </c>
      <c r="CD17" s="113">
        <v>312450</v>
      </c>
      <c r="CE17" s="110">
        <v>0</v>
      </c>
      <c r="CF17" s="114">
        <v>975125</v>
      </c>
      <c r="CG17" s="114">
        <v>1011808</v>
      </c>
      <c r="CH17" s="114">
        <v>970701</v>
      </c>
      <c r="CI17" s="114">
        <v>669191</v>
      </c>
      <c r="CJ17" s="114">
        <v>236100</v>
      </c>
      <c r="CK17" s="113">
        <v>3862925</v>
      </c>
      <c r="CL17" s="116">
        <v>4175375</v>
      </c>
      <c r="CM17" s="110">
        <v>0</v>
      </c>
      <c r="CN17" s="114">
        <v>0</v>
      </c>
      <c r="CO17" s="113">
        <v>0</v>
      </c>
      <c r="CP17" s="111">
        <v>0</v>
      </c>
      <c r="CQ17" s="114">
        <v>579811</v>
      </c>
      <c r="CR17" s="114">
        <v>703712</v>
      </c>
      <c r="CS17" s="114">
        <v>579819</v>
      </c>
      <c r="CT17" s="114">
        <v>623775</v>
      </c>
      <c r="CU17" s="114">
        <v>85152</v>
      </c>
      <c r="CV17" s="113">
        <v>2572269</v>
      </c>
      <c r="CW17" s="116">
        <v>2572269</v>
      </c>
      <c r="CX17" s="110">
        <v>72872</v>
      </c>
      <c r="CY17" s="114">
        <v>239578</v>
      </c>
      <c r="CZ17" s="113">
        <v>312450</v>
      </c>
      <c r="DA17" s="110">
        <v>0</v>
      </c>
      <c r="DB17" s="114">
        <v>395314</v>
      </c>
      <c r="DC17" s="114">
        <v>308096</v>
      </c>
      <c r="DD17" s="114">
        <v>390882</v>
      </c>
      <c r="DE17" s="114">
        <v>45416</v>
      </c>
      <c r="DF17" s="114">
        <v>150948</v>
      </c>
      <c r="DG17" s="113">
        <v>1290656</v>
      </c>
      <c r="DH17" s="116">
        <v>1603106</v>
      </c>
      <c r="DI17" s="110">
        <v>0</v>
      </c>
      <c r="DJ17" s="114">
        <v>0</v>
      </c>
      <c r="DK17" s="112">
        <v>0</v>
      </c>
      <c r="DL17" s="111">
        <v>0</v>
      </c>
      <c r="DM17" s="114">
        <v>170354</v>
      </c>
      <c r="DN17" s="114">
        <v>126280</v>
      </c>
      <c r="DO17" s="114">
        <v>374764</v>
      </c>
      <c r="DP17" s="114">
        <v>234217</v>
      </c>
      <c r="DQ17" s="114">
        <v>511851</v>
      </c>
      <c r="DR17" s="113">
        <v>1417466</v>
      </c>
      <c r="DS17" s="116">
        <v>1417466</v>
      </c>
      <c r="DT17" s="110">
        <v>0</v>
      </c>
      <c r="DU17" s="114">
        <v>0</v>
      </c>
      <c r="DV17" s="113">
        <v>0</v>
      </c>
      <c r="DW17" s="110">
        <v>0</v>
      </c>
      <c r="DX17" s="114">
        <v>153903</v>
      </c>
      <c r="DY17" s="114">
        <v>126280</v>
      </c>
      <c r="DZ17" s="114">
        <v>280204</v>
      </c>
      <c r="EA17" s="114">
        <v>216493</v>
      </c>
      <c r="EB17" s="114">
        <v>344251</v>
      </c>
      <c r="EC17" s="113">
        <v>1121131</v>
      </c>
      <c r="ED17" s="116">
        <v>1121131</v>
      </c>
      <c r="EE17" s="110">
        <v>0</v>
      </c>
      <c r="EF17" s="112">
        <v>0</v>
      </c>
      <c r="EG17" s="113">
        <v>0</v>
      </c>
      <c r="EH17" s="110">
        <v>0</v>
      </c>
      <c r="EI17" s="114">
        <v>16451</v>
      </c>
      <c r="EJ17" s="114">
        <v>0</v>
      </c>
      <c r="EK17" s="114">
        <v>94560</v>
      </c>
      <c r="EL17" s="114">
        <v>17724</v>
      </c>
      <c r="EM17" s="114">
        <v>167600</v>
      </c>
      <c r="EN17" s="112">
        <v>296335</v>
      </c>
      <c r="EO17" s="116">
        <v>296335</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32718</v>
      </c>
      <c r="FM17" s="114">
        <v>83216</v>
      </c>
      <c r="FN17" s="113">
        <v>115934</v>
      </c>
      <c r="FO17" s="110">
        <v>0</v>
      </c>
      <c r="FP17" s="114">
        <v>213752</v>
      </c>
      <c r="FQ17" s="114">
        <v>295624</v>
      </c>
      <c r="FR17" s="114">
        <v>378469</v>
      </c>
      <c r="FS17" s="114">
        <v>419356</v>
      </c>
      <c r="FT17" s="114">
        <v>181146</v>
      </c>
      <c r="FU17" s="113">
        <v>1488347</v>
      </c>
      <c r="FV17" s="116">
        <v>1604281</v>
      </c>
      <c r="FW17" s="115">
        <v>32718</v>
      </c>
      <c r="FX17" s="114">
        <v>83216</v>
      </c>
      <c r="FY17" s="112">
        <v>115934</v>
      </c>
      <c r="FZ17" s="111">
        <v>0</v>
      </c>
      <c r="GA17" s="114">
        <v>213752</v>
      </c>
      <c r="GB17" s="114">
        <v>295624</v>
      </c>
      <c r="GC17" s="114">
        <v>378469</v>
      </c>
      <c r="GD17" s="114">
        <v>419356</v>
      </c>
      <c r="GE17" s="114">
        <v>181146</v>
      </c>
      <c r="GF17" s="113">
        <v>1488347</v>
      </c>
      <c r="GG17" s="318">
        <v>1604281</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46420</v>
      </c>
      <c r="HE17" s="114">
        <v>180538</v>
      </c>
      <c r="HF17" s="112">
        <v>226958</v>
      </c>
      <c r="HG17" s="111">
        <v>0</v>
      </c>
      <c r="HH17" s="114">
        <v>2812128</v>
      </c>
      <c r="HI17" s="114">
        <v>1084212</v>
      </c>
      <c r="HJ17" s="114">
        <v>2754147</v>
      </c>
      <c r="HK17" s="114">
        <v>2255917</v>
      </c>
      <c r="HL17" s="114">
        <v>1441701</v>
      </c>
      <c r="HM17" s="113">
        <v>10348105</v>
      </c>
      <c r="HN17" s="109">
        <v>10575063</v>
      </c>
      <c r="HO17" s="328"/>
      <c r="HP17" s="329"/>
      <c r="HQ17" s="330"/>
      <c r="HR17" s="331"/>
      <c r="HS17" s="329"/>
      <c r="HT17" s="329"/>
      <c r="HU17" s="329"/>
      <c r="HV17" s="329"/>
      <c r="HW17" s="329"/>
      <c r="HX17" s="332"/>
      <c r="HY17" s="333"/>
      <c r="HZ17" s="131">
        <v>0</v>
      </c>
      <c r="IA17" s="132">
        <v>61362</v>
      </c>
      <c r="IB17" s="133">
        <v>61362</v>
      </c>
      <c r="IC17" s="146">
        <v>0</v>
      </c>
      <c r="ID17" s="132">
        <v>785447</v>
      </c>
      <c r="IE17" s="147">
        <v>1334902</v>
      </c>
      <c r="IF17" s="133">
        <v>1046571</v>
      </c>
      <c r="IG17" s="132">
        <v>1608133</v>
      </c>
      <c r="IH17" s="133">
        <v>92687</v>
      </c>
      <c r="II17" s="148">
        <v>4867740</v>
      </c>
      <c r="IJ17" s="139">
        <v>4929102</v>
      </c>
      <c r="IK17" s="232">
        <v>0</v>
      </c>
      <c r="IL17" s="236">
        <v>0</v>
      </c>
      <c r="IM17" s="237">
        <v>0</v>
      </c>
      <c r="IN17" s="140"/>
      <c r="IO17" s="119">
        <v>68271</v>
      </c>
      <c r="IP17" s="119">
        <v>110554</v>
      </c>
      <c r="IQ17" s="119">
        <v>0</v>
      </c>
      <c r="IR17" s="119">
        <v>535513</v>
      </c>
      <c r="IS17" s="119">
        <v>0</v>
      </c>
      <c r="IT17" s="141">
        <v>714338</v>
      </c>
      <c r="IU17" s="320">
        <v>714338</v>
      </c>
      <c r="IV17" s="142">
        <v>0</v>
      </c>
      <c r="IW17" s="119">
        <v>0</v>
      </c>
      <c r="IX17" s="120">
        <v>0</v>
      </c>
      <c r="IY17" s="144"/>
      <c r="IZ17" s="119">
        <v>14732</v>
      </c>
      <c r="JA17" s="119">
        <v>14732</v>
      </c>
      <c r="JB17" s="119">
        <v>0</v>
      </c>
      <c r="JC17" s="119">
        <v>0</v>
      </c>
      <c r="JD17" s="119">
        <v>0</v>
      </c>
      <c r="JE17" s="120">
        <v>29464</v>
      </c>
      <c r="JF17" s="121">
        <v>29464</v>
      </c>
      <c r="JG17" s="142">
        <v>0</v>
      </c>
      <c r="JH17" s="119">
        <v>0</v>
      </c>
      <c r="JI17" s="141">
        <v>0</v>
      </c>
      <c r="JJ17" s="118">
        <v>0</v>
      </c>
      <c r="JK17" s="119">
        <v>702444</v>
      </c>
      <c r="JL17" s="119">
        <v>394097</v>
      </c>
      <c r="JM17" s="119">
        <v>393813</v>
      </c>
      <c r="JN17" s="119">
        <v>153560</v>
      </c>
      <c r="JO17" s="119">
        <v>92687</v>
      </c>
      <c r="JP17" s="120">
        <v>1736601</v>
      </c>
      <c r="JQ17" s="320">
        <v>1736601</v>
      </c>
      <c r="JR17" s="142">
        <v>0</v>
      </c>
      <c r="JS17" s="119">
        <v>0</v>
      </c>
      <c r="JT17" s="141">
        <v>0</v>
      </c>
      <c r="JU17" s="118">
        <v>0</v>
      </c>
      <c r="JV17" s="119">
        <v>0</v>
      </c>
      <c r="JW17" s="119">
        <v>0</v>
      </c>
      <c r="JX17" s="119">
        <v>0</v>
      </c>
      <c r="JY17" s="119">
        <v>0</v>
      </c>
      <c r="JZ17" s="119">
        <v>0</v>
      </c>
      <c r="KA17" s="120">
        <v>0</v>
      </c>
      <c r="KB17" s="320">
        <v>0</v>
      </c>
      <c r="KC17" s="234">
        <v>0</v>
      </c>
      <c r="KD17" s="230">
        <v>61362</v>
      </c>
      <c r="KE17" s="120">
        <v>61362</v>
      </c>
      <c r="KF17" s="118">
        <v>0</v>
      </c>
      <c r="KG17" s="119">
        <v>0</v>
      </c>
      <c r="KH17" s="119">
        <v>154582</v>
      </c>
      <c r="KI17" s="119">
        <v>428181</v>
      </c>
      <c r="KJ17" s="119">
        <v>0</v>
      </c>
      <c r="KK17" s="119">
        <v>0</v>
      </c>
      <c r="KL17" s="120">
        <v>582763</v>
      </c>
      <c r="KM17" s="143">
        <v>644125</v>
      </c>
      <c r="KN17" s="232">
        <v>0</v>
      </c>
      <c r="KO17" s="236">
        <v>0</v>
      </c>
      <c r="KP17" s="237">
        <v>0</v>
      </c>
      <c r="KQ17" s="140"/>
      <c r="KR17" s="119">
        <v>0</v>
      </c>
      <c r="KS17" s="119">
        <v>660937</v>
      </c>
      <c r="KT17" s="119">
        <v>224577</v>
      </c>
      <c r="KU17" s="119">
        <v>919060</v>
      </c>
      <c r="KV17" s="119">
        <v>0</v>
      </c>
      <c r="KW17" s="120">
        <v>1804574</v>
      </c>
      <c r="KX17" s="320">
        <v>1804574</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396449</v>
      </c>
      <c r="MK17" s="119">
        <v>0</v>
      </c>
      <c r="ML17" s="119">
        <v>894735</v>
      </c>
      <c r="MM17" s="119">
        <v>2410966</v>
      </c>
      <c r="MN17" s="119">
        <v>2264174</v>
      </c>
      <c r="MO17" s="120">
        <v>5966324</v>
      </c>
      <c r="MP17" s="143">
        <v>5966324</v>
      </c>
      <c r="MQ17" s="142">
        <v>0</v>
      </c>
      <c r="MR17" s="119">
        <v>0</v>
      </c>
      <c r="MS17" s="120">
        <v>0</v>
      </c>
      <c r="MT17" s="145"/>
      <c r="MU17" s="119">
        <v>0</v>
      </c>
      <c r="MV17" s="119">
        <v>0</v>
      </c>
      <c r="MW17" s="119">
        <v>214844</v>
      </c>
      <c r="MX17" s="119">
        <v>1105121</v>
      </c>
      <c r="MY17" s="119">
        <v>1991954</v>
      </c>
      <c r="MZ17" s="120">
        <v>3311919</v>
      </c>
      <c r="NA17" s="143">
        <v>3311919</v>
      </c>
      <c r="NB17" s="142">
        <v>0</v>
      </c>
      <c r="NC17" s="119">
        <v>0</v>
      </c>
      <c r="ND17" s="120">
        <v>0</v>
      </c>
      <c r="NE17" s="145"/>
      <c r="NF17" s="119">
        <v>396449</v>
      </c>
      <c r="NG17" s="119">
        <v>0</v>
      </c>
      <c r="NH17" s="119">
        <v>679891</v>
      </c>
      <c r="NI17" s="119">
        <v>1305845</v>
      </c>
      <c r="NJ17" s="119">
        <v>272220</v>
      </c>
      <c r="NK17" s="120">
        <v>2654405</v>
      </c>
      <c r="NL17" s="320">
        <v>2654405</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217657</v>
      </c>
      <c r="OJ17" s="119">
        <v>623038</v>
      </c>
      <c r="OK17" s="141">
        <v>840695</v>
      </c>
      <c r="OL17" s="118">
        <v>0</v>
      </c>
      <c r="OM17" s="119">
        <v>6688888</v>
      </c>
      <c r="ON17" s="119">
        <v>4986053</v>
      </c>
      <c r="OO17" s="119">
        <v>7305473</v>
      </c>
      <c r="OP17" s="119">
        <v>9661907</v>
      </c>
      <c r="OQ17" s="119">
        <v>5900522</v>
      </c>
      <c r="OR17" s="120">
        <v>34542843</v>
      </c>
      <c r="OS17" s="143">
        <v>35383538</v>
      </c>
    </row>
    <row r="18" spans="2:409" ht="21" customHeight="1" x14ac:dyDescent="0.2">
      <c r="B18" s="126" t="s">
        <v>12</v>
      </c>
      <c r="C18" s="110">
        <v>930419</v>
      </c>
      <c r="D18" s="114">
        <v>1463216</v>
      </c>
      <c r="E18" s="113">
        <v>2393635</v>
      </c>
      <c r="F18" s="109">
        <v>0</v>
      </c>
      <c r="G18" s="114">
        <v>5243380</v>
      </c>
      <c r="H18" s="170">
        <v>5363484</v>
      </c>
      <c r="I18" s="170">
        <v>6640954</v>
      </c>
      <c r="J18" s="170">
        <v>7637973</v>
      </c>
      <c r="K18" s="170">
        <v>3444971</v>
      </c>
      <c r="L18" s="112">
        <v>28330762</v>
      </c>
      <c r="M18" s="116">
        <v>30724397</v>
      </c>
      <c r="N18" s="110">
        <v>170535</v>
      </c>
      <c r="O18" s="114">
        <v>329137</v>
      </c>
      <c r="P18" s="113">
        <v>499672</v>
      </c>
      <c r="Q18" s="110">
        <v>0</v>
      </c>
      <c r="R18" s="114">
        <v>1932213</v>
      </c>
      <c r="S18" s="114">
        <v>1816121</v>
      </c>
      <c r="T18" s="114">
        <v>2902955</v>
      </c>
      <c r="U18" s="114">
        <v>2599940</v>
      </c>
      <c r="V18" s="114">
        <v>1658725</v>
      </c>
      <c r="W18" s="113">
        <v>10909954</v>
      </c>
      <c r="X18" s="116">
        <v>11409626</v>
      </c>
      <c r="Y18" s="110">
        <v>0</v>
      </c>
      <c r="Z18" s="114">
        <v>0</v>
      </c>
      <c r="AA18" s="113">
        <v>0</v>
      </c>
      <c r="AB18" s="110">
        <v>0</v>
      </c>
      <c r="AC18" s="114">
        <v>1250609</v>
      </c>
      <c r="AD18" s="114">
        <v>866275</v>
      </c>
      <c r="AE18" s="114">
        <v>2056991</v>
      </c>
      <c r="AF18" s="114">
        <v>1567269</v>
      </c>
      <c r="AG18" s="114">
        <v>804044</v>
      </c>
      <c r="AH18" s="113">
        <v>6545188</v>
      </c>
      <c r="AI18" s="116">
        <v>6545188</v>
      </c>
      <c r="AJ18" s="110">
        <v>0</v>
      </c>
      <c r="AK18" s="114">
        <v>0</v>
      </c>
      <c r="AL18" s="113">
        <v>0</v>
      </c>
      <c r="AM18" s="110">
        <v>0</v>
      </c>
      <c r="AN18" s="114">
        <v>0</v>
      </c>
      <c r="AO18" s="114">
        <v>63934</v>
      </c>
      <c r="AP18" s="114">
        <v>0</v>
      </c>
      <c r="AQ18" s="114">
        <v>136728</v>
      </c>
      <c r="AR18" s="114">
        <v>320805</v>
      </c>
      <c r="AS18" s="113">
        <v>521467</v>
      </c>
      <c r="AT18" s="116">
        <v>521467</v>
      </c>
      <c r="AU18" s="110">
        <v>85653</v>
      </c>
      <c r="AV18" s="114">
        <v>210132</v>
      </c>
      <c r="AW18" s="113">
        <v>295785</v>
      </c>
      <c r="AX18" s="110">
        <v>0</v>
      </c>
      <c r="AY18" s="114">
        <v>370665</v>
      </c>
      <c r="AZ18" s="114">
        <v>640530</v>
      </c>
      <c r="BA18" s="114">
        <v>504559</v>
      </c>
      <c r="BB18" s="114">
        <v>501857</v>
      </c>
      <c r="BC18" s="114">
        <v>419538</v>
      </c>
      <c r="BD18" s="113">
        <v>2437149</v>
      </c>
      <c r="BE18" s="116">
        <v>2732934</v>
      </c>
      <c r="BF18" s="110">
        <v>0</v>
      </c>
      <c r="BG18" s="114">
        <v>32359</v>
      </c>
      <c r="BH18" s="112">
        <v>32359</v>
      </c>
      <c r="BI18" s="111">
        <v>0</v>
      </c>
      <c r="BJ18" s="114">
        <v>130983</v>
      </c>
      <c r="BK18" s="114">
        <v>50852</v>
      </c>
      <c r="BL18" s="114">
        <v>50674</v>
      </c>
      <c r="BM18" s="114">
        <v>46228</v>
      </c>
      <c r="BN18" s="114">
        <v>0</v>
      </c>
      <c r="BO18" s="113">
        <v>278737</v>
      </c>
      <c r="BP18" s="116">
        <v>311096</v>
      </c>
      <c r="BQ18" s="110">
        <v>84882</v>
      </c>
      <c r="BR18" s="114">
        <v>86646</v>
      </c>
      <c r="BS18" s="113">
        <v>171528</v>
      </c>
      <c r="BT18" s="110">
        <v>0</v>
      </c>
      <c r="BU18" s="114">
        <v>179956</v>
      </c>
      <c r="BV18" s="114">
        <v>194530</v>
      </c>
      <c r="BW18" s="114">
        <v>290731</v>
      </c>
      <c r="BX18" s="114">
        <v>347858</v>
      </c>
      <c r="BY18" s="114">
        <v>114338</v>
      </c>
      <c r="BZ18" s="113">
        <v>1127413</v>
      </c>
      <c r="CA18" s="116">
        <v>1298941</v>
      </c>
      <c r="CB18" s="110">
        <v>278295</v>
      </c>
      <c r="CC18" s="114">
        <v>238212</v>
      </c>
      <c r="CD18" s="113">
        <v>516507</v>
      </c>
      <c r="CE18" s="110">
        <v>0</v>
      </c>
      <c r="CF18" s="114">
        <v>1937861</v>
      </c>
      <c r="CG18" s="114">
        <v>1667866</v>
      </c>
      <c r="CH18" s="114">
        <v>1603633</v>
      </c>
      <c r="CI18" s="114">
        <v>1124598</v>
      </c>
      <c r="CJ18" s="114">
        <v>313854</v>
      </c>
      <c r="CK18" s="113">
        <v>6647812</v>
      </c>
      <c r="CL18" s="116">
        <v>7164319</v>
      </c>
      <c r="CM18" s="110">
        <v>0</v>
      </c>
      <c r="CN18" s="114">
        <v>0</v>
      </c>
      <c r="CO18" s="113">
        <v>0</v>
      </c>
      <c r="CP18" s="111">
        <v>0</v>
      </c>
      <c r="CQ18" s="114">
        <v>1460073</v>
      </c>
      <c r="CR18" s="114">
        <v>1294902</v>
      </c>
      <c r="CS18" s="114">
        <v>751835</v>
      </c>
      <c r="CT18" s="114">
        <v>692966</v>
      </c>
      <c r="CU18" s="114">
        <v>313854</v>
      </c>
      <c r="CV18" s="113">
        <v>4513630</v>
      </c>
      <c r="CW18" s="116">
        <v>4513630</v>
      </c>
      <c r="CX18" s="110">
        <v>278295</v>
      </c>
      <c r="CY18" s="114">
        <v>238212</v>
      </c>
      <c r="CZ18" s="113">
        <v>516507</v>
      </c>
      <c r="DA18" s="110">
        <v>0</v>
      </c>
      <c r="DB18" s="114">
        <v>477788</v>
      </c>
      <c r="DC18" s="114">
        <v>372964</v>
      </c>
      <c r="DD18" s="114">
        <v>851798</v>
      </c>
      <c r="DE18" s="114">
        <v>431632</v>
      </c>
      <c r="DF18" s="114">
        <v>0</v>
      </c>
      <c r="DG18" s="113">
        <v>2134182</v>
      </c>
      <c r="DH18" s="116">
        <v>2650689</v>
      </c>
      <c r="DI18" s="110">
        <v>0</v>
      </c>
      <c r="DJ18" s="114">
        <v>0</v>
      </c>
      <c r="DK18" s="112">
        <v>0</v>
      </c>
      <c r="DL18" s="111">
        <v>0</v>
      </c>
      <c r="DM18" s="114">
        <v>180331</v>
      </c>
      <c r="DN18" s="114">
        <v>56952</v>
      </c>
      <c r="DO18" s="114">
        <v>591343</v>
      </c>
      <c r="DP18" s="114">
        <v>638657</v>
      </c>
      <c r="DQ18" s="114">
        <v>199726</v>
      </c>
      <c r="DR18" s="113">
        <v>1667009</v>
      </c>
      <c r="DS18" s="116">
        <v>1667009</v>
      </c>
      <c r="DT18" s="110">
        <v>0</v>
      </c>
      <c r="DU18" s="114">
        <v>0</v>
      </c>
      <c r="DV18" s="113">
        <v>0</v>
      </c>
      <c r="DW18" s="110">
        <v>0</v>
      </c>
      <c r="DX18" s="114">
        <v>180331</v>
      </c>
      <c r="DY18" s="114">
        <v>56952</v>
      </c>
      <c r="DZ18" s="114">
        <v>591343</v>
      </c>
      <c r="EA18" s="114">
        <v>638657</v>
      </c>
      <c r="EB18" s="114">
        <v>199726</v>
      </c>
      <c r="EC18" s="113">
        <v>1667009</v>
      </c>
      <c r="ED18" s="116">
        <v>1667009</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43892</v>
      </c>
      <c r="FM18" s="114">
        <v>301868</v>
      </c>
      <c r="FN18" s="113">
        <v>445760</v>
      </c>
      <c r="FO18" s="110">
        <v>0</v>
      </c>
      <c r="FP18" s="114">
        <v>189147</v>
      </c>
      <c r="FQ18" s="114">
        <v>530761</v>
      </c>
      <c r="FR18" s="114">
        <v>467901</v>
      </c>
      <c r="FS18" s="114">
        <v>590632</v>
      </c>
      <c r="FT18" s="114">
        <v>339885</v>
      </c>
      <c r="FU18" s="113">
        <v>2118326</v>
      </c>
      <c r="FV18" s="116">
        <v>2564086</v>
      </c>
      <c r="FW18" s="115">
        <v>99092</v>
      </c>
      <c r="FX18" s="114">
        <v>198247</v>
      </c>
      <c r="FY18" s="112">
        <v>297339</v>
      </c>
      <c r="FZ18" s="111">
        <v>0</v>
      </c>
      <c r="GA18" s="114">
        <v>163947</v>
      </c>
      <c r="GB18" s="114">
        <v>511154</v>
      </c>
      <c r="GC18" s="114">
        <v>467901</v>
      </c>
      <c r="GD18" s="114">
        <v>567224</v>
      </c>
      <c r="GE18" s="114">
        <v>339885</v>
      </c>
      <c r="GF18" s="113">
        <v>2050111</v>
      </c>
      <c r="GG18" s="318">
        <v>2347450</v>
      </c>
      <c r="GH18" s="115">
        <v>23100</v>
      </c>
      <c r="GI18" s="114">
        <v>35700</v>
      </c>
      <c r="GJ18" s="112">
        <v>58800</v>
      </c>
      <c r="GK18" s="111">
        <v>0</v>
      </c>
      <c r="GL18" s="114">
        <v>0</v>
      </c>
      <c r="GM18" s="114">
        <v>0</v>
      </c>
      <c r="GN18" s="114">
        <v>0</v>
      </c>
      <c r="GO18" s="114">
        <v>23408</v>
      </c>
      <c r="GP18" s="114">
        <v>0</v>
      </c>
      <c r="GQ18" s="113">
        <v>23408</v>
      </c>
      <c r="GR18" s="116">
        <v>82208</v>
      </c>
      <c r="GS18" s="110">
        <v>21700</v>
      </c>
      <c r="GT18" s="114">
        <v>67921</v>
      </c>
      <c r="GU18" s="113">
        <v>89621</v>
      </c>
      <c r="GV18" s="110">
        <v>0</v>
      </c>
      <c r="GW18" s="114">
        <v>25200</v>
      </c>
      <c r="GX18" s="114">
        <v>19607</v>
      </c>
      <c r="GY18" s="114">
        <v>0</v>
      </c>
      <c r="GZ18" s="114">
        <v>0</v>
      </c>
      <c r="HA18" s="114">
        <v>0</v>
      </c>
      <c r="HB18" s="112">
        <v>44807</v>
      </c>
      <c r="HC18" s="116">
        <v>134428</v>
      </c>
      <c r="HD18" s="110">
        <v>337697</v>
      </c>
      <c r="HE18" s="114">
        <v>593999</v>
      </c>
      <c r="HF18" s="112">
        <v>931696</v>
      </c>
      <c r="HG18" s="111">
        <v>0</v>
      </c>
      <c r="HH18" s="114">
        <v>1003828</v>
      </c>
      <c r="HI18" s="114">
        <v>1291784</v>
      </c>
      <c r="HJ18" s="114">
        <v>1075122</v>
      </c>
      <c r="HK18" s="114">
        <v>2684146</v>
      </c>
      <c r="HL18" s="114">
        <v>932781</v>
      </c>
      <c r="HM18" s="113">
        <v>6987661</v>
      </c>
      <c r="HN18" s="109">
        <v>7919357</v>
      </c>
      <c r="HO18" s="328"/>
      <c r="HP18" s="329"/>
      <c r="HQ18" s="330"/>
      <c r="HR18" s="331"/>
      <c r="HS18" s="329"/>
      <c r="HT18" s="329"/>
      <c r="HU18" s="329"/>
      <c r="HV18" s="329"/>
      <c r="HW18" s="329"/>
      <c r="HX18" s="332"/>
      <c r="HY18" s="333"/>
      <c r="HZ18" s="150">
        <v>0</v>
      </c>
      <c r="IA18" s="135">
        <v>0</v>
      </c>
      <c r="IB18" s="150">
        <v>0</v>
      </c>
      <c r="IC18" s="134">
        <v>0</v>
      </c>
      <c r="ID18" s="135">
        <v>841987</v>
      </c>
      <c r="IE18" s="136">
        <v>1393171</v>
      </c>
      <c r="IF18" s="137">
        <v>1523334</v>
      </c>
      <c r="IG18" s="135">
        <v>2728313</v>
      </c>
      <c r="IH18" s="137">
        <v>1078261</v>
      </c>
      <c r="II18" s="138">
        <v>7565066</v>
      </c>
      <c r="IJ18" s="150">
        <v>7565066</v>
      </c>
      <c r="IK18" s="232">
        <v>0</v>
      </c>
      <c r="IL18" s="236">
        <v>0</v>
      </c>
      <c r="IM18" s="237">
        <v>0</v>
      </c>
      <c r="IN18" s="140"/>
      <c r="IO18" s="119">
        <v>0</v>
      </c>
      <c r="IP18" s="119">
        <v>0</v>
      </c>
      <c r="IQ18" s="119">
        <v>0</v>
      </c>
      <c r="IR18" s="119">
        <v>0</v>
      </c>
      <c r="IS18" s="119">
        <v>0</v>
      </c>
      <c r="IT18" s="141">
        <v>0</v>
      </c>
      <c r="IU18" s="320">
        <v>0</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520404</v>
      </c>
      <c r="JL18" s="119">
        <v>531168</v>
      </c>
      <c r="JM18" s="119">
        <v>594392</v>
      </c>
      <c r="JN18" s="119">
        <v>394163</v>
      </c>
      <c r="JO18" s="119">
        <v>0</v>
      </c>
      <c r="JP18" s="120">
        <v>2040127</v>
      </c>
      <c r="JQ18" s="320">
        <v>2040127</v>
      </c>
      <c r="JR18" s="142">
        <v>0</v>
      </c>
      <c r="JS18" s="119">
        <v>0</v>
      </c>
      <c r="JT18" s="141">
        <v>0</v>
      </c>
      <c r="JU18" s="118">
        <v>0</v>
      </c>
      <c r="JV18" s="119">
        <v>0</v>
      </c>
      <c r="JW18" s="119">
        <v>37175</v>
      </c>
      <c r="JX18" s="119">
        <v>0</v>
      </c>
      <c r="JY18" s="119">
        <v>0</v>
      </c>
      <c r="JZ18" s="119">
        <v>0</v>
      </c>
      <c r="KA18" s="120">
        <v>37175</v>
      </c>
      <c r="KB18" s="320">
        <v>37175</v>
      </c>
      <c r="KC18" s="234">
        <v>0</v>
      </c>
      <c r="KD18" s="230">
        <v>0</v>
      </c>
      <c r="KE18" s="120">
        <v>0</v>
      </c>
      <c r="KF18" s="118">
        <v>0</v>
      </c>
      <c r="KG18" s="119">
        <v>106801</v>
      </c>
      <c r="KH18" s="119">
        <v>303345</v>
      </c>
      <c r="KI18" s="119">
        <v>0</v>
      </c>
      <c r="KJ18" s="119">
        <v>697156</v>
      </c>
      <c r="KK18" s="119">
        <v>0</v>
      </c>
      <c r="KL18" s="120">
        <v>1107302</v>
      </c>
      <c r="KM18" s="143">
        <v>1107302</v>
      </c>
      <c r="KN18" s="232">
        <v>0</v>
      </c>
      <c r="KO18" s="236">
        <v>0</v>
      </c>
      <c r="KP18" s="237">
        <v>0</v>
      </c>
      <c r="KQ18" s="140"/>
      <c r="KR18" s="119">
        <v>214782</v>
      </c>
      <c r="KS18" s="119">
        <v>360642</v>
      </c>
      <c r="KT18" s="119">
        <v>447589</v>
      </c>
      <c r="KU18" s="119">
        <v>685120</v>
      </c>
      <c r="KV18" s="119">
        <v>239082</v>
      </c>
      <c r="KW18" s="120">
        <v>1947215</v>
      </c>
      <c r="KX18" s="320">
        <v>1947215</v>
      </c>
      <c r="KY18" s="142">
        <v>0</v>
      </c>
      <c r="KZ18" s="119">
        <v>0</v>
      </c>
      <c r="LA18" s="120">
        <v>0</v>
      </c>
      <c r="LB18" s="145"/>
      <c r="LC18" s="119">
        <v>0</v>
      </c>
      <c r="LD18" s="119">
        <v>160841</v>
      </c>
      <c r="LE18" s="119">
        <v>0</v>
      </c>
      <c r="LF18" s="119">
        <v>389582</v>
      </c>
      <c r="LG18" s="119">
        <v>0</v>
      </c>
      <c r="LH18" s="120">
        <v>550423</v>
      </c>
      <c r="LI18" s="121">
        <v>550423</v>
      </c>
      <c r="LJ18" s="142">
        <v>0</v>
      </c>
      <c r="LK18" s="119">
        <v>0</v>
      </c>
      <c r="LL18" s="120">
        <v>0</v>
      </c>
      <c r="LM18" s="145"/>
      <c r="LN18" s="119">
        <v>0</v>
      </c>
      <c r="LO18" s="119">
        <v>0</v>
      </c>
      <c r="LP18" s="119">
        <v>224431</v>
      </c>
      <c r="LQ18" s="119">
        <v>0</v>
      </c>
      <c r="LR18" s="119">
        <v>259916</v>
      </c>
      <c r="LS18" s="120">
        <v>484347</v>
      </c>
      <c r="LT18" s="320">
        <v>484347</v>
      </c>
      <c r="LU18" s="142">
        <v>0</v>
      </c>
      <c r="LV18" s="119">
        <v>0</v>
      </c>
      <c r="LW18" s="120">
        <v>0</v>
      </c>
      <c r="LX18" s="145"/>
      <c r="LY18" s="119">
        <v>0</v>
      </c>
      <c r="LZ18" s="119">
        <v>0</v>
      </c>
      <c r="MA18" s="119">
        <v>256922</v>
      </c>
      <c r="MB18" s="119">
        <v>562292</v>
      </c>
      <c r="MC18" s="119">
        <v>579263</v>
      </c>
      <c r="MD18" s="120">
        <v>1398477</v>
      </c>
      <c r="ME18" s="121">
        <v>1398477</v>
      </c>
      <c r="MF18" s="142">
        <v>0</v>
      </c>
      <c r="MG18" s="119">
        <v>0</v>
      </c>
      <c r="MH18" s="120">
        <v>0</v>
      </c>
      <c r="MI18" s="145"/>
      <c r="MJ18" s="119">
        <v>0</v>
      </c>
      <c r="MK18" s="119">
        <v>1076736</v>
      </c>
      <c r="ML18" s="119">
        <v>1046020</v>
      </c>
      <c r="MM18" s="119">
        <v>3049367</v>
      </c>
      <c r="MN18" s="119">
        <v>2269843</v>
      </c>
      <c r="MO18" s="120">
        <v>7441966</v>
      </c>
      <c r="MP18" s="143">
        <v>7441966</v>
      </c>
      <c r="MQ18" s="142">
        <v>0</v>
      </c>
      <c r="MR18" s="119">
        <v>0</v>
      </c>
      <c r="MS18" s="120">
        <v>0</v>
      </c>
      <c r="MT18" s="145"/>
      <c r="MU18" s="119">
        <v>0</v>
      </c>
      <c r="MV18" s="119">
        <v>160995</v>
      </c>
      <c r="MW18" s="119">
        <v>71204</v>
      </c>
      <c r="MX18" s="119">
        <v>1621509</v>
      </c>
      <c r="MY18" s="119">
        <v>1698841</v>
      </c>
      <c r="MZ18" s="120">
        <v>3552549</v>
      </c>
      <c r="NA18" s="143">
        <v>3552549</v>
      </c>
      <c r="NB18" s="142">
        <v>0</v>
      </c>
      <c r="NC18" s="119">
        <v>0</v>
      </c>
      <c r="ND18" s="120">
        <v>0</v>
      </c>
      <c r="NE18" s="145"/>
      <c r="NF18" s="119">
        <v>0</v>
      </c>
      <c r="NG18" s="119">
        <v>915741</v>
      </c>
      <c r="NH18" s="119">
        <v>974816</v>
      </c>
      <c r="NI18" s="119">
        <v>1125048</v>
      </c>
      <c r="NJ18" s="119">
        <v>571002</v>
      </c>
      <c r="NK18" s="120">
        <v>3586607</v>
      </c>
      <c r="NL18" s="320">
        <v>3586607</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02810</v>
      </c>
      <c r="OF18" s="119">
        <v>0</v>
      </c>
      <c r="OG18" s="120">
        <v>302810</v>
      </c>
      <c r="OH18" s="121">
        <v>302810</v>
      </c>
      <c r="OI18" s="142">
        <v>930419</v>
      </c>
      <c r="OJ18" s="119">
        <v>1463216</v>
      </c>
      <c r="OK18" s="141">
        <v>2393635</v>
      </c>
      <c r="OL18" s="118">
        <v>0</v>
      </c>
      <c r="OM18" s="119">
        <v>6085367</v>
      </c>
      <c r="ON18" s="119">
        <v>7833391</v>
      </c>
      <c r="OO18" s="119">
        <v>9210308</v>
      </c>
      <c r="OP18" s="119">
        <v>13415653</v>
      </c>
      <c r="OQ18" s="119">
        <v>6793075</v>
      </c>
      <c r="OR18" s="120">
        <v>43337794</v>
      </c>
      <c r="OS18" s="143">
        <v>45731429</v>
      </c>
    </row>
    <row r="19" spans="2:409" ht="21" customHeight="1" x14ac:dyDescent="0.2">
      <c r="B19" s="126" t="s">
        <v>13</v>
      </c>
      <c r="C19" s="110">
        <v>391483</v>
      </c>
      <c r="D19" s="114">
        <v>450380</v>
      </c>
      <c r="E19" s="113">
        <v>841863</v>
      </c>
      <c r="F19" s="110">
        <v>0</v>
      </c>
      <c r="G19" s="170">
        <v>3235643</v>
      </c>
      <c r="H19" s="114">
        <v>5020181</v>
      </c>
      <c r="I19" s="114">
        <v>3570463</v>
      </c>
      <c r="J19" s="114">
        <v>4299866</v>
      </c>
      <c r="K19" s="114">
        <v>3303519</v>
      </c>
      <c r="L19" s="112">
        <v>19429672</v>
      </c>
      <c r="M19" s="116">
        <v>20271535</v>
      </c>
      <c r="N19" s="110">
        <v>78589</v>
      </c>
      <c r="O19" s="114">
        <v>171648</v>
      </c>
      <c r="P19" s="113">
        <v>250237</v>
      </c>
      <c r="Q19" s="110">
        <v>0</v>
      </c>
      <c r="R19" s="114">
        <v>1179515</v>
      </c>
      <c r="S19" s="114">
        <v>1788979</v>
      </c>
      <c r="T19" s="114">
        <v>1488366</v>
      </c>
      <c r="U19" s="114">
        <v>2393068</v>
      </c>
      <c r="V19" s="114">
        <v>2235725</v>
      </c>
      <c r="W19" s="113">
        <v>9085653</v>
      </c>
      <c r="X19" s="116">
        <v>9335890</v>
      </c>
      <c r="Y19" s="110">
        <v>0</v>
      </c>
      <c r="Z19" s="114">
        <v>0</v>
      </c>
      <c r="AA19" s="113">
        <v>0</v>
      </c>
      <c r="AB19" s="110">
        <v>0</v>
      </c>
      <c r="AC19" s="114">
        <v>519553</v>
      </c>
      <c r="AD19" s="114">
        <v>893500</v>
      </c>
      <c r="AE19" s="114">
        <v>789082</v>
      </c>
      <c r="AF19" s="114">
        <v>1568507</v>
      </c>
      <c r="AG19" s="114">
        <v>1721788</v>
      </c>
      <c r="AH19" s="113">
        <v>5492430</v>
      </c>
      <c r="AI19" s="116">
        <v>5492430</v>
      </c>
      <c r="AJ19" s="110">
        <v>0</v>
      </c>
      <c r="AK19" s="114">
        <v>0</v>
      </c>
      <c r="AL19" s="113">
        <v>0</v>
      </c>
      <c r="AM19" s="110">
        <v>0</v>
      </c>
      <c r="AN19" s="114">
        <v>0</v>
      </c>
      <c r="AO19" s="114">
        <v>0</v>
      </c>
      <c r="AP19" s="114">
        <v>107322</v>
      </c>
      <c r="AQ19" s="114">
        <v>103919</v>
      </c>
      <c r="AR19" s="114">
        <v>0</v>
      </c>
      <c r="AS19" s="113">
        <v>211241</v>
      </c>
      <c r="AT19" s="116">
        <v>211241</v>
      </c>
      <c r="AU19" s="110">
        <v>5691</v>
      </c>
      <c r="AV19" s="114">
        <v>110525</v>
      </c>
      <c r="AW19" s="113">
        <v>116216</v>
      </c>
      <c r="AX19" s="110">
        <v>0</v>
      </c>
      <c r="AY19" s="114">
        <v>497994</v>
      </c>
      <c r="AZ19" s="114">
        <v>479103</v>
      </c>
      <c r="BA19" s="114">
        <v>384069</v>
      </c>
      <c r="BB19" s="114">
        <v>486825</v>
      </c>
      <c r="BC19" s="114">
        <v>278267</v>
      </c>
      <c r="BD19" s="113">
        <v>2126258</v>
      </c>
      <c r="BE19" s="116">
        <v>2242474</v>
      </c>
      <c r="BF19" s="110">
        <v>0</v>
      </c>
      <c r="BG19" s="114">
        <v>14013</v>
      </c>
      <c r="BH19" s="112">
        <v>14013</v>
      </c>
      <c r="BI19" s="111">
        <v>0</v>
      </c>
      <c r="BJ19" s="114">
        <v>28534</v>
      </c>
      <c r="BK19" s="114">
        <v>128606</v>
      </c>
      <c r="BL19" s="114">
        <v>0</v>
      </c>
      <c r="BM19" s="114">
        <v>12610</v>
      </c>
      <c r="BN19" s="114">
        <v>65451</v>
      </c>
      <c r="BO19" s="113">
        <v>235201</v>
      </c>
      <c r="BP19" s="116">
        <v>249214</v>
      </c>
      <c r="BQ19" s="110">
        <v>72898</v>
      </c>
      <c r="BR19" s="114">
        <v>47110</v>
      </c>
      <c r="BS19" s="113">
        <v>120008</v>
      </c>
      <c r="BT19" s="110">
        <v>0</v>
      </c>
      <c r="BU19" s="114">
        <v>133434</v>
      </c>
      <c r="BV19" s="114">
        <v>287770</v>
      </c>
      <c r="BW19" s="114">
        <v>207893</v>
      </c>
      <c r="BX19" s="114">
        <v>221207</v>
      </c>
      <c r="BY19" s="114">
        <v>170219</v>
      </c>
      <c r="BZ19" s="113">
        <v>1020523</v>
      </c>
      <c r="CA19" s="116">
        <v>1140531</v>
      </c>
      <c r="CB19" s="110">
        <v>0</v>
      </c>
      <c r="CC19" s="114">
        <v>0</v>
      </c>
      <c r="CD19" s="113">
        <v>0</v>
      </c>
      <c r="CE19" s="110">
        <v>0</v>
      </c>
      <c r="CF19" s="114">
        <v>540245</v>
      </c>
      <c r="CG19" s="114">
        <v>959724</v>
      </c>
      <c r="CH19" s="114">
        <v>685086</v>
      </c>
      <c r="CI19" s="114">
        <v>346309</v>
      </c>
      <c r="CJ19" s="114">
        <v>22481</v>
      </c>
      <c r="CK19" s="113">
        <v>2553845</v>
      </c>
      <c r="CL19" s="116">
        <v>2553845</v>
      </c>
      <c r="CM19" s="110">
        <v>0</v>
      </c>
      <c r="CN19" s="114">
        <v>0</v>
      </c>
      <c r="CO19" s="113">
        <v>0</v>
      </c>
      <c r="CP19" s="111">
        <v>0</v>
      </c>
      <c r="CQ19" s="114">
        <v>525994</v>
      </c>
      <c r="CR19" s="114">
        <v>874323</v>
      </c>
      <c r="CS19" s="114">
        <v>411226</v>
      </c>
      <c r="CT19" s="114">
        <v>157810</v>
      </c>
      <c r="CU19" s="114">
        <v>22481</v>
      </c>
      <c r="CV19" s="113">
        <v>1991834</v>
      </c>
      <c r="CW19" s="116">
        <v>1991834</v>
      </c>
      <c r="CX19" s="110">
        <v>0</v>
      </c>
      <c r="CY19" s="114">
        <v>0</v>
      </c>
      <c r="CZ19" s="113">
        <v>0</v>
      </c>
      <c r="DA19" s="110">
        <v>0</v>
      </c>
      <c r="DB19" s="114">
        <v>14251</v>
      </c>
      <c r="DC19" s="114">
        <v>85401</v>
      </c>
      <c r="DD19" s="114">
        <v>273860</v>
      </c>
      <c r="DE19" s="114">
        <v>188499</v>
      </c>
      <c r="DF19" s="114">
        <v>0</v>
      </c>
      <c r="DG19" s="113">
        <v>562011</v>
      </c>
      <c r="DH19" s="116">
        <v>562011</v>
      </c>
      <c r="DI19" s="110">
        <v>0</v>
      </c>
      <c r="DJ19" s="114">
        <v>25918</v>
      </c>
      <c r="DK19" s="112">
        <v>25918</v>
      </c>
      <c r="DL19" s="111">
        <v>0</v>
      </c>
      <c r="DM19" s="114">
        <v>76775</v>
      </c>
      <c r="DN19" s="114">
        <v>133094</v>
      </c>
      <c r="DO19" s="114">
        <v>316221</v>
      </c>
      <c r="DP19" s="114">
        <v>180618</v>
      </c>
      <c r="DQ19" s="114">
        <v>0</v>
      </c>
      <c r="DR19" s="113">
        <v>706708</v>
      </c>
      <c r="DS19" s="116">
        <v>732626</v>
      </c>
      <c r="DT19" s="110">
        <v>0</v>
      </c>
      <c r="DU19" s="114">
        <v>25918</v>
      </c>
      <c r="DV19" s="113">
        <v>25918</v>
      </c>
      <c r="DW19" s="110">
        <v>0</v>
      </c>
      <c r="DX19" s="114">
        <v>76775</v>
      </c>
      <c r="DY19" s="114">
        <v>133094</v>
      </c>
      <c r="DZ19" s="114">
        <v>248079</v>
      </c>
      <c r="EA19" s="114">
        <v>144762</v>
      </c>
      <c r="EB19" s="114">
        <v>0</v>
      </c>
      <c r="EC19" s="113">
        <v>602710</v>
      </c>
      <c r="ED19" s="116">
        <v>628628</v>
      </c>
      <c r="EE19" s="110">
        <v>0</v>
      </c>
      <c r="EF19" s="112">
        <v>0</v>
      </c>
      <c r="EG19" s="113">
        <v>0</v>
      </c>
      <c r="EH19" s="110">
        <v>0</v>
      </c>
      <c r="EI19" s="114">
        <v>0</v>
      </c>
      <c r="EJ19" s="114">
        <v>0</v>
      </c>
      <c r="EK19" s="114">
        <v>68142</v>
      </c>
      <c r="EL19" s="114">
        <v>35856</v>
      </c>
      <c r="EM19" s="114">
        <v>0</v>
      </c>
      <c r="EN19" s="112">
        <v>103998</v>
      </c>
      <c r="EO19" s="116">
        <v>103998</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77420</v>
      </c>
      <c r="FM19" s="114">
        <v>135786</v>
      </c>
      <c r="FN19" s="113">
        <v>213206</v>
      </c>
      <c r="FO19" s="110">
        <v>0</v>
      </c>
      <c r="FP19" s="114">
        <v>125958</v>
      </c>
      <c r="FQ19" s="114">
        <v>376159</v>
      </c>
      <c r="FR19" s="114">
        <v>283703</v>
      </c>
      <c r="FS19" s="114">
        <v>214242</v>
      </c>
      <c r="FT19" s="114">
        <v>216069</v>
      </c>
      <c r="FU19" s="113">
        <v>1216131</v>
      </c>
      <c r="FV19" s="116">
        <v>1429337</v>
      </c>
      <c r="FW19" s="115">
        <v>17920</v>
      </c>
      <c r="FX19" s="114">
        <v>62286</v>
      </c>
      <c r="FY19" s="112">
        <v>80206</v>
      </c>
      <c r="FZ19" s="111">
        <v>0</v>
      </c>
      <c r="GA19" s="114">
        <v>116158</v>
      </c>
      <c r="GB19" s="114">
        <v>376159</v>
      </c>
      <c r="GC19" s="114">
        <v>283703</v>
      </c>
      <c r="GD19" s="114">
        <v>145390</v>
      </c>
      <c r="GE19" s="114">
        <v>175721</v>
      </c>
      <c r="GF19" s="113">
        <v>1097131</v>
      </c>
      <c r="GG19" s="318">
        <v>1177337</v>
      </c>
      <c r="GH19" s="115">
        <v>0</v>
      </c>
      <c r="GI19" s="114">
        <v>0</v>
      </c>
      <c r="GJ19" s="112">
        <v>0</v>
      </c>
      <c r="GK19" s="111">
        <v>0</v>
      </c>
      <c r="GL19" s="114">
        <v>0</v>
      </c>
      <c r="GM19" s="114">
        <v>0</v>
      </c>
      <c r="GN19" s="114">
        <v>0</v>
      </c>
      <c r="GO19" s="114">
        <v>28952</v>
      </c>
      <c r="GP19" s="114">
        <v>40348</v>
      </c>
      <c r="GQ19" s="113">
        <v>69300</v>
      </c>
      <c r="GR19" s="116">
        <v>69300</v>
      </c>
      <c r="GS19" s="110">
        <v>59500</v>
      </c>
      <c r="GT19" s="114">
        <v>73500</v>
      </c>
      <c r="GU19" s="113">
        <v>133000</v>
      </c>
      <c r="GV19" s="110">
        <v>0</v>
      </c>
      <c r="GW19" s="114">
        <v>9800</v>
      </c>
      <c r="GX19" s="114">
        <v>0</v>
      </c>
      <c r="GY19" s="114">
        <v>0</v>
      </c>
      <c r="GZ19" s="114">
        <v>39900</v>
      </c>
      <c r="HA19" s="114">
        <v>0</v>
      </c>
      <c r="HB19" s="112">
        <v>49700</v>
      </c>
      <c r="HC19" s="116">
        <v>182700</v>
      </c>
      <c r="HD19" s="110">
        <v>235474</v>
      </c>
      <c r="HE19" s="114">
        <v>117028</v>
      </c>
      <c r="HF19" s="112">
        <v>352502</v>
      </c>
      <c r="HG19" s="111">
        <v>0</v>
      </c>
      <c r="HH19" s="114">
        <v>1313150</v>
      </c>
      <c r="HI19" s="114">
        <v>1762225</v>
      </c>
      <c r="HJ19" s="114">
        <v>797087</v>
      </c>
      <c r="HK19" s="114">
        <v>1165629</v>
      </c>
      <c r="HL19" s="114">
        <v>829244</v>
      </c>
      <c r="HM19" s="113">
        <v>5867335</v>
      </c>
      <c r="HN19" s="109">
        <v>6219837</v>
      </c>
      <c r="HO19" s="328"/>
      <c r="HP19" s="329"/>
      <c r="HQ19" s="330"/>
      <c r="HR19" s="331"/>
      <c r="HS19" s="329"/>
      <c r="HT19" s="329"/>
      <c r="HU19" s="329"/>
      <c r="HV19" s="329"/>
      <c r="HW19" s="329"/>
      <c r="HX19" s="332"/>
      <c r="HY19" s="333"/>
      <c r="HZ19" s="131">
        <v>0</v>
      </c>
      <c r="IA19" s="132">
        <v>0</v>
      </c>
      <c r="IB19" s="133">
        <v>0</v>
      </c>
      <c r="IC19" s="146">
        <v>0</v>
      </c>
      <c r="ID19" s="132">
        <v>409624</v>
      </c>
      <c r="IE19" s="147">
        <v>782760</v>
      </c>
      <c r="IF19" s="133">
        <v>1120460</v>
      </c>
      <c r="IG19" s="132">
        <v>71042</v>
      </c>
      <c r="IH19" s="133">
        <v>0</v>
      </c>
      <c r="II19" s="148">
        <v>2383886</v>
      </c>
      <c r="IJ19" s="139">
        <v>2383886</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409624</v>
      </c>
      <c r="JL19" s="119">
        <v>408476</v>
      </c>
      <c r="JM19" s="119">
        <v>306250</v>
      </c>
      <c r="JN19" s="119">
        <v>71042</v>
      </c>
      <c r="JO19" s="119">
        <v>0</v>
      </c>
      <c r="JP19" s="120">
        <v>1195392</v>
      </c>
      <c r="JQ19" s="320">
        <v>1195392</v>
      </c>
      <c r="JR19" s="142">
        <v>0</v>
      </c>
      <c r="JS19" s="119">
        <v>0</v>
      </c>
      <c r="JT19" s="141">
        <v>0</v>
      </c>
      <c r="JU19" s="118">
        <v>0</v>
      </c>
      <c r="JV19" s="119">
        <v>0</v>
      </c>
      <c r="JW19" s="119">
        <v>0</v>
      </c>
      <c r="JX19" s="119">
        <v>0</v>
      </c>
      <c r="JY19" s="119">
        <v>0</v>
      </c>
      <c r="JZ19" s="119">
        <v>0</v>
      </c>
      <c r="KA19" s="120">
        <v>0</v>
      </c>
      <c r="KB19" s="320">
        <v>0</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24888</v>
      </c>
      <c r="KT19" s="119">
        <v>312309</v>
      </c>
      <c r="KU19" s="119">
        <v>0</v>
      </c>
      <c r="KV19" s="119">
        <v>0</v>
      </c>
      <c r="KW19" s="120">
        <v>537197</v>
      </c>
      <c r="KX19" s="320">
        <v>537197</v>
      </c>
      <c r="KY19" s="142">
        <v>0</v>
      </c>
      <c r="KZ19" s="119">
        <v>0</v>
      </c>
      <c r="LA19" s="120">
        <v>0</v>
      </c>
      <c r="LB19" s="145"/>
      <c r="LC19" s="119">
        <v>0</v>
      </c>
      <c r="LD19" s="119">
        <v>0</v>
      </c>
      <c r="LE19" s="119">
        <v>292765</v>
      </c>
      <c r="LF19" s="119">
        <v>0</v>
      </c>
      <c r="LG19" s="119">
        <v>0</v>
      </c>
      <c r="LH19" s="120">
        <v>292765</v>
      </c>
      <c r="LI19" s="121">
        <v>292765</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12432</v>
      </c>
      <c r="MK19" s="119">
        <v>243621</v>
      </c>
      <c r="ML19" s="119">
        <v>889639</v>
      </c>
      <c r="MM19" s="119">
        <v>1916245</v>
      </c>
      <c r="MN19" s="119">
        <v>1630085</v>
      </c>
      <c r="MO19" s="120">
        <v>4692022</v>
      </c>
      <c r="MP19" s="143">
        <v>4692022</v>
      </c>
      <c r="MQ19" s="142">
        <v>0</v>
      </c>
      <c r="MR19" s="119">
        <v>0</v>
      </c>
      <c r="MS19" s="120">
        <v>0</v>
      </c>
      <c r="MT19" s="145"/>
      <c r="MU19" s="119">
        <v>12432</v>
      </c>
      <c r="MV19" s="119">
        <v>0</v>
      </c>
      <c r="MW19" s="119">
        <v>636424</v>
      </c>
      <c r="MX19" s="119">
        <v>819953</v>
      </c>
      <c r="MY19" s="119">
        <v>1034985</v>
      </c>
      <c r="MZ19" s="120">
        <v>2503794</v>
      </c>
      <c r="NA19" s="143">
        <v>2503794</v>
      </c>
      <c r="NB19" s="142">
        <v>0</v>
      </c>
      <c r="NC19" s="119">
        <v>0</v>
      </c>
      <c r="ND19" s="120">
        <v>0</v>
      </c>
      <c r="NE19" s="145"/>
      <c r="NF19" s="119">
        <v>0</v>
      </c>
      <c r="NG19" s="119">
        <v>243621</v>
      </c>
      <c r="NH19" s="119">
        <v>253215</v>
      </c>
      <c r="NI19" s="119">
        <v>1096292</v>
      </c>
      <c r="NJ19" s="119">
        <v>595100</v>
      </c>
      <c r="NK19" s="120">
        <v>2188228</v>
      </c>
      <c r="NL19" s="320">
        <v>2188228</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91483</v>
      </c>
      <c r="OJ19" s="119">
        <v>450380</v>
      </c>
      <c r="OK19" s="141">
        <v>841863</v>
      </c>
      <c r="OL19" s="118">
        <v>0</v>
      </c>
      <c r="OM19" s="119">
        <v>3657699</v>
      </c>
      <c r="ON19" s="119">
        <v>6046562</v>
      </c>
      <c r="OO19" s="119">
        <v>5580562</v>
      </c>
      <c r="OP19" s="119">
        <v>6287153</v>
      </c>
      <c r="OQ19" s="119">
        <v>4933604</v>
      </c>
      <c r="OR19" s="120">
        <v>26505580</v>
      </c>
      <c r="OS19" s="143">
        <v>27347443</v>
      </c>
    </row>
    <row r="20" spans="2:409" ht="21" customHeight="1" x14ac:dyDescent="0.2">
      <c r="B20" s="126" t="s">
        <v>15</v>
      </c>
      <c r="C20" s="110">
        <v>52947</v>
      </c>
      <c r="D20" s="114">
        <v>131401</v>
      </c>
      <c r="E20" s="113">
        <v>184348</v>
      </c>
      <c r="F20" s="109">
        <v>0</v>
      </c>
      <c r="G20" s="114">
        <v>1369992</v>
      </c>
      <c r="H20" s="114">
        <v>970039</v>
      </c>
      <c r="I20" s="114">
        <v>656398</v>
      </c>
      <c r="J20" s="114">
        <v>1911302</v>
      </c>
      <c r="K20" s="114">
        <v>1262738</v>
      </c>
      <c r="L20" s="109">
        <v>6170469</v>
      </c>
      <c r="M20" s="116">
        <v>6354817</v>
      </c>
      <c r="N20" s="110">
        <v>0</v>
      </c>
      <c r="O20" s="114">
        <v>27148</v>
      </c>
      <c r="P20" s="113">
        <v>27148</v>
      </c>
      <c r="Q20" s="110">
        <v>0</v>
      </c>
      <c r="R20" s="114">
        <v>73118</v>
      </c>
      <c r="S20" s="114">
        <v>175928</v>
      </c>
      <c r="T20" s="114">
        <v>41286</v>
      </c>
      <c r="U20" s="114">
        <v>416018</v>
      </c>
      <c r="V20" s="114">
        <v>616390</v>
      </c>
      <c r="W20" s="113">
        <v>1322740</v>
      </c>
      <c r="X20" s="116">
        <v>1349888</v>
      </c>
      <c r="Y20" s="110">
        <v>0</v>
      </c>
      <c r="Z20" s="114">
        <v>0</v>
      </c>
      <c r="AA20" s="113">
        <v>0</v>
      </c>
      <c r="AB20" s="110">
        <v>0</v>
      </c>
      <c r="AC20" s="114">
        <v>46851</v>
      </c>
      <c r="AD20" s="114">
        <v>45551</v>
      </c>
      <c r="AE20" s="114">
        <v>0</v>
      </c>
      <c r="AF20" s="114">
        <v>199502</v>
      </c>
      <c r="AG20" s="114">
        <v>243001</v>
      </c>
      <c r="AH20" s="113">
        <v>534905</v>
      </c>
      <c r="AI20" s="116">
        <v>534905</v>
      </c>
      <c r="AJ20" s="110">
        <v>0</v>
      </c>
      <c r="AK20" s="114">
        <v>0</v>
      </c>
      <c r="AL20" s="113">
        <v>0</v>
      </c>
      <c r="AM20" s="110">
        <v>0</v>
      </c>
      <c r="AN20" s="114">
        <v>0</v>
      </c>
      <c r="AO20" s="114">
        <v>0</v>
      </c>
      <c r="AP20" s="114">
        <v>0</v>
      </c>
      <c r="AQ20" s="114">
        <v>0</v>
      </c>
      <c r="AR20" s="114">
        <v>204601</v>
      </c>
      <c r="AS20" s="113">
        <v>204601</v>
      </c>
      <c r="AT20" s="116">
        <v>204601</v>
      </c>
      <c r="AU20" s="110">
        <v>0</v>
      </c>
      <c r="AV20" s="114">
        <v>6652</v>
      </c>
      <c r="AW20" s="113">
        <v>6652</v>
      </c>
      <c r="AX20" s="110">
        <v>0</v>
      </c>
      <c r="AY20" s="114">
        <v>11042</v>
      </c>
      <c r="AZ20" s="114">
        <v>54497</v>
      </c>
      <c r="BA20" s="114">
        <v>0</v>
      </c>
      <c r="BB20" s="114">
        <v>109703</v>
      </c>
      <c r="BC20" s="114">
        <v>83553</v>
      </c>
      <c r="BD20" s="113">
        <v>258795</v>
      </c>
      <c r="BE20" s="116">
        <v>265447</v>
      </c>
      <c r="BF20" s="110">
        <v>0</v>
      </c>
      <c r="BG20" s="114">
        <v>0</v>
      </c>
      <c r="BH20" s="112">
        <v>0</v>
      </c>
      <c r="BI20" s="111">
        <v>0</v>
      </c>
      <c r="BJ20" s="114">
        <v>0</v>
      </c>
      <c r="BK20" s="114">
        <v>0</v>
      </c>
      <c r="BL20" s="114">
        <v>0</v>
      </c>
      <c r="BM20" s="114">
        <v>32361</v>
      </c>
      <c r="BN20" s="114">
        <v>27737</v>
      </c>
      <c r="BO20" s="113">
        <v>60098</v>
      </c>
      <c r="BP20" s="116">
        <v>60098</v>
      </c>
      <c r="BQ20" s="110">
        <v>0</v>
      </c>
      <c r="BR20" s="114">
        <v>20496</v>
      </c>
      <c r="BS20" s="113">
        <v>20496</v>
      </c>
      <c r="BT20" s="110">
        <v>0</v>
      </c>
      <c r="BU20" s="114">
        <v>15225</v>
      </c>
      <c r="BV20" s="114">
        <v>75880</v>
      </c>
      <c r="BW20" s="114">
        <v>41286</v>
      </c>
      <c r="BX20" s="114">
        <v>74452</v>
      </c>
      <c r="BY20" s="114">
        <v>57498</v>
      </c>
      <c r="BZ20" s="113">
        <v>264341</v>
      </c>
      <c r="CA20" s="116">
        <v>284837</v>
      </c>
      <c r="CB20" s="110">
        <v>0</v>
      </c>
      <c r="CC20" s="114">
        <v>0</v>
      </c>
      <c r="CD20" s="113">
        <v>0</v>
      </c>
      <c r="CE20" s="110">
        <v>0</v>
      </c>
      <c r="CF20" s="114">
        <v>233712</v>
      </c>
      <c r="CG20" s="114">
        <v>103315</v>
      </c>
      <c r="CH20" s="114">
        <v>211456</v>
      </c>
      <c r="CI20" s="114">
        <v>175079</v>
      </c>
      <c r="CJ20" s="114">
        <v>105904</v>
      </c>
      <c r="CK20" s="113">
        <v>829466</v>
      </c>
      <c r="CL20" s="116">
        <v>829466</v>
      </c>
      <c r="CM20" s="110">
        <v>0</v>
      </c>
      <c r="CN20" s="114">
        <v>0</v>
      </c>
      <c r="CO20" s="113">
        <v>0</v>
      </c>
      <c r="CP20" s="111">
        <v>0</v>
      </c>
      <c r="CQ20" s="114">
        <v>152381</v>
      </c>
      <c r="CR20" s="114">
        <v>7332</v>
      </c>
      <c r="CS20" s="114">
        <v>143211</v>
      </c>
      <c r="CT20" s="114">
        <v>94592</v>
      </c>
      <c r="CU20" s="114">
        <v>0</v>
      </c>
      <c r="CV20" s="113">
        <v>397516</v>
      </c>
      <c r="CW20" s="116">
        <v>397516</v>
      </c>
      <c r="CX20" s="110">
        <v>0</v>
      </c>
      <c r="CY20" s="114">
        <v>0</v>
      </c>
      <c r="CZ20" s="113">
        <v>0</v>
      </c>
      <c r="DA20" s="110">
        <v>0</v>
      </c>
      <c r="DB20" s="114">
        <v>81331</v>
      </c>
      <c r="DC20" s="114">
        <v>95983</v>
      </c>
      <c r="DD20" s="114">
        <v>68245</v>
      </c>
      <c r="DE20" s="114">
        <v>80487</v>
      </c>
      <c r="DF20" s="114">
        <v>105904</v>
      </c>
      <c r="DG20" s="113">
        <v>431950</v>
      </c>
      <c r="DH20" s="116">
        <v>431950</v>
      </c>
      <c r="DI20" s="110">
        <v>0</v>
      </c>
      <c r="DJ20" s="114">
        <v>0</v>
      </c>
      <c r="DK20" s="112">
        <v>0</v>
      </c>
      <c r="DL20" s="111">
        <v>0</v>
      </c>
      <c r="DM20" s="114">
        <v>0</v>
      </c>
      <c r="DN20" s="114">
        <v>0</v>
      </c>
      <c r="DO20" s="114">
        <v>0</v>
      </c>
      <c r="DP20" s="114">
        <v>760090</v>
      </c>
      <c r="DQ20" s="114">
        <v>260379</v>
      </c>
      <c r="DR20" s="113">
        <v>1020469</v>
      </c>
      <c r="DS20" s="116">
        <v>1020469</v>
      </c>
      <c r="DT20" s="110">
        <v>0</v>
      </c>
      <c r="DU20" s="114">
        <v>0</v>
      </c>
      <c r="DV20" s="113">
        <v>0</v>
      </c>
      <c r="DW20" s="110">
        <v>0</v>
      </c>
      <c r="DX20" s="114">
        <v>0</v>
      </c>
      <c r="DY20" s="114">
        <v>0</v>
      </c>
      <c r="DZ20" s="114">
        <v>0</v>
      </c>
      <c r="EA20" s="114">
        <v>760090</v>
      </c>
      <c r="EB20" s="114">
        <v>260379</v>
      </c>
      <c r="EC20" s="113">
        <v>1020469</v>
      </c>
      <c r="ED20" s="116">
        <v>1020469</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1050</v>
      </c>
      <c r="FM20" s="114">
        <v>20300</v>
      </c>
      <c r="FN20" s="113">
        <v>21350</v>
      </c>
      <c r="FO20" s="110">
        <v>0</v>
      </c>
      <c r="FP20" s="114">
        <v>195986</v>
      </c>
      <c r="FQ20" s="114">
        <v>88776</v>
      </c>
      <c r="FR20" s="114">
        <v>37100</v>
      </c>
      <c r="FS20" s="114">
        <v>182938</v>
      </c>
      <c r="FT20" s="114">
        <v>66437</v>
      </c>
      <c r="FU20" s="113">
        <v>571237</v>
      </c>
      <c r="FV20" s="116">
        <v>592587</v>
      </c>
      <c r="FW20" s="115">
        <v>1050</v>
      </c>
      <c r="FX20" s="114">
        <v>20300</v>
      </c>
      <c r="FY20" s="112">
        <v>21350</v>
      </c>
      <c r="FZ20" s="111">
        <v>0</v>
      </c>
      <c r="GA20" s="114">
        <v>46886</v>
      </c>
      <c r="GB20" s="114">
        <v>88776</v>
      </c>
      <c r="GC20" s="114">
        <v>37100</v>
      </c>
      <c r="GD20" s="114">
        <v>174006</v>
      </c>
      <c r="GE20" s="114">
        <v>66437</v>
      </c>
      <c r="GF20" s="113">
        <v>413205</v>
      </c>
      <c r="GG20" s="318">
        <v>434555</v>
      </c>
      <c r="GH20" s="115">
        <v>0</v>
      </c>
      <c r="GI20" s="114">
        <v>0</v>
      </c>
      <c r="GJ20" s="112">
        <v>0</v>
      </c>
      <c r="GK20" s="111">
        <v>0</v>
      </c>
      <c r="GL20" s="114">
        <v>0</v>
      </c>
      <c r="GM20" s="114">
        <v>0</v>
      </c>
      <c r="GN20" s="114">
        <v>0</v>
      </c>
      <c r="GO20" s="114">
        <v>8932</v>
      </c>
      <c r="GP20" s="114">
        <v>0</v>
      </c>
      <c r="GQ20" s="113">
        <v>8932</v>
      </c>
      <c r="GR20" s="116">
        <v>8932</v>
      </c>
      <c r="GS20" s="110">
        <v>0</v>
      </c>
      <c r="GT20" s="114">
        <v>0</v>
      </c>
      <c r="GU20" s="113">
        <v>0</v>
      </c>
      <c r="GV20" s="110">
        <v>0</v>
      </c>
      <c r="GW20" s="114">
        <v>149100</v>
      </c>
      <c r="GX20" s="114">
        <v>0</v>
      </c>
      <c r="GY20" s="114">
        <v>0</v>
      </c>
      <c r="GZ20" s="114">
        <v>0</v>
      </c>
      <c r="HA20" s="114">
        <v>0</v>
      </c>
      <c r="HB20" s="112">
        <v>149100</v>
      </c>
      <c r="HC20" s="116">
        <v>149100</v>
      </c>
      <c r="HD20" s="110">
        <v>51897</v>
      </c>
      <c r="HE20" s="114">
        <v>83953</v>
      </c>
      <c r="HF20" s="112">
        <v>135850</v>
      </c>
      <c r="HG20" s="111">
        <v>0</v>
      </c>
      <c r="HH20" s="114">
        <v>867176</v>
      </c>
      <c r="HI20" s="114">
        <v>602020</v>
      </c>
      <c r="HJ20" s="114">
        <v>366556</v>
      </c>
      <c r="HK20" s="114">
        <v>377177</v>
      </c>
      <c r="HL20" s="114">
        <v>213628</v>
      </c>
      <c r="HM20" s="113">
        <v>2426557</v>
      </c>
      <c r="HN20" s="109">
        <v>2562407</v>
      </c>
      <c r="HO20" s="328"/>
      <c r="HP20" s="329"/>
      <c r="HQ20" s="330"/>
      <c r="HR20" s="331"/>
      <c r="HS20" s="329"/>
      <c r="HT20" s="329"/>
      <c r="HU20" s="329"/>
      <c r="HV20" s="329"/>
      <c r="HW20" s="329"/>
      <c r="HX20" s="332"/>
      <c r="HY20" s="333"/>
      <c r="HZ20" s="150">
        <v>0</v>
      </c>
      <c r="IA20" s="135">
        <v>0</v>
      </c>
      <c r="IB20" s="150">
        <v>0</v>
      </c>
      <c r="IC20" s="134">
        <v>0</v>
      </c>
      <c r="ID20" s="135">
        <v>162869</v>
      </c>
      <c r="IE20" s="136">
        <v>594681</v>
      </c>
      <c r="IF20" s="137">
        <v>212447</v>
      </c>
      <c r="IG20" s="135">
        <v>271721</v>
      </c>
      <c r="IH20" s="137">
        <v>11580</v>
      </c>
      <c r="II20" s="138">
        <v>1253298</v>
      </c>
      <c r="IJ20" s="150">
        <v>1253298</v>
      </c>
      <c r="IK20" s="232">
        <v>0</v>
      </c>
      <c r="IL20" s="236">
        <v>0</v>
      </c>
      <c r="IM20" s="237">
        <v>0</v>
      </c>
      <c r="IN20" s="140"/>
      <c r="IO20" s="119">
        <v>0</v>
      </c>
      <c r="IP20" s="119">
        <v>0</v>
      </c>
      <c r="IQ20" s="119">
        <v>173749</v>
      </c>
      <c r="IR20" s="119">
        <v>0</v>
      </c>
      <c r="IS20" s="119">
        <v>0</v>
      </c>
      <c r="IT20" s="141">
        <v>173749</v>
      </c>
      <c r="IU20" s="320">
        <v>173749</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62869</v>
      </c>
      <c r="JL20" s="119">
        <v>169274</v>
      </c>
      <c r="JM20" s="119">
        <v>38698</v>
      </c>
      <c r="JN20" s="119">
        <v>47842</v>
      </c>
      <c r="JO20" s="119">
        <v>11580</v>
      </c>
      <c r="JP20" s="120">
        <v>430263</v>
      </c>
      <c r="JQ20" s="320">
        <v>430263</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425407</v>
      </c>
      <c r="KT20" s="119">
        <v>0</v>
      </c>
      <c r="KU20" s="119">
        <v>223879</v>
      </c>
      <c r="KV20" s="119">
        <v>0</v>
      </c>
      <c r="KW20" s="120">
        <v>649286</v>
      </c>
      <c r="KX20" s="320">
        <v>649286</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0</v>
      </c>
      <c r="LR20" s="119">
        <v>0</v>
      </c>
      <c r="LS20" s="120">
        <v>0</v>
      </c>
      <c r="LT20" s="320">
        <v>0</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681995</v>
      </c>
      <c r="MM20" s="119">
        <v>501452</v>
      </c>
      <c r="MN20" s="119">
        <v>303561</v>
      </c>
      <c r="MO20" s="120">
        <v>1487008</v>
      </c>
      <c r="MP20" s="143">
        <v>1487008</v>
      </c>
      <c r="MQ20" s="142">
        <v>0</v>
      </c>
      <c r="MR20" s="119">
        <v>0</v>
      </c>
      <c r="MS20" s="120">
        <v>0</v>
      </c>
      <c r="MT20" s="145"/>
      <c r="MU20" s="119">
        <v>0</v>
      </c>
      <c r="MV20" s="119">
        <v>0</v>
      </c>
      <c r="MW20" s="119">
        <v>197372</v>
      </c>
      <c r="MX20" s="119">
        <v>0</v>
      </c>
      <c r="MY20" s="119">
        <v>303561</v>
      </c>
      <c r="MZ20" s="120">
        <v>500933</v>
      </c>
      <c r="NA20" s="143">
        <v>500933</v>
      </c>
      <c r="NB20" s="142">
        <v>0</v>
      </c>
      <c r="NC20" s="119">
        <v>0</v>
      </c>
      <c r="ND20" s="120">
        <v>0</v>
      </c>
      <c r="NE20" s="145"/>
      <c r="NF20" s="119">
        <v>0</v>
      </c>
      <c r="NG20" s="119">
        <v>0</v>
      </c>
      <c r="NH20" s="119">
        <v>484623</v>
      </c>
      <c r="NI20" s="119">
        <v>501452</v>
      </c>
      <c r="NJ20" s="119">
        <v>0</v>
      </c>
      <c r="NK20" s="120">
        <v>986075</v>
      </c>
      <c r="NL20" s="320">
        <v>986075</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52947</v>
      </c>
      <c r="OJ20" s="119">
        <v>131401</v>
      </c>
      <c r="OK20" s="141">
        <v>184348</v>
      </c>
      <c r="OL20" s="118">
        <v>0</v>
      </c>
      <c r="OM20" s="119">
        <v>1532861</v>
      </c>
      <c r="ON20" s="119">
        <v>1564720</v>
      </c>
      <c r="OO20" s="119">
        <v>1550840</v>
      </c>
      <c r="OP20" s="119">
        <v>2684475</v>
      </c>
      <c r="OQ20" s="119">
        <v>1577879</v>
      </c>
      <c r="OR20" s="120">
        <v>8910775</v>
      </c>
      <c r="OS20" s="143">
        <v>9095123</v>
      </c>
    </row>
    <row r="21" spans="2:409" ht="21" customHeight="1" x14ac:dyDescent="0.2">
      <c r="B21" s="126" t="s">
        <v>16</v>
      </c>
      <c r="C21" s="110">
        <v>199442</v>
      </c>
      <c r="D21" s="114">
        <v>349783</v>
      </c>
      <c r="E21" s="113">
        <v>549225</v>
      </c>
      <c r="F21" s="109">
        <v>0</v>
      </c>
      <c r="G21" s="114">
        <v>3409625</v>
      </c>
      <c r="H21" s="114">
        <v>4939802</v>
      </c>
      <c r="I21" s="114">
        <v>4705270</v>
      </c>
      <c r="J21" s="114">
        <v>3561242</v>
      </c>
      <c r="K21" s="114">
        <v>2854593</v>
      </c>
      <c r="L21" s="109">
        <v>19470532</v>
      </c>
      <c r="M21" s="116">
        <v>20019757</v>
      </c>
      <c r="N21" s="110">
        <v>44458</v>
      </c>
      <c r="O21" s="114">
        <v>28055</v>
      </c>
      <c r="P21" s="113">
        <v>72513</v>
      </c>
      <c r="Q21" s="110">
        <v>0</v>
      </c>
      <c r="R21" s="114">
        <v>463076</v>
      </c>
      <c r="S21" s="114">
        <v>1146264</v>
      </c>
      <c r="T21" s="114">
        <v>798692</v>
      </c>
      <c r="U21" s="114">
        <v>762129</v>
      </c>
      <c r="V21" s="114">
        <v>560673</v>
      </c>
      <c r="W21" s="113">
        <v>3730834</v>
      </c>
      <c r="X21" s="116">
        <v>3803347</v>
      </c>
      <c r="Y21" s="110">
        <v>0</v>
      </c>
      <c r="Z21" s="114">
        <v>0</v>
      </c>
      <c r="AA21" s="113">
        <v>0</v>
      </c>
      <c r="AB21" s="110">
        <v>0</v>
      </c>
      <c r="AC21" s="114">
        <v>140848</v>
      </c>
      <c r="AD21" s="114">
        <v>516661</v>
      </c>
      <c r="AE21" s="114">
        <v>202382</v>
      </c>
      <c r="AF21" s="114">
        <v>375064</v>
      </c>
      <c r="AG21" s="114">
        <v>155579</v>
      </c>
      <c r="AH21" s="113">
        <v>1390534</v>
      </c>
      <c r="AI21" s="116">
        <v>1390534</v>
      </c>
      <c r="AJ21" s="110">
        <v>0</v>
      </c>
      <c r="AK21" s="114">
        <v>0</v>
      </c>
      <c r="AL21" s="113">
        <v>0</v>
      </c>
      <c r="AM21" s="110">
        <v>0</v>
      </c>
      <c r="AN21" s="114">
        <v>0</v>
      </c>
      <c r="AO21" s="114">
        <v>19926</v>
      </c>
      <c r="AP21" s="114">
        <v>59772</v>
      </c>
      <c r="AQ21" s="114">
        <v>49810</v>
      </c>
      <c r="AR21" s="114">
        <v>29890</v>
      </c>
      <c r="AS21" s="113">
        <v>159398</v>
      </c>
      <c r="AT21" s="116">
        <v>159398</v>
      </c>
      <c r="AU21" s="110">
        <v>30346</v>
      </c>
      <c r="AV21" s="114">
        <v>9743</v>
      </c>
      <c r="AW21" s="113">
        <v>40089</v>
      </c>
      <c r="AX21" s="110">
        <v>0</v>
      </c>
      <c r="AY21" s="114">
        <v>119793</v>
      </c>
      <c r="AZ21" s="114">
        <v>459996</v>
      </c>
      <c r="BA21" s="114">
        <v>316430</v>
      </c>
      <c r="BB21" s="114">
        <v>158790</v>
      </c>
      <c r="BC21" s="114">
        <v>204229</v>
      </c>
      <c r="BD21" s="113">
        <v>1259238</v>
      </c>
      <c r="BE21" s="116">
        <v>1299327</v>
      </c>
      <c r="BF21" s="110">
        <v>0</v>
      </c>
      <c r="BG21" s="114">
        <v>0</v>
      </c>
      <c r="BH21" s="112">
        <v>0</v>
      </c>
      <c r="BI21" s="111">
        <v>0</v>
      </c>
      <c r="BJ21" s="114">
        <v>55302</v>
      </c>
      <c r="BK21" s="114">
        <v>0</v>
      </c>
      <c r="BL21" s="114">
        <v>55300</v>
      </c>
      <c r="BM21" s="114">
        <v>-13825</v>
      </c>
      <c r="BN21" s="114">
        <v>0</v>
      </c>
      <c r="BO21" s="113">
        <v>96777</v>
      </c>
      <c r="BP21" s="116">
        <v>96777</v>
      </c>
      <c r="BQ21" s="110">
        <v>14112</v>
      </c>
      <c r="BR21" s="114">
        <v>18312</v>
      </c>
      <c r="BS21" s="113">
        <v>32424</v>
      </c>
      <c r="BT21" s="110">
        <v>0</v>
      </c>
      <c r="BU21" s="114">
        <v>147133</v>
      </c>
      <c r="BV21" s="114">
        <v>149681</v>
      </c>
      <c r="BW21" s="114">
        <v>164808</v>
      </c>
      <c r="BX21" s="114">
        <v>192290</v>
      </c>
      <c r="BY21" s="114">
        <v>170975</v>
      </c>
      <c r="BZ21" s="113">
        <v>824887</v>
      </c>
      <c r="CA21" s="116">
        <v>857311</v>
      </c>
      <c r="CB21" s="110">
        <v>0</v>
      </c>
      <c r="CC21" s="114">
        <v>101853</v>
      </c>
      <c r="CD21" s="113">
        <v>101853</v>
      </c>
      <c r="CE21" s="110">
        <v>0</v>
      </c>
      <c r="CF21" s="114">
        <v>1267406</v>
      </c>
      <c r="CG21" s="114">
        <v>1929540</v>
      </c>
      <c r="CH21" s="114">
        <v>1142872</v>
      </c>
      <c r="CI21" s="114">
        <v>420221</v>
      </c>
      <c r="CJ21" s="114">
        <v>212465</v>
      </c>
      <c r="CK21" s="113">
        <v>4972504</v>
      </c>
      <c r="CL21" s="116">
        <v>5074357</v>
      </c>
      <c r="CM21" s="110">
        <v>0</v>
      </c>
      <c r="CN21" s="114">
        <v>0</v>
      </c>
      <c r="CO21" s="113">
        <v>0</v>
      </c>
      <c r="CP21" s="111">
        <v>0</v>
      </c>
      <c r="CQ21" s="114">
        <v>921765</v>
      </c>
      <c r="CR21" s="114">
        <v>1066279</v>
      </c>
      <c r="CS21" s="114">
        <v>533503</v>
      </c>
      <c r="CT21" s="114">
        <v>361052</v>
      </c>
      <c r="CU21" s="114">
        <v>124703</v>
      </c>
      <c r="CV21" s="113">
        <v>3007302</v>
      </c>
      <c r="CW21" s="116">
        <v>3007302</v>
      </c>
      <c r="CX21" s="110">
        <v>0</v>
      </c>
      <c r="CY21" s="114">
        <v>101853</v>
      </c>
      <c r="CZ21" s="113">
        <v>101853</v>
      </c>
      <c r="DA21" s="110">
        <v>0</v>
      </c>
      <c r="DB21" s="114">
        <v>345641</v>
      </c>
      <c r="DC21" s="114">
        <v>863261</v>
      </c>
      <c r="DD21" s="114">
        <v>609369</v>
      </c>
      <c r="DE21" s="114">
        <v>59169</v>
      </c>
      <c r="DF21" s="114">
        <v>87762</v>
      </c>
      <c r="DG21" s="113">
        <v>1965202</v>
      </c>
      <c r="DH21" s="116">
        <v>2067055</v>
      </c>
      <c r="DI21" s="110">
        <v>0</v>
      </c>
      <c r="DJ21" s="114">
        <v>0</v>
      </c>
      <c r="DK21" s="112">
        <v>0</v>
      </c>
      <c r="DL21" s="111">
        <v>0</v>
      </c>
      <c r="DM21" s="114">
        <v>145688</v>
      </c>
      <c r="DN21" s="114">
        <v>321977</v>
      </c>
      <c r="DO21" s="114">
        <v>368816</v>
      </c>
      <c r="DP21" s="114">
        <v>0</v>
      </c>
      <c r="DQ21" s="114">
        <v>78848</v>
      </c>
      <c r="DR21" s="113">
        <v>915329</v>
      </c>
      <c r="DS21" s="116">
        <v>915329</v>
      </c>
      <c r="DT21" s="110">
        <v>0</v>
      </c>
      <c r="DU21" s="114">
        <v>0</v>
      </c>
      <c r="DV21" s="113">
        <v>0</v>
      </c>
      <c r="DW21" s="110">
        <v>0</v>
      </c>
      <c r="DX21" s="114">
        <v>20976</v>
      </c>
      <c r="DY21" s="114">
        <v>321977</v>
      </c>
      <c r="DZ21" s="114">
        <v>322000</v>
      </c>
      <c r="EA21" s="114">
        <v>0</v>
      </c>
      <c r="EB21" s="114">
        <v>35959</v>
      </c>
      <c r="EC21" s="113">
        <v>700912</v>
      </c>
      <c r="ED21" s="116">
        <v>700912</v>
      </c>
      <c r="EE21" s="110">
        <v>0</v>
      </c>
      <c r="EF21" s="112">
        <v>0</v>
      </c>
      <c r="EG21" s="113">
        <v>0</v>
      </c>
      <c r="EH21" s="110">
        <v>0</v>
      </c>
      <c r="EI21" s="114">
        <v>124712</v>
      </c>
      <c r="EJ21" s="114">
        <v>0</v>
      </c>
      <c r="EK21" s="114">
        <v>46816</v>
      </c>
      <c r="EL21" s="114">
        <v>0</v>
      </c>
      <c r="EM21" s="114">
        <v>42889</v>
      </c>
      <c r="EN21" s="112">
        <v>214417</v>
      </c>
      <c r="EO21" s="116">
        <v>214417</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63196</v>
      </c>
      <c r="FM21" s="114">
        <v>135450</v>
      </c>
      <c r="FN21" s="113">
        <v>198646</v>
      </c>
      <c r="FO21" s="110">
        <v>0</v>
      </c>
      <c r="FP21" s="114">
        <v>95774</v>
      </c>
      <c r="FQ21" s="114">
        <v>439272</v>
      </c>
      <c r="FR21" s="114">
        <v>337176</v>
      </c>
      <c r="FS21" s="114">
        <v>194068</v>
      </c>
      <c r="FT21" s="114">
        <v>337134</v>
      </c>
      <c r="FU21" s="113">
        <v>1403424</v>
      </c>
      <c r="FV21" s="116">
        <v>1602070</v>
      </c>
      <c r="FW21" s="115">
        <v>63196</v>
      </c>
      <c r="FX21" s="114">
        <v>46970</v>
      </c>
      <c r="FY21" s="112">
        <v>110166</v>
      </c>
      <c r="FZ21" s="111">
        <v>0</v>
      </c>
      <c r="GA21" s="114">
        <v>95774</v>
      </c>
      <c r="GB21" s="114">
        <v>425054</v>
      </c>
      <c r="GC21" s="114">
        <v>328846</v>
      </c>
      <c r="GD21" s="114">
        <v>194068</v>
      </c>
      <c r="GE21" s="114">
        <v>268219</v>
      </c>
      <c r="GF21" s="113">
        <v>1311961</v>
      </c>
      <c r="GG21" s="318">
        <v>1422127</v>
      </c>
      <c r="GH21" s="115">
        <v>0</v>
      </c>
      <c r="GI21" s="114">
        <v>0</v>
      </c>
      <c r="GJ21" s="112">
        <v>0</v>
      </c>
      <c r="GK21" s="111">
        <v>0</v>
      </c>
      <c r="GL21" s="114">
        <v>0</v>
      </c>
      <c r="GM21" s="114">
        <v>0</v>
      </c>
      <c r="GN21" s="114">
        <v>8330</v>
      </c>
      <c r="GO21" s="114">
        <v>0</v>
      </c>
      <c r="GP21" s="114">
        <v>68915</v>
      </c>
      <c r="GQ21" s="113">
        <v>77245</v>
      </c>
      <c r="GR21" s="116">
        <v>77245</v>
      </c>
      <c r="GS21" s="110">
        <v>0</v>
      </c>
      <c r="GT21" s="114">
        <v>88480</v>
      </c>
      <c r="GU21" s="113">
        <v>88480</v>
      </c>
      <c r="GV21" s="110">
        <v>0</v>
      </c>
      <c r="GW21" s="114">
        <v>0</v>
      </c>
      <c r="GX21" s="114">
        <v>14218</v>
      </c>
      <c r="GY21" s="114">
        <v>0</v>
      </c>
      <c r="GZ21" s="114">
        <v>0</v>
      </c>
      <c r="HA21" s="114">
        <v>0</v>
      </c>
      <c r="HB21" s="112">
        <v>14218</v>
      </c>
      <c r="HC21" s="116">
        <v>102698</v>
      </c>
      <c r="HD21" s="110">
        <v>91788</v>
      </c>
      <c r="HE21" s="114">
        <v>84425</v>
      </c>
      <c r="HF21" s="112">
        <v>176213</v>
      </c>
      <c r="HG21" s="111">
        <v>0</v>
      </c>
      <c r="HH21" s="114">
        <v>1437681</v>
      </c>
      <c r="HI21" s="114">
        <v>1102749</v>
      </c>
      <c r="HJ21" s="114">
        <v>2057714</v>
      </c>
      <c r="HK21" s="114">
        <v>2184824</v>
      </c>
      <c r="HL21" s="114">
        <v>1665473</v>
      </c>
      <c r="HM21" s="113">
        <v>8448441</v>
      </c>
      <c r="HN21" s="109">
        <v>8624654</v>
      </c>
      <c r="HO21" s="328"/>
      <c r="HP21" s="329"/>
      <c r="HQ21" s="330"/>
      <c r="HR21" s="331"/>
      <c r="HS21" s="329"/>
      <c r="HT21" s="329"/>
      <c r="HU21" s="329"/>
      <c r="HV21" s="329"/>
      <c r="HW21" s="329"/>
      <c r="HX21" s="332"/>
      <c r="HY21" s="333"/>
      <c r="HZ21" s="131">
        <v>0</v>
      </c>
      <c r="IA21" s="132">
        <v>0</v>
      </c>
      <c r="IB21" s="133">
        <v>0</v>
      </c>
      <c r="IC21" s="146">
        <v>0</v>
      </c>
      <c r="ID21" s="132">
        <v>592553</v>
      </c>
      <c r="IE21" s="147">
        <v>585430</v>
      </c>
      <c r="IF21" s="133">
        <v>1098489</v>
      </c>
      <c r="IG21" s="132">
        <v>600121</v>
      </c>
      <c r="IH21" s="133">
        <v>1491325</v>
      </c>
      <c r="II21" s="148">
        <v>4367918</v>
      </c>
      <c r="IJ21" s="139">
        <v>4367918</v>
      </c>
      <c r="IK21" s="232">
        <v>0</v>
      </c>
      <c r="IL21" s="236">
        <v>0</v>
      </c>
      <c r="IM21" s="237">
        <v>0</v>
      </c>
      <c r="IN21" s="140"/>
      <c r="IO21" s="119">
        <v>0</v>
      </c>
      <c r="IP21" s="119">
        <v>0</v>
      </c>
      <c r="IQ21" s="119">
        <v>0</v>
      </c>
      <c r="IR21" s="119">
        <v>0</v>
      </c>
      <c r="IS21" s="119">
        <v>751633</v>
      </c>
      <c r="IT21" s="141">
        <v>751633</v>
      </c>
      <c r="IU21" s="320">
        <v>751633</v>
      </c>
      <c r="IV21" s="142">
        <v>0</v>
      </c>
      <c r="IW21" s="119">
        <v>0</v>
      </c>
      <c r="IX21" s="120">
        <v>0</v>
      </c>
      <c r="IY21" s="144"/>
      <c r="IZ21" s="119">
        <v>0</v>
      </c>
      <c r="JA21" s="119">
        <v>0</v>
      </c>
      <c r="JB21" s="119">
        <v>14347</v>
      </c>
      <c r="JC21" s="119">
        <v>0</v>
      </c>
      <c r="JD21" s="119">
        <v>62771</v>
      </c>
      <c r="JE21" s="120">
        <v>77118</v>
      </c>
      <c r="JF21" s="121">
        <v>77118</v>
      </c>
      <c r="JG21" s="142">
        <v>0</v>
      </c>
      <c r="JH21" s="119">
        <v>0</v>
      </c>
      <c r="JI21" s="141">
        <v>0</v>
      </c>
      <c r="JJ21" s="118">
        <v>0</v>
      </c>
      <c r="JK21" s="119">
        <v>315189</v>
      </c>
      <c r="JL21" s="119">
        <v>110880</v>
      </c>
      <c r="JM21" s="119">
        <v>416258</v>
      </c>
      <c r="JN21" s="119">
        <v>150810</v>
      </c>
      <c r="JO21" s="119">
        <v>197691</v>
      </c>
      <c r="JP21" s="120">
        <v>1190828</v>
      </c>
      <c r="JQ21" s="320">
        <v>1190828</v>
      </c>
      <c r="JR21" s="142">
        <v>0</v>
      </c>
      <c r="JS21" s="119">
        <v>0</v>
      </c>
      <c r="JT21" s="141">
        <v>0</v>
      </c>
      <c r="JU21" s="118">
        <v>0</v>
      </c>
      <c r="JV21" s="119">
        <v>73075</v>
      </c>
      <c r="JW21" s="119">
        <v>96257</v>
      </c>
      <c r="JX21" s="119">
        <v>0</v>
      </c>
      <c r="JY21" s="119">
        <v>0</v>
      </c>
      <c r="JZ21" s="119">
        <v>0</v>
      </c>
      <c r="KA21" s="120">
        <v>169332</v>
      </c>
      <c r="KB21" s="320">
        <v>169332</v>
      </c>
      <c r="KC21" s="234">
        <v>0</v>
      </c>
      <c r="KD21" s="230">
        <v>0</v>
      </c>
      <c r="KE21" s="120">
        <v>0</v>
      </c>
      <c r="KF21" s="118">
        <v>0</v>
      </c>
      <c r="KG21" s="119">
        <v>0</v>
      </c>
      <c r="KH21" s="119">
        <v>161193</v>
      </c>
      <c r="KI21" s="119">
        <v>0</v>
      </c>
      <c r="KJ21" s="119">
        <v>0</v>
      </c>
      <c r="KK21" s="119">
        <v>250973</v>
      </c>
      <c r="KL21" s="120">
        <v>412166</v>
      </c>
      <c r="KM21" s="143">
        <v>412166</v>
      </c>
      <c r="KN21" s="232">
        <v>0</v>
      </c>
      <c r="KO21" s="236">
        <v>0</v>
      </c>
      <c r="KP21" s="237">
        <v>0</v>
      </c>
      <c r="KQ21" s="140"/>
      <c r="KR21" s="119">
        <v>204289</v>
      </c>
      <c r="KS21" s="119">
        <v>217100</v>
      </c>
      <c r="KT21" s="119">
        <v>667884</v>
      </c>
      <c r="KU21" s="119">
        <v>449311</v>
      </c>
      <c r="KV21" s="119">
        <v>228257</v>
      </c>
      <c r="KW21" s="120">
        <v>1766841</v>
      </c>
      <c r="KX21" s="320">
        <v>1766841</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127345</v>
      </c>
      <c r="MK21" s="119">
        <v>677331</v>
      </c>
      <c r="ML21" s="119">
        <v>1652901</v>
      </c>
      <c r="MM21" s="119">
        <v>3642790</v>
      </c>
      <c r="MN21" s="119">
        <v>1777475</v>
      </c>
      <c r="MO21" s="120">
        <v>7877842</v>
      </c>
      <c r="MP21" s="143">
        <v>7877842</v>
      </c>
      <c r="MQ21" s="142">
        <v>0</v>
      </c>
      <c r="MR21" s="119">
        <v>0</v>
      </c>
      <c r="MS21" s="120">
        <v>0</v>
      </c>
      <c r="MT21" s="145"/>
      <c r="MU21" s="119">
        <v>0</v>
      </c>
      <c r="MV21" s="119">
        <v>0</v>
      </c>
      <c r="MW21" s="119">
        <v>829105</v>
      </c>
      <c r="MX21" s="119">
        <v>1901011</v>
      </c>
      <c r="MY21" s="119">
        <v>1246346</v>
      </c>
      <c r="MZ21" s="120">
        <v>3976462</v>
      </c>
      <c r="NA21" s="143">
        <v>3976462</v>
      </c>
      <c r="NB21" s="142">
        <v>0</v>
      </c>
      <c r="NC21" s="119">
        <v>0</v>
      </c>
      <c r="ND21" s="120">
        <v>0</v>
      </c>
      <c r="NE21" s="145"/>
      <c r="NF21" s="119">
        <v>127345</v>
      </c>
      <c r="NG21" s="119">
        <v>677331</v>
      </c>
      <c r="NH21" s="119">
        <v>519768</v>
      </c>
      <c r="NI21" s="119">
        <v>1501157</v>
      </c>
      <c r="NJ21" s="119">
        <v>531129</v>
      </c>
      <c r="NK21" s="120">
        <v>3356730</v>
      </c>
      <c r="NL21" s="320">
        <v>3356730</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304028</v>
      </c>
      <c r="OE21" s="119">
        <v>240622</v>
      </c>
      <c r="OF21" s="119">
        <v>0</v>
      </c>
      <c r="OG21" s="120">
        <v>544650</v>
      </c>
      <c r="OH21" s="121">
        <v>544650</v>
      </c>
      <c r="OI21" s="142">
        <v>199442</v>
      </c>
      <c r="OJ21" s="119">
        <v>349783</v>
      </c>
      <c r="OK21" s="141">
        <v>549225</v>
      </c>
      <c r="OL21" s="118">
        <v>0</v>
      </c>
      <c r="OM21" s="119">
        <v>4129523</v>
      </c>
      <c r="ON21" s="119">
        <v>6202563</v>
      </c>
      <c r="OO21" s="119">
        <v>7456660</v>
      </c>
      <c r="OP21" s="119">
        <v>7804153</v>
      </c>
      <c r="OQ21" s="119">
        <v>6123393</v>
      </c>
      <c r="OR21" s="120">
        <v>31716292</v>
      </c>
      <c r="OS21" s="143">
        <v>32265517</v>
      </c>
    </row>
    <row r="22" spans="2:409" ht="21" customHeight="1" x14ac:dyDescent="0.2">
      <c r="B22" s="126" t="s">
        <v>17</v>
      </c>
      <c r="C22" s="110">
        <v>399607</v>
      </c>
      <c r="D22" s="114">
        <v>644254</v>
      </c>
      <c r="E22" s="113">
        <v>1043861</v>
      </c>
      <c r="F22" s="109">
        <v>0</v>
      </c>
      <c r="G22" s="114">
        <v>3451387</v>
      </c>
      <c r="H22" s="114">
        <v>5452640</v>
      </c>
      <c r="I22" s="114">
        <v>6401907</v>
      </c>
      <c r="J22" s="114">
        <v>5331773</v>
      </c>
      <c r="K22" s="114">
        <v>5478996</v>
      </c>
      <c r="L22" s="109">
        <v>26116703</v>
      </c>
      <c r="M22" s="116">
        <v>27160564</v>
      </c>
      <c r="N22" s="110">
        <v>135156</v>
      </c>
      <c r="O22" s="114">
        <v>199717</v>
      </c>
      <c r="P22" s="113">
        <v>334873</v>
      </c>
      <c r="Q22" s="110">
        <v>0</v>
      </c>
      <c r="R22" s="114">
        <v>831779</v>
      </c>
      <c r="S22" s="114">
        <v>1334388</v>
      </c>
      <c r="T22" s="114">
        <v>2927786</v>
      </c>
      <c r="U22" s="114">
        <v>812473</v>
      </c>
      <c r="V22" s="114">
        <v>2595565</v>
      </c>
      <c r="W22" s="113">
        <v>8501991</v>
      </c>
      <c r="X22" s="116">
        <v>8836864</v>
      </c>
      <c r="Y22" s="110">
        <v>0</v>
      </c>
      <c r="Z22" s="114">
        <v>0</v>
      </c>
      <c r="AA22" s="113">
        <v>0</v>
      </c>
      <c r="AB22" s="110">
        <v>0</v>
      </c>
      <c r="AC22" s="114">
        <v>223076</v>
      </c>
      <c r="AD22" s="114">
        <v>650171</v>
      </c>
      <c r="AE22" s="114">
        <v>1986989</v>
      </c>
      <c r="AF22" s="114">
        <v>169316</v>
      </c>
      <c r="AG22" s="114">
        <v>1379194</v>
      </c>
      <c r="AH22" s="113">
        <v>4408746</v>
      </c>
      <c r="AI22" s="116">
        <v>4408746</v>
      </c>
      <c r="AJ22" s="110">
        <v>0</v>
      </c>
      <c r="AK22" s="114">
        <v>0</v>
      </c>
      <c r="AL22" s="113">
        <v>0</v>
      </c>
      <c r="AM22" s="110">
        <v>0</v>
      </c>
      <c r="AN22" s="114">
        <v>12011</v>
      </c>
      <c r="AO22" s="114">
        <v>0</v>
      </c>
      <c r="AP22" s="114">
        <v>82369</v>
      </c>
      <c r="AQ22" s="114">
        <v>123644</v>
      </c>
      <c r="AR22" s="114">
        <v>314659</v>
      </c>
      <c r="AS22" s="113">
        <v>532683</v>
      </c>
      <c r="AT22" s="116">
        <v>532683</v>
      </c>
      <c r="AU22" s="110">
        <v>67167</v>
      </c>
      <c r="AV22" s="114">
        <v>140677</v>
      </c>
      <c r="AW22" s="113">
        <v>207844</v>
      </c>
      <c r="AX22" s="110">
        <v>0</v>
      </c>
      <c r="AY22" s="114">
        <v>437619</v>
      </c>
      <c r="AZ22" s="114">
        <v>470899</v>
      </c>
      <c r="BA22" s="114">
        <v>575846</v>
      </c>
      <c r="BB22" s="114">
        <v>65186</v>
      </c>
      <c r="BC22" s="114">
        <v>559405</v>
      </c>
      <c r="BD22" s="113">
        <v>2108955</v>
      </c>
      <c r="BE22" s="116">
        <v>2316799</v>
      </c>
      <c r="BF22" s="110">
        <v>28026</v>
      </c>
      <c r="BG22" s="114">
        <v>20617</v>
      </c>
      <c r="BH22" s="112">
        <v>48643</v>
      </c>
      <c r="BI22" s="111">
        <v>0</v>
      </c>
      <c r="BJ22" s="114">
        <v>28026</v>
      </c>
      <c r="BK22" s="114">
        <v>0</v>
      </c>
      <c r="BL22" s="114">
        <v>21020</v>
      </c>
      <c r="BM22" s="114">
        <v>107029</v>
      </c>
      <c r="BN22" s="114">
        <v>0</v>
      </c>
      <c r="BO22" s="113">
        <v>156075</v>
      </c>
      <c r="BP22" s="116">
        <v>204718</v>
      </c>
      <c r="BQ22" s="110">
        <v>39963</v>
      </c>
      <c r="BR22" s="114">
        <v>38423</v>
      </c>
      <c r="BS22" s="113">
        <v>78386</v>
      </c>
      <c r="BT22" s="110">
        <v>0</v>
      </c>
      <c r="BU22" s="114">
        <v>131047</v>
      </c>
      <c r="BV22" s="114">
        <v>213318</v>
      </c>
      <c r="BW22" s="114">
        <v>261562</v>
      </c>
      <c r="BX22" s="114">
        <v>347298</v>
      </c>
      <c r="BY22" s="114">
        <v>342307</v>
      </c>
      <c r="BZ22" s="113">
        <v>1295532</v>
      </c>
      <c r="CA22" s="116">
        <v>1373918</v>
      </c>
      <c r="CB22" s="110">
        <v>55049</v>
      </c>
      <c r="CC22" s="114">
        <v>158696</v>
      </c>
      <c r="CD22" s="113">
        <v>213745</v>
      </c>
      <c r="CE22" s="110">
        <v>0</v>
      </c>
      <c r="CF22" s="114">
        <v>1025754</v>
      </c>
      <c r="CG22" s="114">
        <v>2264962</v>
      </c>
      <c r="CH22" s="114">
        <v>1197345</v>
      </c>
      <c r="CI22" s="114">
        <v>836310</v>
      </c>
      <c r="CJ22" s="114">
        <v>262056</v>
      </c>
      <c r="CK22" s="113">
        <v>5586427</v>
      </c>
      <c r="CL22" s="116">
        <v>5800172</v>
      </c>
      <c r="CM22" s="110">
        <v>0</v>
      </c>
      <c r="CN22" s="114">
        <v>0</v>
      </c>
      <c r="CO22" s="113">
        <v>0</v>
      </c>
      <c r="CP22" s="111">
        <v>0</v>
      </c>
      <c r="CQ22" s="114">
        <v>840072</v>
      </c>
      <c r="CR22" s="114">
        <v>1758083</v>
      </c>
      <c r="CS22" s="114">
        <v>717036</v>
      </c>
      <c r="CT22" s="114">
        <v>544608</v>
      </c>
      <c r="CU22" s="114">
        <v>240069</v>
      </c>
      <c r="CV22" s="113">
        <v>4099868</v>
      </c>
      <c r="CW22" s="116">
        <v>4099868</v>
      </c>
      <c r="CX22" s="110">
        <v>55049</v>
      </c>
      <c r="CY22" s="114">
        <v>158696</v>
      </c>
      <c r="CZ22" s="113">
        <v>213745</v>
      </c>
      <c r="DA22" s="110">
        <v>0</v>
      </c>
      <c r="DB22" s="114">
        <v>185682</v>
      </c>
      <c r="DC22" s="114">
        <v>506879</v>
      </c>
      <c r="DD22" s="114">
        <v>480309</v>
      </c>
      <c r="DE22" s="114">
        <v>291702</v>
      </c>
      <c r="DF22" s="114">
        <v>21987</v>
      </c>
      <c r="DG22" s="113">
        <v>1486559</v>
      </c>
      <c r="DH22" s="116">
        <v>1700304</v>
      </c>
      <c r="DI22" s="110">
        <v>0</v>
      </c>
      <c r="DJ22" s="114">
        <v>0</v>
      </c>
      <c r="DK22" s="112">
        <v>0</v>
      </c>
      <c r="DL22" s="111">
        <v>0</v>
      </c>
      <c r="DM22" s="114">
        <v>172317</v>
      </c>
      <c r="DN22" s="114">
        <v>224320</v>
      </c>
      <c r="DO22" s="114">
        <v>416757</v>
      </c>
      <c r="DP22" s="114">
        <v>274009</v>
      </c>
      <c r="DQ22" s="114">
        <v>257750</v>
      </c>
      <c r="DR22" s="113">
        <v>1345153</v>
      </c>
      <c r="DS22" s="116">
        <v>1345153</v>
      </c>
      <c r="DT22" s="110">
        <v>0</v>
      </c>
      <c r="DU22" s="114">
        <v>0</v>
      </c>
      <c r="DV22" s="113">
        <v>0</v>
      </c>
      <c r="DW22" s="110">
        <v>0</v>
      </c>
      <c r="DX22" s="114">
        <v>104057</v>
      </c>
      <c r="DY22" s="114">
        <v>224320</v>
      </c>
      <c r="DZ22" s="114">
        <v>350201</v>
      </c>
      <c r="EA22" s="114">
        <v>236773</v>
      </c>
      <c r="EB22" s="114">
        <v>257750</v>
      </c>
      <c r="EC22" s="113">
        <v>1173101</v>
      </c>
      <c r="ED22" s="116">
        <v>1173101</v>
      </c>
      <c r="EE22" s="110">
        <v>0</v>
      </c>
      <c r="EF22" s="112">
        <v>0</v>
      </c>
      <c r="EG22" s="113">
        <v>0</v>
      </c>
      <c r="EH22" s="110">
        <v>0</v>
      </c>
      <c r="EI22" s="114">
        <v>68260</v>
      </c>
      <c r="EJ22" s="114">
        <v>0</v>
      </c>
      <c r="EK22" s="114">
        <v>66556</v>
      </c>
      <c r="EL22" s="114">
        <v>37236</v>
      </c>
      <c r="EM22" s="114">
        <v>0</v>
      </c>
      <c r="EN22" s="112">
        <v>172052</v>
      </c>
      <c r="EO22" s="116">
        <v>172052</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09424</v>
      </c>
      <c r="FM22" s="114">
        <v>125342</v>
      </c>
      <c r="FN22" s="113">
        <v>234766</v>
      </c>
      <c r="FO22" s="110">
        <v>0</v>
      </c>
      <c r="FP22" s="114">
        <v>216258</v>
      </c>
      <c r="FQ22" s="114">
        <v>698656</v>
      </c>
      <c r="FR22" s="114">
        <v>620739</v>
      </c>
      <c r="FS22" s="114">
        <v>342846</v>
      </c>
      <c r="FT22" s="114">
        <v>393428</v>
      </c>
      <c r="FU22" s="113">
        <v>2271927</v>
      </c>
      <c r="FV22" s="116">
        <v>2506693</v>
      </c>
      <c r="FW22" s="115">
        <v>69216</v>
      </c>
      <c r="FX22" s="114">
        <v>125342</v>
      </c>
      <c r="FY22" s="112">
        <v>194558</v>
      </c>
      <c r="FZ22" s="111">
        <v>0</v>
      </c>
      <c r="GA22" s="114">
        <v>141708</v>
      </c>
      <c r="GB22" s="114">
        <v>570682</v>
      </c>
      <c r="GC22" s="114">
        <v>599039</v>
      </c>
      <c r="GD22" s="114">
        <v>332696</v>
      </c>
      <c r="GE22" s="114">
        <v>348278</v>
      </c>
      <c r="GF22" s="113">
        <v>1992403</v>
      </c>
      <c r="GG22" s="318">
        <v>2186961</v>
      </c>
      <c r="GH22" s="115">
        <v>40208</v>
      </c>
      <c r="GI22" s="114">
        <v>0</v>
      </c>
      <c r="GJ22" s="112">
        <v>40208</v>
      </c>
      <c r="GK22" s="111">
        <v>0</v>
      </c>
      <c r="GL22" s="114">
        <v>8750</v>
      </c>
      <c r="GM22" s="114">
        <v>15400</v>
      </c>
      <c r="GN22" s="114">
        <v>12600</v>
      </c>
      <c r="GO22" s="114">
        <v>10150</v>
      </c>
      <c r="GP22" s="114">
        <v>45150</v>
      </c>
      <c r="GQ22" s="113">
        <v>92050</v>
      </c>
      <c r="GR22" s="116">
        <v>132258</v>
      </c>
      <c r="GS22" s="110">
        <v>0</v>
      </c>
      <c r="GT22" s="114">
        <v>0</v>
      </c>
      <c r="GU22" s="113">
        <v>0</v>
      </c>
      <c r="GV22" s="110">
        <v>0</v>
      </c>
      <c r="GW22" s="114">
        <v>65800</v>
      </c>
      <c r="GX22" s="114">
        <v>112574</v>
      </c>
      <c r="GY22" s="114">
        <v>9100</v>
      </c>
      <c r="GZ22" s="114">
        <v>0</v>
      </c>
      <c r="HA22" s="114">
        <v>0</v>
      </c>
      <c r="HB22" s="112">
        <v>187474</v>
      </c>
      <c r="HC22" s="116">
        <v>187474</v>
      </c>
      <c r="HD22" s="110">
        <v>99978</v>
      </c>
      <c r="HE22" s="114">
        <v>160499</v>
      </c>
      <c r="HF22" s="112">
        <v>260477</v>
      </c>
      <c r="HG22" s="111">
        <v>0</v>
      </c>
      <c r="HH22" s="114">
        <v>1205279</v>
      </c>
      <c r="HI22" s="114">
        <v>930314</v>
      </c>
      <c r="HJ22" s="114">
        <v>1239280</v>
      </c>
      <c r="HK22" s="114">
        <v>3066135</v>
      </c>
      <c r="HL22" s="114">
        <v>1970197</v>
      </c>
      <c r="HM22" s="113">
        <v>8411205</v>
      </c>
      <c r="HN22" s="109">
        <v>8671682</v>
      </c>
      <c r="HO22" s="328"/>
      <c r="HP22" s="329"/>
      <c r="HQ22" s="330"/>
      <c r="HR22" s="331"/>
      <c r="HS22" s="329"/>
      <c r="HT22" s="329"/>
      <c r="HU22" s="329"/>
      <c r="HV22" s="329"/>
      <c r="HW22" s="329"/>
      <c r="HX22" s="332"/>
      <c r="HY22" s="333"/>
      <c r="HZ22" s="150">
        <v>0</v>
      </c>
      <c r="IA22" s="135">
        <v>0</v>
      </c>
      <c r="IB22" s="150">
        <v>0</v>
      </c>
      <c r="IC22" s="134">
        <v>0</v>
      </c>
      <c r="ID22" s="135">
        <v>738164</v>
      </c>
      <c r="IE22" s="136">
        <v>2214903</v>
      </c>
      <c r="IF22" s="137">
        <v>1323470</v>
      </c>
      <c r="IG22" s="135">
        <v>2155985</v>
      </c>
      <c r="IH22" s="137">
        <v>1783236</v>
      </c>
      <c r="II22" s="138">
        <v>8215758</v>
      </c>
      <c r="IJ22" s="150">
        <v>8215758</v>
      </c>
      <c r="IK22" s="232">
        <v>0</v>
      </c>
      <c r="IL22" s="236">
        <v>0</v>
      </c>
      <c r="IM22" s="237">
        <v>0</v>
      </c>
      <c r="IN22" s="140"/>
      <c r="IO22" s="119">
        <v>0</v>
      </c>
      <c r="IP22" s="119">
        <v>0</v>
      </c>
      <c r="IQ22" s="119">
        <v>0</v>
      </c>
      <c r="IR22" s="119">
        <v>0</v>
      </c>
      <c r="IS22" s="119">
        <v>0</v>
      </c>
      <c r="IT22" s="141">
        <v>0</v>
      </c>
      <c r="IU22" s="320">
        <v>0</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228562</v>
      </c>
      <c r="JL22" s="119">
        <v>576734</v>
      </c>
      <c r="JM22" s="119">
        <v>303281</v>
      </c>
      <c r="JN22" s="119">
        <v>551137</v>
      </c>
      <c r="JO22" s="119">
        <v>74377</v>
      </c>
      <c r="JP22" s="120">
        <v>1734091</v>
      </c>
      <c r="JQ22" s="320">
        <v>1734091</v>
      </c>
      <c r="JR22" s="142">
        <v>0</v>
      </c>
      <c r="JS22" s="119">
        <v>0</v>
      </c>
      <c r="JT22" s="141">
        <v>0</v>
      </c>
      <c r="JU22" s="118">
        <v>0</v>
      </c>
      <c r="JV22" s="119">
        <v>0</v>
      </c>
      <c r="JW22" s="119">
        <v>0</v>
      </c>
      <c r="JX22" s="119">
        <v>338124</v>
      </c>
      <c r="JY22" s="119">
        <v>0</v>
      </c>
      <c r="JZ22" s="119">
        <v>0</v>
      </c>
      <c r="KA22" s="120">
        <v>338124</v>
      </c>
      <c r="KB22" s="320">
        <v>338124</v>
      </c>
      <c r="KC22" s="234">
        <v>0</v>
      </c>
      <c r="KD22" s="230">
        <v>0</v>
      </c>
      <c r="KE22" s="120">
        <v>0</v>
      </c>
      <c r="KF22" s="118">
        <v>0</v>
      </c>
      <c r="KG22" s="119">
        <v>109228</v>
      </c>
      <c r="KH22" s="119">
        <v>162111</v>
      </c>
      <c r="KI22" s="119">
        <v>223583</v>
      </c>
      <c r="KJ22" s="119">
        <v>237769</v>
      </c>
      <c r="KK22" s="119">
        <v>260416</v>
      </c>
      <c r="KL22" s="120">
        <v>993107</v>
      </c>
      <c r="KM22" s="143">
        <v>993107</v>
      </c>
      <c r="KN22" s="232">
        <v>0</v>
      </c>
      <c r="KO22" s="236">
        <v>0</v>
      </c>
      <c r="KP22" s="237">
        <v>0</v>
      </c>
      <c r="KQ22" s="140"/>
      <c r="KR22" s="119">
        <v>400374</v>
      </c>
      <c r="KS22" s="119">
        <v>1476058</v>
      </c>
      <c r="KT22" s="119">
        <v>458482</v>
      </c>
      <c r="KU22" s="119">
        <v>900629</v>
      </c>
      <c r="KV22" s="119">
        <v>946963</v>
      </c>
      <c r="KW22" s="120">
        <v>4182506</v>
      </c>
      <c r="KX22" s="320">
        <v>4182506</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0</v>
      </c>
      <c r="LQ22" s="119">
        <v>466450</v>
      </c>
      <c r="LR22" s="119">
        <v>501480</v>
      </c>
      <c r="LS22" s="120">
        <v>967930</v>
      </c>
      <c r="LT22" s="320">
        <v>967930</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0</v>
      </c>
      <c r="MK22" s="119">
        <v>1233351</v>
      </c>
      <c r="ML22" s="119">
        <v>4027336</v>
      </c>
      <c r="MM22" s="119">
        <v>3562079</v>
      </c>
      <c r="MN22" s="119">
        <v>2826479</v>
      </c>
      <c r="MO22" s="120">
        <v>11649245</v>
      </c>
      <c r="MP22" s="143">
        <v>11649245</v>
      </c>
      <c r="MQ22" s="142">
        <v>0</v>
      </c>
      <c r="MR22" s="119">
        <v>0</v>
      </c>
      <c r="MS22" s="120">
        <v>0</v>
      </c>
      <c r="MT22" s="145"/>
      <c r="MU22" s="119">
        <v>0</v>
      </c>
      <c r="MV22" s="119">
        <v>212478</v>
      </c>
      <c r="MW22" s="119">
        <v>1483002</v>
      </c>
      <c r="MX22" s="119">
        <v>1515690</v>
      </c>
      <c r="MY22" s="119">
        <v>1732982</v>
      </c>
      <c r="MZ22" s="120">
        <v>4944152</v>
      </c>
      <c r="NA22" s="143">
        <v>4944152</v>
      </c>
      <c r="NB22" s="142">
        <v>0</v>
      </c>
      <c r="NC22" s="119">
        <v>0</v>
      </c>
      <c r="ND22" s="120">
        <v>0</v>
      </c>
      <c r="NE22" s="145"/>
      <c r="NF22" s="119">
        <v>0</v>
      </c>
      <c r="NG22" s="119">
        <v>1020873</v>
      </c>
      <c r="NH22" s="119">
        <v>2544334</v>
      </c>
      <c r="NI22" s="119">
        <v>2046389</v>
      </c>
      <c r="NJ22" s="119">
        <v>789392</v>
      </c>
      <c r="NK22" s="120">
        <v>6400988</v>
      </c>
      <c r="NL22" s="320">
        <v>6400988</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04105</v>
      </c>
      <c r="OG22" s="120">
        <v>304105</v>
      </c>
      <c r="OH22" s="121">
        <v>304105</v>
      </c>
      <c r="OI22" s="142">
        <v>399607</v>
      </c>
      <c r="OJ22" s="119">
        <v>644254</v>
      </c>
      <c r="OK22" s="141">
        <v>1043861</v>
      </c>
      <c r="OL22" s="118">
        <v>0</v>
      </c>
      <c r="OM22" s="119">
        <v>4189551</v>
      </c>
      <c r="ON22" s="119">
        <v>8900894</v>
      </c>
      <c r="OO22" s="119">
        <v>11752713</v>
      </c>
      <c r="OP22" s="119">
        <v>11049837</v>
      </c>
      <c r="OQ22" s="119">
        <v>10088711</v>
      </c>
      <c r="OR22" s="120">
        <v>45981706</v>
      </c>
      <c r="OS22" s="143">
        <v>47025567</v>
      </c>
    </row>
    <row r="23" spans="2:409" ht="21" customHeight="1" x14ac:dyDescent="0.2">
      <c r="B23" s="126" t="s">
        <v>18</v>
      </c>
      <c r="C23" s="110">
        <v>517267</v>
      </c>
      <c r="D23" s="114">
        <v>697266</v>
      </c>
      <c r="E23" s="113">
        <v>1214533</v>
      </c>
      <c r="F23" s="109">
        <v>0</v>
      </c>
      <c r="G23" s="114">
        <v>5610017</v>
      </c>
      <c r="H23" s="114">
        <v>8988130</v>
      </c>
      <c r="I23" s="114">
        <v>5621501</v>
      </c>
      <c r="J23" s="114">
        <v>6631513</v>
      </c>
      <c r="K23" s="114">
        <v>6719218</v>
      </c>
      <c r="L23" s="109">
        <v>33570379</v>
      </c>
      <c r="M23" s="116">
        <v>34784912</v>
      </c>
      <c r="N23" s="110">
        <v>193017</v>
      </c>
      <c r="O23" s="114">
        <v>150095</v>
      </c>
      <c r="P23" s="113">
        <v>343112</v>
      </c>
      <c r="Q23" s="110">
        <v>0</v>
      </c>
      <c r="R23" s="114">
        <v>1724320</v>
      </c>
      <c r="S23" s="114">
        <v>2680662</v>
      </c>
      <c r="T23" s="114">
        <v>2323813</v>
      </c>
      <c r="U23" s="114">
        <v>2765832</v>
      </c>
      <c r="V23" s="114">
        <v>2667133</v>
      </c>
      <c r="W23" s="113">
        <v>12161760</v>
      </c>
      <c r="X23" s="116">
        <v>12504872</v>
      </c>
      <c r="Y23" s="110">
        <v>0</v>
      </c>
      <c r="Z23" s="114">
        <v>0</v>
      </c>
      <c r="AA23" s="113">
        <v>0</v>
      </c>
      <c r="AB23" s="110">
        <v>0</v>
      </c>
      <c r="AC23" s="114">
        <v>721331</v>
      </c>
      <c r="AD23" s="114">
        <v>1077447</v>
      </c>
      <c r="AE23" s="114">
        <v>1363988</v>
      </c>
      <c r="AF23" s="114">
        <v>2018214</v>
      </c>
      <c r="AG23" s="114">
        <v>1366479</v>
      </c>
      <c r="AH23" s="113">
        <v>6547459</v>
      </c>
      <c r="AI23" s="116">
        <v>6547459</v>
      </c>
      <c r="AJ23" s="110">
        <v>0</v>
      </c>
      <c r="AK23" s="114">
        <v>0</v>
      </c>
      <c r="AL23" s="113">
        <v>0</v>
      </c>
      <c r="AM23" s="110">
        <v>0</v>
      </c>
      <c r="AN23" s="114">
        <v>0</v>
      </c>
      <c r="AO23" s="114">
        <v>0</v>
      </c>
      <c r="AP23" s="114">
        <v>102783</v>
      </c>
      <c r="AQ23" s="114">
        <v>71167</v>
      </c>
      <c r="AR23" s="114">
        <v>196699</v>
      </c>
      <c r="AS23" s="113">
        <v>370649</v>
      </c>
      <c r="AT23" s="116">
        <v>370649</v>
      </c>
      <c r="AU23" s="110">
        <v>122696</v>
      </c>
      <c r="AV23" s="114">
        <v>72514</v>
      </c>
      <c r="AW23" s="113">
        <v>195210</v>
      </c>
      <c r="AX23" s="110">
        <v>0</v>
      </c>
      <c r="AY23" s="114">
        <v>556882</v>
      </c>
      <c r="AZ23" s="114">
        <v>1057439</v>
      </c>
      <c r="BA23" s="114">
        <v>441460</v>
      </c>
      <c r="BB23" s="114">
        <v>332860</v>
      </c>
      <c r="BC23" s="114">
        <v>620647</v>
      </c>
      <c r="BD23" s="113">
        <v>3009288</v>
      </c>
      <c r="BE23" s="116">
        <v>3204498</v>
      </c>
      <c r="BF23" s="110">
        <v>20803</v>
      </c>
      <c r="BG23" s="114">
        <v>0</v>
      </c>
      <c r="BH23" s="112">
        <v>20803</v>
      </c>
      <c r="BI23" s="111">
        <v>0</v>
      </c>
      <c r="BJ23" s="114">
        <v>67106</v>
      </c>
      <c r="BK23" s="114">
        <v>105980</v>
      </c>
      <c r="BL23" s="114">
        <v>119790</v>
      </c>
      <c r="BM23" s="114">
        <v>28605</v>
      </c>
      <c r="BN23" s="114">
        <v>38556</v>
      </c>
      <c r="BO23" s="113">
        <v>360037</v>
      </c>
      <c r="BP23" s="116">
        <v>380840</v>
      </c>
      <c r="BQ23" s="110">
        <v>49518</v>
      </c>
      <c r="BR23" s="114">
        <v>77581</v>
      </c>
      <c r="BS23" s="113">
        <v>127099</v>
      </c>
      <c r="BT23" s="110">
        <v>0</v>
      </c>
      <c r="BU23" s="114">
        <v>379001</v>
      </c>
      <c r="BV23" s="114">
        <v>439796</v>
      </c>
      <c r="BW23" s="114">
        <v>295792</v>
      </c>
      <c r="BX23" s="114">
        <v>314986</v>
      </c>
      <c r="BY23" s="114">
        <v>444752</v>
      </c>
      <c r="BZ23" s="113">
        <v>1874327</v>
      </c>
      <c r="CA23" s="116">
        <v>2001426</v>
      </c>
      <c r="CB23" s="110">
        <v>91266</v>
      </c>
      <c r="CC23" s="114">
        <v>202530</v>
      </c>
      <c r="CD23" s="113">
        <v>293796</v>
      </c>
      <c r="CE23" s="110">
        <v>0</v>
      </c>
      <c r="CF23" s="114">
        <v>1486905</v>
      </c>
      <c r="CG23" s="114">
        <v>2530857</v>
      </c>
      <c r="CH23" s="114">
        <v>1115630</v>
      </c>
      <c r="CI23" s="114">
        <v>947344</v>
      </c>
      <c r="CJ23" s="114">
        <v>785483</v>
      </c>
      <c r="CK23" s="113">
        <v>6866219</v>
      </c>
      <c r="CL23" s="116">
        <v>7160015</v>
      </c>
      <c r="CM23" s="110">
        <v>0</v>
      </c>
      <c r="CN23" s="114">
        <v>0</v>
      </c>
      <c r="CO23" s="113">
        <v>0</v>
      </c>
      <c r="CP23" s="111">
        <v>0</v>
      </c>
      <c r="CQ23" s="114">
        <v>1166052</v>
      </c>
      <c r="CR23" s="114">
        <v>2016475</v>
      </c>
      <c r="CS23" s="114">
        <v>920348</v>
      </c>
      <c r="CT23" s="114">
        <v>554485</v>
      </c>
      <c r="CU23" s="114">
        <v>554475</v>
      </c>
      <c r="CV23" s="113">
        <v>5211835</v>
      </c>
      <c r="CW23" s="116">
        <v>5211835</v>
      </c>
      <c r="CX23" s="110">
        <v>91266</v>
      </c>
      <c r="CY23" s="114">
        <v>202530</v>
      </c>
      <c r="CZ23" s="113">
        <v>293796</v>
      </c>
      <c r="DA23" s="110">
        <v>0</v>
      </c>
      <c r="DB23" s="114">
        <v>320853</v>
      </c>
      <c r="DC23" s="114">
        <v>514382</v>
      </c>
      <c r="DD23" s="114">
        <v>195282</v>
      </c>
      <c r="DE23" s="114">
        <v>392859</v>
      </c>
      <c r="DF23" s="114">
        <v>231008</v>
      </c>
      <c r="DG23" s="113">
        <v>1654384</v>
      </c>
      <c r="DH23" s="116">
        <v>1948180</v>
      </c>
      <c r="DI23" s="110">
        <v>0</v>
      </c>
      <c r="DJ23" s="114">
        <v>0</v>
      </c>
      <c r="DK23" s="112">
        <v>0</v>
      </c>
      <c r="DL23" s="111">
        <v>0</v>
      </c>
      <c r="DM23" s="114">
        <v>0</v>
      </c>
      <c r="DN23" s="114">
        <v>822009</v>
      </c>
      <c r="DO23" s="114">
        <v>668461</v>
      </c>
      <c r="DP23" s="114">
        <v>900532</v>
      </c>
      <c r="DQ23" s="114">
        <v>356987</v>
      </c>
      <c r="DR23" s="113">
        <v>2747989</v>
      </c>
      <c r="DS23" s="116">
        <v>2747989</v>
      </c>
      <c r="DT23" s="110">
        <v>0</v>
      </c>
      <c r="DU23" s="114">
        <v>0</v>
      </c>
      <c r="DV23" s="113">
        <v>0</v>
      </c>
      <c r="DW23" s="110">
        <v>0</v>
      </c>
      <c r="DX23" s="114">
        <v>0</v>
      </c>
      <c r="DY23" s="114">
        <v>802852</v>
      </c>
      <c r="DZ23" s="114">
        <v>668461</v>
      </c>
      <c r="EA23" s="114">
        <v>900532</v>
      </c>
      <c r="EB23" s="114">
        <v>356987</v>
      </c>
      <c r="EC23" s="113">
        <v>2728832</v>
      </c>
      <c r="ED23" s="116">
        <v>2728832</v>
      </c>
      <c r="EE23" s="110">
        <v>0</v>
      </c>
      <c r="EF23" s="112">
        <v>0</v>
      </c>
      <c r="EG23" s="113">
        <v>0</v>
      </c>
      <c r="EH23" s="110">
        <v>0</v>
      </c>
      <c r="EI23" s="114">
        <v>0</v>
      </c>
      <c r="EJ23" s="114">
        <v>19157</v>
      </c>
      <c r="EK23" s="114">
        <v>0</v>
      </c>
      <c r="EL23" s="114">
        <v>0</v>
      </c>
      <c r="EM23" s="114">
        <v>0</v>
      </c>
      <c r="EN23" s="112">
        <v>19157</v>
      </c>
      <c r="EO23" s="116">
        <v>19157</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83510</v>
      </c>
      <c r="FM23" s="114">
        <v>184275</v>
      </c>
      <c r="FN23" s="113">
        <v>267785</v>
      </c>
      <c r="FO23" s="110">
        <v>0</v>
      </c>
      <c r="FP23" s="114">
        <v>265111</v>
      </c>
      <c r="FQ23" s="114">
        <v>586124</v>
      </c>
      <c r="FR23" s="114">
        <v>446243</v>
      </c>
      <c r="FS23" s="114">
        <v>437255</v>
      </c>
      <c r="FT23" s="114">
        <v>555310</v>
      </c>
      <c r="FU23" s="113">
        <v>2290043</v>
      </c>
      <c r="FV23" s="116">
        <v>2557828</v>
      </c>
      <c r="FW23" s="115">
        <v>59010</v>
      </c>
      <c r="FX23" s="114">
        <v>86058</v>
      </c>
      <c r="FY23" s="112">
        <v>145068</v>
      </c>
      <c r="FZ23" s="111">
        <v>0</v>
      </c>
      <c r="GA23" s="114">
        <v>247751</v>
      </c>
      <c r="GB23" s="114">
        <v>586124</v>
      </c>
      <c r="GC23" s="114">
        <v>425838</v>
      </c>
      <c r="GD23" s="114">
        <v>437255</v>
      </c>
      <c r="GE23" s="114">
        <v>486010</v>
      </c>
      <c r="GF23" s="113">
        <v>2182978</v>
      </c>
      <c r="GG23" s="318">
        <v>2328046</v>
      </c>
      <c r="GH23" s="115">
        <v>0</v>
      </c>
      <c r="GI23" s="114">
        <v>29337</v>
      </c>
      <c r="GJ23" s="112">
        <v>29337</v>
      </c>
      <c r="GK23" s="111">
        <v>0</v>
      </c>
      <c r="GL23" s="114">
        <v>17360</v>
      </c>
      <c r="GM23" s="114">
        <v>0</v>
      </c>
      <c r="GN23" s="114">
        <v>20405</v>
      </c>
      <c r="GO23" s="114">
        <v>0</v>
      </c>
      <c r="GP23" s="114">
        <v>69300</v>
      </c>
      <c r="GQ23" s="113">
        <v>107065</v>
      </c>
      <c r="GR23" s="116">
        <v>136402</v>
      </c>
      <c r="GS23" s="110">
        <v>24500</v>
      </c>
      <c r="GT23" s="114">
        <v>68880</v>
      </c>
      <c r="GU23" s="113">
        <v>93380</v>
      </c>
      <c r="GV23" s="110">
        <v>0</v>
      </c>
      <c r="GW23" s="114">
        <v>0</v>
      </c>
      <c r="GX23" s="114">
        <v>0</v>
      </c>
      <c r="GY23" s="114">
        <v>0</v>
      </c>
      <c r="GZ23" s="114">
        <v>0</v>
      </c>
      <c r="HA23" s="114">
        <v>0</v>
      </c>
      <c r="HB23" s="112">
        <v>0</v>
      </c>
      <c r="HC23" s="116">
        <v>93380</v>
      </c>
      <c r="HD23" s="110">
        <v>149474</v>
      </c>
      <c r="HE23" s="114">
        <v>160366</v>
      </c>
      <c r="HF23" s="112">
        <v>309840</v>
      </c>
      <c r="HG23" s="111">
        <v>0</v>
      </c>
      <c r="HH23" s="114">
        <v>2133681</v>
      </c>
      <c r="HI23" s="114">
        <v>2368478</v>
      </c>
      <c r="HJ23" s="114">
        <v>1067354</v>
      </c>
      <c r="HK23" s="114">
        <v>1580550</v>
      </c>
      <c r="HL23" s="114">
        <v>2354305</v>
      </c>
      <c r="HM23" s="113">
        <v>9504368</v>
      </c>
      <c r="HN23" s="109">
        <v>9814208</v>
      </c>
      <c r="HO23" s="328"/>
      <c r="HP23" s="329"/>
      <c r="HQ23" s="330"/>
      <c r="HR23" s="331"/>
      <c r="HS23" s="329"/>
      <c r="HT23" s="329"/>
      <c r="HU23" s="329"/>
      <c r="HV23" s="329"/>
      <c r="HW23" s="329"/>
      <c r="HX23" s="332"/>
      <c r="HY23" s="333"/>
      <c r="HZ23" s="131">
        <v>0</v>
      </c>
      <c r="IA23" s="132">
        <v>0</v>
      </c>
      <c r="IB23" s="133">
        <v>0</v>
      </c>
      <c r="IC23" s="146">
        <v>0</v>
      </c>
      <c r="ID23" s="132">
        <v>867644</v>
      </c>
      <c r="IE23" s="147">
        <v>730662</v>
      </c>
      <c r="IF23" s="133">
        <v>2356494</v>
      </c>
      <c r="IG23" s="132">
        <v>1778794</v>
      </c>
      <c r="IH23" s="133">
        <v>1926260</v>
      </c>
      <c r="II23" s="148">
        <v>7659854</v>
      </c>
      <c r="IJ23" s="139">
        <v>7659854</v>
      </c>
      <c r="IK23" s="232">
        <v>0</v>
      </c>
      <c r="IL23" s="236">
        <v>0</v>
      </c>
      <c r="IM23" s="237">
        <v>0</v>
      </c>
      <c r="IN23" s="140"/>
      <c r="IO23" s="119">
        <v>0</v>
      </c>
      <c r="IP23" s="119">
        <v>0</v>
      </c>
      <c r="IQ23" s="119">
        <v>0</v>
      </c>
      <c r="IR23" s="119">
        <v>0</v>
      </c>
      <c r="IS23" s="119">
        <v>225011</v>
      </c>
      <c r="IT23" s="141">
        <v>225011</v>
      </c>
      <c r="IU23" s="320">
        <v>225011</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377466</v>
      </c>
      <c r="JL23" s="119">
        <v>283574</v>
      </c>
      <c r="JM23" s="119">
        <v>579158</v>
      </c>
      <c r="JN23" s="119">
        <v>155670</v>
      </c>
      <c r="JO23" s="119">
        <v>10445</v>
      </c>
      <c r="JP23" s="120">
        <v>1406313</v>
      </c>
      <c r="JQ23" s="320">
        <v>1406313</v>
      </c>
      <c r="JR23" s="142">
        <v>0</v>
      </c>
      <c r="JS23" s="119">
        <v>0</v>
      </c>
      <c r="JT23" s="141">
        <v>0</v>
      </c>
      <c r="JU23" s="118">
        <v>0</v>
      </c>
      <c r="JV23" s="119">
        <v>89735</v>
      </c>
      <c r="JW23" s="119">
        <v>39620</v>
      </c>
      <c r="JX23" s="119">
        <v>300958</v>
      </c>
      <c r="JY23" s="119">
        <v>148815</v>
      </c>
      <c r="JZ23" s="119">
        <v>0</v>
      </c>
      <c r="KA23" s="120">
        <v>579128</v>
      </c>
      <c r="KB23" s="320">
        <v>579128</v>
      </c>
      <c r="KC23" s="234">
        <v>0</v>
      </c>
      <c r="KD23" s="230">
        <v>0</v>
      </c>
      <c r="KE23" s="120">
        <v>0</v>
      </c>
      <c r="KF23" s="118">
        <v>0</v>
      </c>
      <c r="KG23" s="119">
        <v>0</v>
      </c>
      <c r="KH23" s="119">
        <v>0</v>
      </c>
      <c r="KI23" s="119">
        <v>204194</v>
      </c>
      <c r="KJ23" s="119">
        <v>712629</v>
      </c>
      <c r="KK23" s="119">
        <v>515376</v>
      </c>
      <c r="KL23" s="120">
        <v>1432199</v>
      </c>
      <c r="KM23" s="143">
        <v>1432199</v>
      </c>
      <c r="KN23" s="232">
        <v>0</v>
      </c>
      <c r="KO23" s="236">
        <v>0</v>
      </c>
      <c r="KP23" s="237">
        <v>0</v>
      </c>
      <c r="KQ23" s="140"/>
      <c r="KR23" s="119">
        <v>400443</v>
      </c>
      <c r="KS23" s="119">
        <v>217313</v>
      </c>
      <c r="KT23" s="119">
        <v>1040336</v>
      </c>
      <c r="KU23" s="119">
        <v>229127</v>
      </c>
      <c r="KV23" s="119">
        <v>231672</v>
      </c>
      <c r="KW23" s="120">
        <v>2118891</v>
      </c>
      <c r="KX23" s="320">
        <v>2118891</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231848</v>
      </c>
      <c r="LQ23" s="119">
        <v>249982</v>
      </c>
      <c r="LR23" s="119">
        <v>0</v>
      </c>
      <c r="LS23" s="120">
        <v>481830</v>
      </c>
      <c r="LT23" s="320">
        <v>481830</v>
      </c>
      <c r="LU23" s="142">
        <v>0</v>
      </c>
      <c r="LV23" s="119">
        <v>0</v>
      </c>
      <c r="LW23" s="120">
        <v>0</v>
      </c>
      <c r="LX23" s="145"/>
      <c r="LY23" s="119">
        <v>0</v>
      </c>
      <c r="LZ23" s="119">
        <v>190155</v>
      </c>
      <c r="MA23" s="119">
        <v>0</v>
      </c>
      <c r="MB23" s="119">
        <v>282571</v>
      </c>
      <c r="MC23" s="119">
        <v>943756</v>
      </c>
      <c r="MD23" s="120">
        <v>1416482</v>
      </c>
      <c r="ME23" s="121">
        <v>1416482</v>
      </c>
      <c r="MF23" s="142">
        <v>0</v>
      </c>
      <c r="MG23" s="119">
        <v>0</v>
      </c>
      <c r="MH23" s="120">
        <v>0</v>
      </c>
      <c r="MI23" s="145"/>
      <c r="MJ23" s="119">
        <v>602845</v>
      </c>
      <c r="MK23" s="119">
        <v>420226</v>
      </c>
      <c r="ML23" s="119">
        <v>2220606</v>
      </c>
      <c r="MM23" s="119">
        <v>4230513</v>
      </c>
      <c r="MN23" s="119">
        <v>2904529</v>
      </c>
      <c r="MO23" s="120">
        <v>10378719</v>
      </c>
      <c r="MP23" s="143">
        <v>10378719</v>
      </c>
      <c r="MQ23" s="142">
        <v>0</v>
      </c>
      <c r="MR23" s="119">
        <v>0</v>
      </c>
      <c r="MS23" s="120">
        <v>0</v>
      </c>
      <c r="MT23" s="145"/>
      <c r="MU23" s="119">
        <v>0</v>
      </c>
      <c r="MV23" s="119">
        <v>195276</v>
      </c>
      <c r="MW23" s="119">
        <v>1289182</v>
      </c>
      <c r="MX23" s="119">
        <v>2440743</v>
      </c>
      <c r="MY23" s="119">
        <v>1792968</v>
      </c>
      <c r="MZ23" s="120">
        <v>5718169</v>
      </c>
      <c r="NA23" s="143">
        <v>5718169</v>
      </c>
      <c r="NB23" s="142">
        <v>0</v>
      </c>
      <c r="NC23" s="119">
        <v>0</v>
      </c>
      <c r="ND23" s="120">
        <v>0</v>
      </c>
      <c r="NE23" s="145"/>
      <c r="NF23" s="119">
        <v>602845</v>
      </c>
      <c r="NG23" s="119">
        <v>224950</v>
      </c>
      <c r="NH23" s="119">
        <v>931424</v>
      </c>
      <c r="NI23" s="119">
        <v>1789770</v>
      </c>
      <c r="NJ23" s="119">
        <v>839299</v>
      </c>
      <c r="NK23" s="120">
        <v>4388288</v>
      </c>
      <c r="NL23" s="320">
        <v>4388288</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517267</v>
      </c>
      <c r="OJ23" s="119">
        <v>697266</v>
      </c>
      <c r="OK23" s="141">
        <v>1214533</v>
      </c>
      <c r="OL23" s="118">
        <v>0</v>
      </c>
      <c r="OM23" s="119">
        <v>7080506</v>
      </c>
      <c r="ON23" s="119">
        <v>10139018</v>
      </c>
      <c r="OO23" s="119">
        <v>10198601</v>
      </c>
      <c r="OP23" s="119">
        <v>12640820</v>
      </c>
      <c r="OQ23" s="119">
        <v>11550007</v>
      </c>
      <c r="OR23" s="120">
        <v>51608952</v>
      </c>
      <c r="OS23" s="143">
        <v>52823485</v>
      </c>
    </row>
    <row r="24" spans="2:409" ht="21" customHeight="1" x14ac:dyDescent="0.2">
      <c r="B24" s="126" t="s">
        <v>19</v>
      </c>
      <c r="C24" s="110">
        <v>111546</v>
      </c>
      <c r="D24" s="114">
        <v>582531</v>
      </c>
      <c r="E24" s="113">
        <v>694077</v>
      </c>
      <c r="F24" s="109">
        <v>0</v>
      </c>
      <c r="G24" s="114">
        <v>2538361</v>
      </c>
      <c r="H24" s="114">
        <v>2836180</v>
      </c>
      <c r="I24" s="114">
        <v>1841657</v>
      </c>
      <c r="J24" s="114">
        <v>3391397</v>
      </c>
      <c r="K24" s="114">
        <v>1376382</v>
      </c>
      <c r="L24" s="109">
        <v>11983977</v>
      </c>
      <c r="M24" s="116">
        <v>12678054</v>
      </c>
      <c r="N24" s="110">
        <v>87596</v>
      </c>
      <c r="O24" s="114">
        <v>69541</v>
      </c>
      <c r="P24" s="113">
        <v>157137</v>
      </c>
      <c r="Q24" s="110">
        <v>0</v>
      </c>
      <c r="R24" s="114">
        <v>679694</v>
      </c>
      <c r="S24" s="114">
        <v>624508</v>
      </c>
      <c r="T24" s="114">
        <v>669650</v>
      </c>
      <c r="U24" s="114">
        <v>1170410</v>
      </c>
      <c r="V24" s="114">
        <v>403393</v>
      </c>
      <c r="W24" s="113">
        <v>3547655</v>
      </c>
      <c r="X24" s="116">
        <v>3704792</v>
      </c>
      <c r="Y24" s="110">
        <v>0</v>
      </c>
      <c r="Z24" s="114">
        <v>0</v>
      </c>
      <c r="AA24" s="113">
        <v>0</v>
      </c>
      <c r="AB24" s="110">
        <v>0</v>
      </c>
      <c r="AC24" s="114">
        <v>117551</v>
      </c>
      <c r="AD24" s="114">
        <v>225883</v>
      </c>
      <c r="AE24" s="114">
        <v>261518</v>
      </c>
      <c r="AF24" s="114">
        <v>427152</v>
      </c>
      <c r="AG24" s="114">
        <v>49864</v>
      </c>
      <c r="AH24" s="113">
        <v>1081968</v>
      </c>
      <c r="AI24" s="116">
        <v>1081968</v>
      </c>
      <c r="AJ24" s="110">
        <v>0</v>
      </c>
      <c r="AK24" s="114">
        <v>0</v>
      </c>
      <c r="AL24" s="113">
        <v>0</v>
      </c>
      <c r="AM24" s="110">
        <v>0</v>
      </c>
      <c r="AN24" s="114">
        <v>0</v>
      </c>
      <c r="AO24" s="114">
        <v>30978</v>
      </c>
      <c r="AP24" s="114">
        <v>70238</v>
      </c>
      <c r="AQ24" s="114">
        <v>79701</v>
      </c>
      <c r="AR24" s="114">
        <v>51270</v>
      </c>
      <c r="AS24" s="113">
        <v>232187</v>
      </c>
      <c r="AT24" s="116">
        <v>232187</v>
      </c>
      <c r="AU24" s="110">
        <v>62318</v>
      </c>
      <c r="AV24" s="114">
        <v>39504</v>
      </c>
      <c r="AW24" s="113">
        <v>101822</v>
      </c>
      <c r="AX24" s="110">
        <v>0</v>
      </c>
      <c r="AY24" s="114">
        <v>333885</v>
      </c>
      <c r="AZ24" s="114">
        <v>224609</v>
      </c>
      <c r="BA24" s="114">
        <v>255444</v>
      </c>
      <c r="BB24" s="114">
        <v>447250</v>
      </c>
      <c r="BC24" s="114">
        <v>237873</v>
      </c>
      <c r="BD24" s="113">
        <v>1499061</v>
      </c>
      <c r="BE24" s="116">
        <v>1600883</v>
      </c>
      <c r="BF24" s="110">
        <v>13868</v>
      </c>
      <c r="BG24" s="114">
        <v>0</v>
      </c>
      <c r="BH24" s="112">
        <v>13868</v>
      </c>
      <c r="BI24" s="111">
        <v>0</v>
      </c>
      <c r="BJ24" s="114">
        <v>95622</v>
      </c>
      <c r="BK24" s="114">
        <v>0</v>
      </c>
      <c r="BL24" s="114">
        <v>20738</v>
      </c>
      <c r="BM24" s="114">
        <v>0</v>
      </c>
      <c r="BN24" s="114">
        <v>0</v>
      </c>
      <c r="BO24" s="113">
        <v>116360</v>
      </c>
      <c r="BP24" s="116">
        <v>130228</v>
      </c>
      <c r="BQ24" s="110">
        <v>11410</v>
      </c>
      <c r="BR24" s="114">
        <v>30037</v>
      </c>
      <c r="BS24" s="113">
        <v>41447</v>
      </c>
      <c r="BT24" s="110">
        <v>0</v>
      </c>
      <c r="BU24" s="114">
        <v>132636</v>
      </c>
      <c r="BV24" s="114">
        <v>143038</v>
      </c>
      <c r="BW24" s="114">
        <v>61712</v>
      </c>
      <c r="BX24" s="114">
        <v>216307</v>
      </c>
      <c r="BY24" s="114">
        <v>64386</v>
      </c>
      <c r="BZ24" s="113">
        <v>618079</v>
      </c>
      <c r="CA24" s="116">
        <v>659526</v>
      </c>
      <c r="CB24" s="110">
        <v>0</v>
      </c>
      <c r="CC24" s="114">
        <v>173508</v>
      </c>
      <c r="CD24" s="113">
        <v>173508</v>
      </c>
      <c r="CE24" s="110">
        <v>0</v>
      </c>
      <c r="CF24" s="114">
        <v>588100</v>
      </c>
      <c r="CG24" s="114">
        <v>671693</v>
      </c>
      <c r="CH24" s="114">
        <v>519626</v>
      </c>
      <c r="CI24" s="114">
        <v>879991</v>
      </c>
      <c r="CJ24" s="114">
        <v>384972</v>
      </c>
      <c r="CK24" s="113">
        <v>3044382</v>
      </c>
      <c r="CL24" s="116">
        <v>3217890</v>
      </c>
      <c r="CM24" s="110">
        <v>0</v>
      </c>
      <c r="CN24" s="114">
        <v>0</v>
      </c>
      <c r="CO24" s="113">
        <v>0</v>
      </c>
      <c r="CP24" s="111">
        <v>0</v>
      </c>
      <c r="CQ24" s="114">
        <v>339315</v>
      </c>
      <c r="CR24" s="114">
        <v>530185</v>
      </c>
      <c r="CS24" s="114">
        <v>184433</v>
      </c>
      <c r="CT24" s="114">
        <v>371994</v>
      </c>
      <c r="CU24" s="114">
        <v>272979</v>
      </c>
      <c r="CV24" s="113">
        <v>1698906</v>
      </c>
      <c r="CW24" s="116">
        <v>1698906</v>
      </c>
      <c r="CX24" s="110">
        <v>0</v>
      </c>
      <c r="CY24" s="114">
        <v>173508</v>
      </c>
      <c r="CZ24" s="113">
        <v>173508</v>
      </c>
      <c r="DA24" s="110">
        <v>0</v>
      </c>
      <c r="DB24" s="114">
        <v>248785</v>
      </c>
      <c r="DC24" s="114">
        <v>141508</v>
      </c>
      <c r="DD24" s="114">
        <v>335193</v>
      </c>
      <c r="DE24" s="114">
        <v>507997</v>
      </c>
      <c r="DF24" s="114">
        <v>111993</v>
      </c>
      <c r="DG24" s="113">
        <v>1345476</v>
      </c>
      <c r="DH24" s="116">
        <v>1518984</v>
      </c>
      <c r="DI24" s="110">
        <v>0</v>
      </c>
      <c r="DJ24" s="114">
        <v>16262</v>
      </c>
      <c r="DK24" s="112">
        <v>16262</v>
      </c>
      <c r="DL24" s="111">
        <v>0</v>
      </c>
      <c r="DM24" s="114">
        <v>19364</v>
      </c>
      <c r="DN24" s="114">
        <v>102045</v>
      </c>
      <c r="DO24" s="114">
        <v>43451</v>
      </c>
      <c r="DP24" s="114">
        <v>226402</v>
      </c>
      <c r="DQ24" s="114">
        <v>146518</v>
      </c>
      <c r="DR24" s="113">
        <v>537780</v>
      </c>
      <c r="DS24" s="116">
        <v>554042</v>
      </c>
      <c r="DT24" s="110">
        <v>0</v>
      </c>
      <c r="DU24" s="114">
        <v>16262</v>
      </c>
      <c r="DV24" s="113">
        <v>16262</v>
      </c>
      <c r="DW24" s="110">
        <v>0</v>
      </c>
      <c r="DX24" s="114">
        <v>19364</v>
      </c>
      <c r="DY24" s="114">
        <v>102045</v>
      </c>
      <c r="DZ24" s="114">
        <v>15892</v>
      </c>
      <c r="EA24" s="114">
        <v>24436</v>
      </c>
      <c r="EB24" s="114">
        <v>146518</v>
      </c>
      <c r="EC24" s="113">
        <v>308255</v>
      </c>
      <c r="ED24" s="116">
        <v>324517</v>
      </c>
      <c r="EE24" s="110">
        <v>0</v>
      </c>
      <c r="EF24" s="112">
        <v>0</v>
      </c>
      <c r="EG24" s="113">
        <v>0</v>
      </c>
      <c r="EH24" s="110">
        <v>0</v>
      </c>
      <c r="EI24" s="114">
        <v>0</v>
      </c>
      <c r="EJ24" s="114">
        <v>0</v>
      </c>
      <c r="EK24" s="114">
        <v>27559</v>
      </c>
      <c r="EL24" s="114">
        <v>201966</v>
      </c>
      <c r="EM24" s="114">
        <v>0</v>
      </c>
      <c r="EN24" s="112">
        <v>229525</v>
      </c>
      <c r="EO24" s="116">
        <v>229525</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23950</v>
      </c>
      <c r="FM24" s="114">
        <v>78528</v>
      </c>
      <c r="FN24" s="113">
        <v>102478</v>
      </c>
      <c r="FO24" s="110">
        <v>0</v>
      </c>
      <c r="FP24" s="114">
        <v>131929</v>
      </c>
      <c r="FQ24" s="114">
        <v>178080</v>
      </c>
      <c r="FR24" s="114">
        <v>264516</v>
      </c>
      <c r="FS24" s="114">
        <v>333116</v>
      </c>
      <c r="FT24" s="114">
        <v>231028</v>
      </c>
      <c r="FU24" s="113">
        <v>1138669</v>
      </c>
      <c r="FV24" s="116">
        <v>1241147</v>
      </c>
      <c r="FW24" s="115">
        <v>23950</v>
      </c>
      <c r="FX24" s="114">
        <v>43050</v>
      </c>
      <c r="FY24" s="112">
        <v>67000</v>
      </c>
      <c r="FZ24" s="111">
        <v>0</v>
      </c>
      <c r="GA24" s="114">
        <v>131929</v>
      </c>
      <c r="GB24" s="114">
        <v>158060</v>
      </c>
      <c r="GC24" s="114">
        <v>264516</v>
      </c>
      <c r="GD24" s="114">
        <v>320516</v>
      </c>
      <c r="GE24" s="114">
        <v>91028</v>
      </c>
      <c r="GF24" s="113">
        <v>966049</v>
      </c>
      <c r="GG24" s="318">
        <v>1033049</v>
      </c>
      <c r="GH24" s="115">
        <v>0</v>
      </c>
      <c r="GI24" s="114">
        <v>0</v>
      </c>
      <c r="GJ24" s="112">
        <v>0</v>
      </c>
      <c r="GK24" s="111">
        <v>0</v>
      </c>
      <c r="GL24" s="114">
        <v>0</v>
      </c>
      <c r="GM24" s="114">
        <v>20020</v>
      </c>
      <c r="GN24" s="114">
        <v>0</v>
      </c>
      <c r="GO24" s="114">
        <v>12600</v>
      </c>
      <c r="GP24" s="114">
        <v>0</v>
      </c>
      <c r="GQ24" s="113">
        <v>32620</v>
      </c>
      <c r="GR24" s="116">
        <v>32620</v>
      </c>
      <c r="GS24" s="110">
        <v>0</v>
      </c>
      <c r="GT24" s="114">
        <v>35478</v>
      </c>
      <c r="GU24" s="113">
        <v>35478</v>
      </c>
      <c r="GV24" s="110">
        <v>0</v>
      </c>
      <c r="GW24" s="114">
        <v>0</v>
      </c>
      <c r="GX24" s="114">
        <v>0</v>
      </c>
      <c r="GY24" s="114">
        <v>0</v>
      </c>
      <c r="GZ24" s="114">
        <v>0</v>
      </c>
      <c r="HA24" s="114">
        <v>140000</v>
      </c>
      <c r="HB24" s="112">
        <v>140000</v>
      </c>
      <c r="HC24" s="116">
        <v>175478</v>
      </c>
      <c r="HD24" s="110">
        <v>0</v>
      </c>
      <c r="HE24" s="114">
        <v>244692</v>
      </c>
      <c r="HF24" s="112">
        <v>244692</v>
      </c>
      <c r="HG24" s="111">
        <v>0</v>
      </c>
      <c r="HH24" s="114">
        <v>1119274</v>
      </c>
      <c r="HI24" s="114">
        <v>1259854</v>
      </c>
      <c r="HJ24" s="114">
        <v>344414</v>
      </c>
      <c r="HK24" s="114">
        <v>781478</v>
      </c>
      <c r="HL24" s="114">
        <v>210471</v>
      </c>
      <c r="HM24" s="113">
        <v>3715491</v>
      </c>
      <c r="HN24" s="109">
        <v>3960183</v>
      </c>
      <c r="HO24" s="328"/>
      <c r="HP24" s="329"/>
      <c r="HQ24" s="330"/>
      <c r="HR24" s="331"/>
      <c r="HS24" s="329"/>
      <c r="HT24" s="329"/>
      <c r="HU24" s="329"/>
      <c r="HV24" s="329"/>
      <c r="HW24" s="329"/>
      <c r="HX24" s="332"/>
      <c r="HY24" s="333"/>
      <c r="HZ24" s="150">
        <v>0</v>
      </c>
      <c r="IA24" s="135">
        <v>0</v>
      </c>
      <c r="IB24" s="150">
        <v>0</v>
      </c>
      <c r="IC24" s="134">
        <v>0</v>
      </c>
      <c r="ID24" s="135">
        <v>575491</v>
      </c>
      <c r="IE24" s="136">
        <v>430947</v>
      </c>
      <c r="IF24" s="137">
        <v>340402</v>
      </c>
      <c r="IG24" s="135">
        <v>1002541</v>
      </c>
      <c r="IH24" s="137">
        <v>0</v>
      </c>
      <c r="II24" s="138">
        <v>2349381</v>
      </c>
      <c r="IJ24" s="150">
        <v>2349381</v>
      </c>
      <c r="IK24" s="232">
        <v>0</v>
      </c>
      <c r="IL24" s="236">
        <v>0</v>
      </c>
      <c r="IM24" s="237">
        <v>0</v>
      </c>
      <c r="IN24" s="140"/>
      <c r="IO24" s="119">
        <v>0</v>
      </c>
      <c r="IP24" s="119">
        <v>97115</v>
      </c>
      <c r="IQ24" s="119">
        <v>0</v>
      </c>
      <c r="IR24" s="119">
        <v>368395</v>
      </c>
      <c r="IS24" s="119">
        <v>0</v>
      </c>
      <c r="IT24" s="141">
        <v>465510</v>
      </c>
      <c r="IU24" s="320">
        <v>465510</v>
      </c>
      <c r="IV24" s="142">
        <v>0</v>
      </c>
      <c r="IW24" s="119">
        <v>0</v>
      </c>
      <c r="IX24" s="120">
        <v>0</v>
      </c>
      <c r="IY24" s="144"/>
      <c r="IZ24" s="119">
        <v>0</v>
      </c>
      <c r="JA24" s="119">
        <v>0</v>
      </c>
      <c r="JB24" s="119">
        <v>0</v>
      </c>
      <c r="JC24" s="119">
        <v>8913</v>
      </c>
      <c r="JD24" s="119">
        <v>0</v>
      </c>
      <c r="JE24" s="120">
        <v>8913</v>
      </c>
      <c r="JF24" s="121">
        <v>8913</v>
      </c>
      <c r="JG24" s="142">
        <v>0</v>
      </c>
      <c r="JH24" s="119">
        <v>0</v>
      </c>
      <c r="JI24" s="141">
        <v>0</v>
      </c>
      <c r="JJ24" s="118">
        <v>0</v>
      </c>
      <c r="JK24" s="119">
        <v>430643</v>
      </c>
      <c r="JL24" s="119">
        <v>176458</v>
      </c>
      <c r="JM24" s="119">
        <v>123477</v>
      </c>
      <c r="JN24" s="119">
        <v>202220</v>
      </c>
      <c r="JO24" s="119">
        <v>0</v>
      </c>
      <c r="JP24" s="120">
        <v>932798</v>
      </c>
      <c r="JQ24" s="320">
        <v>932798</v>
      </c>
      <c r="JR24" s="142">
        <v>0</v>
      </c>
      <c r="JS24" s="119">
        <v>0</v>
      </c>
      <c r="JT24" s="141">
        <v>0</v>
      </c>
      <c r="JU24" s="118">
        <v>0</v>
      </c>
      <c r="JV24" s="119">
        <v>35026</v>
      </c>
      <c r="JW24" s="119">
        <v>157374</v>
      </c>
      <c r="JX24" s="119">
        <v>0</v>
      </c>
      <c r="JY24" s="119">
        <v>0</v>
      </c>
      <c r="JZ24" s="119">
        <v>0</v>
      </c>
      <c r="KA24" s="120">
        <v>192400</v>
      </c>
      <c r="KB24" s="320">
        <v>192400</v>
      </c>
      <c r="KC24" s="234">
        <v>0</v>
      </c>
      <c r="KD24" s="230">
        <v>0</v>
      </c>
      <c r="KE24" s="120">
        <v>0</v>
      </c>
      <c r="KF24" s="118">
        <v>0</v>
      </c>
      <c r="KG24" s="119">
        <v>109822</v>
      </c>
      <c r="KH24" s="119">
        <v>0</v>
      </c>
      <c r="KI24" s="119">
        <v>209143</v>
      </c>
      <c r="KJ24" s="119">
        <v>204837</v>
      </c>
      <c r="KK24" s="119">
        <v>0</v>
      </c>
      <c r="KL24" s="120">
        <v>523802</v>
      </c>
      <c r="KM24" s="143">
        <v>523802</v>
      </c>
      <c r="KN24" s="232">
        <v>0</v>
      </c>
      <c r="KO24" s="236">
        <v>0</v>
      </c>
      <c r="KP24" s="237">
        <v>0</v>
      </c>
      <c r="KQ24" s="140"/>
      <c r="KR24" s="119">
        <v>0</v>
      </c>
      <c r="KS24" s="119">
        <v>0</v>
      </c>
      <c r="KT24" s="119">
        <v>7782</v>
      </c>
      <c r="KU24" s="119">
        <v>218176</v>
      </c>
      <c r="KV24" s="119">
        <v>0</v>
      </c>
      <c r="KW24" s="120">
        <v>225958</v>
      </c>
      <c r="KX24" s="320">
        <v>225958</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634252</v>
      </c>
      <c r="ML24" s="119">
        <v>1101160</v>
      </c>
      <c r="MM24" s="119">
        <v>1329335</v>
      </c>
      <c r="MN24" s="119">
        <v>1025363</v>
      </c>
      <c r="MO24" s="120">
        <v>4090110</v>
      </c>
      <c r="MP24" s="143">
        <v>4090110</v>
      </c>
      <c r="MQ24" s="142">
        <v>0</v>
      </c>
      <c r="MR24" s="119">
        <v>0</v>
      </c>
      <c r="MS24" s="120">
        <v>0</v>
      </c>
      <c r="MT24" s="145"/>
      <c r="MU24" s="119">
        <v>0</v>
      </c>
      <c r="MV24" s="119">
        <v>0</v>
      </c>
      <c r="MW24" s="119">
        <v>408219</v>
      </c>
      <c r="MX24" s="119">
        <v>680402</v>
      </c>
      <c r="MY24" s="119">
        <v>740774</v>
      </c>
      <c r="MZ24" s="120">
        <v>1829395</v>
      </c>
      <c r="NA24" s="143">
        <v>1829395</v>
      </c>
      <c r="NB24" s="142">
        <v>0</v>
      </c>
      <c r="NC24" s="119">
        <v>0</v>
      </c>
      <c r="ND24" s="120">
        <v>0</v>
      </c>
      <c r="NE24" s="145"/>
      <c r="NF24" s="119">
        <v>0</v>
      </c>
      <c r="NG24" s="119">
        <v>634252</v>
      </c>
      <c r="NH24" s="119">
        <v>692941</v>
      </c>
      <c r="NI24" s="119">
        <v>648933</v>
      </c>
      <c r="NJ24" s="119">
        <v>284589</v>
      </c>
      <c r="NK24" s="120">
        <v>2260715</v>
      </c>
      <c r="NL24" s="320">
        <v>2260715</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111546</v>
      </c>
      <c r="OJ24" s="119">
        <v>582531</v>
      </c>
      <c r="OK24" s="141">
        <v>694077</v>
      </c>
      <c r="OL24" s="118">
        <v>0</v>
      </c>
      <c r="OM24" s="119">
        <v>3113852</v>
      </c>
      <c r="ON24" s="119">
        <v>3901379</v>
      </c>
      <c r="OO24" s="119">
        <v>3283219</v>
      </c>
      <c r="OP24" s="119">
        <v>5723273</v>
      </c>
      <c r="OQ24" s="119">
        <v>2401745</v>
      </c>
      <c r="OR24" s="120">
        <v>18423468</v>
      </c>
      <c r="OS24" s="143">
        <v>19117545</v>
      </c>
    </row>
    <row r="25" spans="2:409" ht="21" customHeight="1" x14ac:dyDescent="0.2">
      <c r="B25" s="126" t="s">
        <v>20</v>
      </c>
      <c r="C25" s="110">
        <v>234320</v>
      </c>
      <c r="D25" s="114">
        <v>406266</v>
      </c>
      <c r="E25" s="113">
        <v>640586</v>
      </c>
      <c r="F25" s="110">
        <v>0</v>
      </c>
      <c r="G25" s="114">
        <v>2575463</v>
      </c>
      <c r="H25" s="114">
        <v>3577310</v>
      </c>
      <c r="I25" s="114">
        <v>3293699</v>
      </c>
      <c r="J25" s="114">
        <v>3202556</v>
      </c>
      <c r="K25" s="114">
        <v>1921021</v>
      </c>
      <c r="L25" s="173">
        <v>14570049</v>
      </c>
      <c r="M25" s="116">
        <v>15210635</v>
      </c>
      <c r="N25" s="110">
        <v>80363</v>
      </c>
      <c r="O25" s="114">
        <v>100921</v>
      </c>
      <c r="P25" s="113">
        <v>181284</v>
      </c>
      <c r="Q25" s="110">
        <v>0</v>
      </c>
      <c r="R25" s="114">
        <v>1155784</v>
      </c>
      <c r="S25" s="114">
        <v>1312212</v>
      </c>
      <c r="T25" s="114">
        <v>1086199</v>
      </c>
      <c r="U25" s="114">
        <v>759257</v>
      </c>
      <c r="V25" s="114">
        <v>695261</v>
      </c>
      <c r="W25" s="113">
        <v>5008713</v>
      </c>
      <c r="X25" s="116">
        <v>5189997</v>
      </c>
      <c r="Y25" s="110">
        <v>0</v>
      </c>
      <c r="Z25" s="114">
        <v>0</v>
      </c>
      <c r="AA25" s="113">
        <v>0</v>
      </c>
      <c r="AB25" s="110">
        <v>0</v>
      </c>
      <c r="AC25" s="114">
        <v>280126</v>
      </c>
      <c r="AD25" s="114">
        <v>446259</v>
      </c>
      <c r="AE25" s="114">
        <v>524993</v>
      </c>
      <c r="AF25" s="114">
        <v>348255</v>
      </c>
      <c r="AG25" s="114">
        <v>407865</v>
      </c>
      <c r="AH25" s="113">
        <v>2007498</v>
      </c>
      <c r="AI25" s="116">
        <v>2007498</v>
      </c>
      <c r="AJ25" s="110">
        <v>0</v>
      </c>
      <c r="AK25" s="114">
        <v>0</v>
      </c>
      <c r="AL25" s="113">
        <v>0</v>
      </c>
      <c r="AM25" s="110">
        <v>0</v>
      </c>
      <c r="AN25" s="114">
        <v>0</v>
      </c>
      <c r="AO25" s="114">
        <v>41452</v>
      </c>
      <c r="AP25" s="114">
        <v>0</v>
      </c>
      <c r="AQ25" s="114">
        <v>93778</v>
      </c>
      <c r="AR25" s="114">
        <v>133071</v>
      </c>
      <c r="AS25" s="113">
        <v>268301</v>
      </c>
      <c r="AT25" s="116">
        <v>268301</v>
      </c>
      <c r="AU25" s="110">
        <v>43375</v>
      </c>
      <c r="AV25" s="114">
        <v>52662</v>
      </c>
      <c r="AW25" s="113">
        <v>96037</v>
      </c>
      <c r="AX25" s="110">
        <v>0</v>
      </c>
      <c r="AY25" s="114">
        <v>600377</v>
      </c>
      <c r="AZ25" s="114">
        <v>467983</v>
      </c>
      <c r="BA25" s="114">
        <v>378228</v>
      </c>
      <c r="BB25" s="114">
        <v>99719</v>
      </c>
      <c r="BC25" s="114">
        <v>49343</v>
      </c>
      <c r="BD25" s="113">
        <v>1595650</v>
      </c>
      <c r="BE25" s="116">
        <v>1691687</v>
      </c>
      <c r="BF25" s="110">
        <v>0</v>
      </c>
      <c r="BG25" s="114">
        <v>42561</v>
      </c>
      <c r="BH25" s="112">
        <v>42561</v>
      </c>
      <c r="BI25" s="111">
        <v>0</v>
      </c>
      <c r="BJ25" s="114">
        <v>143324</v>
      </c>
      <c r="BK25" s="114">
        <v>189141</v>
      </c>
      <c r="BL25" s="114">
        <v>49047</v>
      </c>
      <c r="BM25" s="114">
        <v>47980</v>
      </c>
      <c r="BN25" s="114">
        <v>12155</v>
      </c>
      <c r="BO25" s="113">
        <v>441647</v>
      </c>
      <c r="BP25" s="116">
        <v>484208</v>
      </c>
      <c r="BQ25" s="110">
        <v>36988</v>
      </c>
      <c r="BR25" s="114">
        <v>5698</v>
      </c>
      <c r="BS25" s="113">
        <v>42686</v>
      </c>
      <c r="BT25" s="110">
        <v>0</v>
      </c>
      <c r="BU25" s="114">
        <v>131957</v>
      </c>
      <c r="BV25" s="114">
        <v>167377</v>
      </c>
      <c r="BW25" s="114">
        <v>133931</v>
      </c>
      <c r="BX25" s="114">
        <v>169525</v>
      </c>
      <c r="BY25" s="114">
        <v>92827</v>
      </c>
      <c r="BZ25" s="113">
        <v>695617</v>
      </c>
      <c r="CA25" s="116">
        <v>738303</v>
      </c>
      <c r="CB25" s="110">
        <v>18225</v>
      </c>
      <c r="CC25" s="114">
        <v>72027</v>
      </c>
      <c r="CD25" s="113">
        <v>90252</v>
      </c>
      <c r="CE25" s="110">
        <v>0</v>
      </c>
      <c r="CF25" s="114">
        <v>707311</v>
      </c>
      <c r="CG25" s="114">
        <v>1135195</v>
      </c>
      <c r="CH25" s="114">
        <v>795691</v>
      </c>
      <c r="CI25" s="114">
        <v>402421</v>
      </c>
      <c r="CJ25" s="114">
        <v>473313</v>
      </c>
      <c r="CK25" s="113">
        <v>3513931</v>
      </c>
      <c r="CL25" s="116">
        <v>3604183</v>
      </c>
      <c r="CM25" s="110">
        <v>0</v>
      </c>
      <c r="CN25" s="114">
        <v>0</v>
      </c>
      <c r="CO25" s="113">
        <v>0</v>
      </c>
      <c r="CP25" s="111">
        <v>0</v>
      </c>
      <c r="CQ25" s="114">
        <v>429583</v>
      </c>
      <c r="CR25" s="114">
        <v>572885</v>
      </c>
      <c r="CS25" s="114">
        <v>569567</v>
      </c>
      <c r="CT25" s="114">
        <v>240138</v>
      </c>
      <c r="CU25" s="114">
        <v>303271</v>
      </c>
      <c r="CV25" s="113">
        <v>2115444</v>
      </c>
      <c r="CW25" s="116">
        <v>2115444</v>
      </c>
      <c r="CX25" s="110">
        <v>18225</v>
      </c>
      <c r="CY25" s="114">
        <v>72027</v>
      </c>
      <c r="CZ25" s="113">
        <v>90252</v>
      </c>
      <c r="DA25" s="110">
        <v>0</v>
      </c>
      <c r="DB25" s="114">
        <v>277728</v>
      </c>
      <c r="DC25" s="114">
        <v>562310</v>
      </c>
      <c r="DD25" s="114">
        <v>226124</v>
      </c>
      <c r="DE25" s="114">
        <v>162283</v>
      </c>
      <c r="DF25" s="114">
        <v>170042</v>
      </c>
      <c r="DG25" s="113">
        <v>1398487</v>
      </c>
      <c r="DH25" s="116">
        <v>1488739</v>
      </c>
      <c r="DI25" s="110">
        <v>0</v>
      </c>
      <c r="DJ25" s="114">
        <v>12751</v>
      </c>
      <c r="DK25" s="112">
        <v>12751</v>
      </c>
      <c r="DL25" s="111">
        <v>0</v>
      </c>
      <c r="DM25" s="114">
        <v>193792</v>
      </c>
      <c r="DN25" s="114">
        <v>102591</v>
      </c>
      <c r="DO25" s="114">
        <v>449558</v>
      </c>
      <c r="DP25" s="114">
        <v>650706</v>
      </c>
      <c r="DQ25" s="114">
        <v>0</v>
      </c>
      <c r="DR25" s="113">
        <v>1396647</v>
      </c>
      <c r="DS25" s="116">
        <v>1409398</v>
      </c>
      <c r="DT25" s="110">
        <v>0</v>
      </c>
      <c r="DU25" s="114">
        <v>12751</v>
      </c>
      <c r="DV25" s="113">
        <v>12751</v>
      </c>
      <c r="DW25" s="110">
        <v>0</v>
      </c>
      <c r="DX25" s="114">
        <v>193792</v>
      </c>
      <c r="DY25" s="114">
        <v>42779</v>
      </c>
      <c r="DZ25" s="114">
        <v>409120</v>
      </c>
      <c r="EA25" s="114">
        <v>624818</v>
      </c>
      <c r="EB25" s="114">
        <v>0</v>
      </c>
      <c r="EC25" s="113">
        <v>1270509</v>
      </c>
      <c r="ED25" s="116">
        <v>1283260</v>
      </c>
      <c r="EE25" s="110">
        <v>0</v>
      </c>
      <c r="EF25" s="112">
        <v>0</v>
      </c>
      <c r="EG25" s="113">
        <v>0</v>
      </c>
      <c r="EH25" s="110">
        <v>0</v>
      </c>
      <c r="EI25" s="114">
        <v>0</v>
      </c>
      <c r="EJ25" s="114">
        <v>59812</v>
      </c>
      <c r="EK25" s="114">
        <v>40438</v>
      </c>
      <c r="EL25" s="114">
        <v>25888</v>
      </c>
      <c r="EM25" s="114">
        <v>0</v>
      </c>
      <c r="EN25" s="112">
        <v>126138</v>
      </c>
      <c r="EO25" s="116">
        <v>126138</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34391</v>
      </c>
      <c r="FM25" s="114">
        <v>141582</v>
      </c>
      <c r="FN25" s="113">
        <v>175973</v>
      </c>
      <c r="FO25" s="110">
        <v>0</v>
      </c>
      <c r="FP25" s="114">
        <v>374654</v>
      </c>
      <c r="FQ25" s="114">
        <v>417648</v>
      </c>
      <c r="FR25" s="114">
        <v>436548</v>
      </c>
      <c r="FS25" s="114">
        <v>182658</v>
      </c>
      <c r="FT25" s="114">
        <v>240303</v>
      </c>
      <c r="FU25" s="113">
        <v>1651811</v>
      </c>
      <c r="FV25" s="116">
        <v>1827784</v>
      </c>
      <c r="FW25" s="115">
        <v>34391</v>
      </c>
      <c r="FX25" s="114">
        <v>68782</v>
      </c>
      <c r="FY25" s="112">
        <v>103173</v>
      </c>
      <c r="FZ25" s="111">
        <v>0</v>
      </c>
      <c r="GA25" s="114">
        <v>224224</v>
      </c>
      <c r="GB25" s="114">
        <v>396858</v>
      </c>
      <c r="GC25" s="114">
        <v>305298</v>
      </c>
      <c r="GD25" s="114">
        <v>155988</v>
      </c>
      <c r="GE25" s="114">
        <v>164073</v>
      </c>
      <c r="GF25" s="113">
        <v>1246441</v>
      </c>
      <c r="GG25" s="318">
        <v>1349614</v>
      </c>
      <c r="GH25" s="115">
        <v>0</v>
      </c>
      <c r="GI25" s="114">
        <v>0</v>
      </c>
      <c r="GJ25" s="112">
        <v>0</v>
      </c>
      <c r="GK25" s="111">
        <v>0</v>
      </c>
      <c r="GL25" s="114">
        <v>11340</v>
      </c>
      <c r="GM25" s="114">
        <v>20790</v>
      </c>
      <c r="GN25" s="114">
        <v>19250</v>
      </c>
      <c r="GO25" s="114">
        <v>26670</v>
      </c>
      <c r="GP25" s="114">
        <v>0</v>
      </c>
      <c r="GQ25" s="113">
        <v>78050</v>
      </c>
      <c r="GR25" s="116">
        <v>78050</v>
      </c>
      <c r="GS25" s="110">
        <v>0</v>
      </c>
      <c r="GT25" s="114">
        <v>72800</v>
      </c>
      <c r="GU25" s="113">
        <v>72800</v>
      </c>
      <c r="GV25" s="110">
        <v>0</v>
      </c>
      <c r="GW25" s="114">
        <v>139090</v>
      </c>
      <c r="GX25" s="114">
        <v>0</v>
      </c>
      <c r="GY25" s="114">
        <v>112000</v>
      </c>
      <c r="GZ25" s="114">
        <v>0</v>
      </c>
      <c r="HA25" s="114">
        <v>76230</v>
      </c>
      <c r="HB25" s="112">
        <v>327320</v>
      </c>
      <c r="HC25" s="116">
        <v>400120</v>
      </c>
      <c r="HD25" s="110">
        <v>101341</v>
      </c>
      <c r="HE25" s="114">
        <v>78985</v>
      </c>
      <c r="HF25" s="112">
        <v>180326</v>
      </c>
      <c r="HG25" s="111">
        <v>0</v>
      </c>
      <c r="HH25" s="114">
        <v>143922</v>
      </c>
      <c r="HI25" s="114">
        <v>609664</v>
      </c>
      <c r="HJ25" s="114">
        <v>525703</v>
      </c>
      <c r="HK25" s="114">
        <v>1207514</v>
      </c>
      <c r="HL25" s="114">
        <v>512144</v>
      </c>
      <c r="HM25" s="113">
        <v>2998947</v>
      </c>
      <c r="HN25" s="109">
        <v>3179273</v>
      </c>
      <c r="HO25" s="328"/>
      <c r="HP25" s="329"/>
      <c r="HQ25" s="330"/>
      <c r="HR25" s="331"/>
      <c r="HS25" s="329"/>
      <c r="HT25" s="329"/>
      <c r="HU25" s="329"/>
      <c r="HV25" s="329"/>
      <c r="HW25" s="329"/>
      <c r="HX25" s="332"/>
      <c r="HY25" s="333"/>
      <c r="HZ25" s="131">
        <v>0</v>
      </c>
      <c r="IA25" s="132">
        <v>64157</v>
      </c>
      <c r="IB25" s="133">
        <v>64157</v>
      </c>
      <c r="IC25" s="146">
        <v>0</v>
      </c>
      <c r="ID25" s="132">
        <v>532006</v>
      </c>
      <c r="IE25" s="147">
        <v>746405</v>
      </c>
      <c r="IF25" s="133">
        <v>551913</v>
      </c>
      <c r="IG25" s="132">
        <v>24390</v>
      </c>
      <c r="IH25" s="133">
        <v>344493</v>
      </c>
      <c r="II25" s="148">
        <v>2199207</v>
      </c>
      <c r="IJ25" s="139">
        <v>2263364</v>
      </c>
      <c r="IK25" s="232">
        <v>0</v>
      </c>
      <c r="IL25" s="236">
        <v>0</v>
      </c>
      <c r="IM25" s="237">
        <v>0</v>
      </c>
      <c r="IN25" s="140"/>
      <c r="IO25" s="119">
        <v>0</v>
      </c>
      <c r="IP25" s="119">
        <v>314574</v>
      </c>
      <c r="IQ25" s="119">
        <v>0</v>
      </c>
      <c r="IR25" s="119">
        <v>0</v>
      </c>
      <c r="IS25" s="119">
        <v>0</v>
      </c>
      <c r="IT25" s="141">
        <v>314574</v>
      </c>
      <c r="IU25" s="320">
        <v>314574</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162993</v>
      </c>
      <c r="JL25" s="119">
        <v>212904</v>
      </c>
      <c r="JM25" s="119">
        <v>5584</v>
      </c>
      <c r="JN25" s="119">
        <v>24390</v>
      </c>
      <c r="JO25" s="119">
        <v>0</v>
      </c>
      <c r="JP25" s="120">
        <v>405871</v>
      </c>
      <c r="JQ25" s="320">
        <v>405871</v>
      </c>
      <c r="JR25" s="142">
        <v>0</v>
      </c>
      <c r="JS25" s="119">
        <v>0</v>
      </c>
      <c r="JT25" s="141">
        <v>0</v>
      </c>
      <c r="JU25" s="118">
        <v>0</v>
      </c>
      <c r="JV25" s="119">
        <v>65956</v>
      </c>
      <c r="JW25" s="119">
        <v>0</v>
      </c>
      <c r="JX25" s="119">
        <v>0</v>
      </c>
      <c r="JY25" s="119">
        <v>0</v>
      </c>
      <c r="JZ25" s="119">
        <v>103019</v>
      </c>
      <c r="KA25" s="120">
        <v>168975</v>
      </c>
      <c r="KB25" s="320">
        <v>168975</v>
      </c>
      <c r="KC25" s="234">
        <v>0</v>
      </c>
      <c r="KD25" s="230">
        <v>64157</v>
      </c>
      <c r="KE25" s="120">
        <v>64157</v>
      </c>
      <c r="KF25" s="118">
        <v>0</v>
      </c>
      <c r="KG25" s="119">
        <v>93132</v>
      </c>
      <c r="KH25" s="119">
        <v>0</v>
      </c>
      <c r="KI25" s="119">
        <v>319021</v>
      </c>
      <c r="KJ25" s="119">
        <v>0</v>
      </c>
      <c r="KK25" s="119">
        <v>0</v>
      </c>
      <c r="KL25" s="120">
        <v>412153</v>
      </c>
      <c r="KM25" s="143">
        <v>476310</v>
      </c>
      <c r="KN25" s="232">
        <v>0</v>
      </c>
      <c r="KO25" s="236">
        <v>0</v>
      </c>
      <c r="KP25" s="237">
        <v>0</v>
      </c>
      <c r="KQ25" s="140"/>
      <c r="KR25" s="119">
        <v>209925</v>
      </c>
      <c r="KS25" s="119">
        <v>218927</v>
      </c>
      <c r="KT25" s="119">
        <v>227308</v>
      </c>
      <c r="KU25" s="119">
        <v>0</v>
      </c>
      <c r="KV25" s="119">
        <v>241474</v>
      </c>
      <c r="KW25" s="120">
        <v>897634</v>
      </c>
      <c r="KX25" s="320">
        <v>897634</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196239</v>
      </c>
      <c r="MK25" s="119">
        <v>671255</v>
      </c>
      <c r="ML25" s="119">
        <v>500245</v>
      </c>
      <c r="MM25" s="119">
        <v>2118387</v>
      </c>
      <c r="MN25" s="119">
        <v>1302619</v>
      </c>
      <c r="MO25" s="120">
        <v>4788745</v>
      </c>
      <c r="MP25" s="143">
        <v>4788745</v>
      </c>
      <c r="MQ25" s="142">
        <v>0</v>
      </c>
      <c r="MR25" s="119">
        <v>0</v>
      </c>
      <c r="MS25" s="120">
        <v>0</v>
      </c>
      <c r="MT25" s="145"/>
      <c r="MU25" s="119">
        <v>0</v>
      </c>
      <c r="MV25" s="119">
        <v>219900</v>
      </c>
      <c r="MW25" s="119">
        <v>94784</v>
      </c>
      <c r="MX25" s="119">
        <v>1269522</v>
      </c>
      <c r="MY25" s="119">
        <v>1302619</v>
      </c>
      <c r="MZ25" s="120">
        <v>2886825</v>
      </c>
      <c r="NA25" s="143">
        <v>2886825</v>
      </c>
      <c r="NB25" s="142">
        <v>0</v>
      </c>
      <c r="NC25" s="119">
        <v>0</v>
      </c>
      <c r="ND25" s="120">
        <v>0</v>
      </c>
      <c r="NE25" s="145"/>
      <c r="NF25" s="119">
        <v>196239</v>
      </c>
      <c r="NG25" s="119">
        <v>451355</v>
      </c>
      <c r="NH25" s="119">
        <v>405461</v>
      </c>
      <c r="NI25" s="119">
        <v>848865</v>
      </c>
      <c r="NJ25" s="119">
        <v>0</v>
      </c>
      <c r="NK25" s="120">
        <v>1901920</v>
      </c>
      <c r="NL25" s="320">
        <v>1901920</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234320</v>
      </c>
      <c r="OJ25" s="119">
        <v>470423</v>
      </c>
      <c r="OK25" s="141">
        <v>704743</v>
      </c>
      <c r="OL25" s="118">
        <v>0</v>
      </c>
      <c r="OM25" s="119">
        <v>3303708</v>
      </c>
      <c r="ON25" s="119">
        <v>4994970</v>
      </c>
      <c r="OO25" s="119">
        <v>4345857</v>
      </c>
      <c r="OP25" s="119">
        <v>5345333</v>
      </c>
      <c r="OQ25" s="119">
        <v>3568133</v>
      </c>
      <c r="OR25" s="120">
        <v>21558001</v>
      </c>
      <c r="OS25" s="143">
        <v>22262744</v>
      </c>
    </row>
    <row r="26" spans="2:409" ht="21" customHeight="1" x14ac:dyDescent="0.2">
      <c r="B26" s="126" t="s">
        <v>21</v>
      </c>
      <c r="C26" s="110">
        <v>502204</v>
      </c>
      <c r="D26" s="114">
        <v>207548</v>
      </c>
      <c r="E26" s="113">
        <v>709752</v>
      </c>
      <c r="F26" s="109">
        <v>0</v>
      </c>
      <c r="G26" s="114">
        <v>3169679</v>
      </c>
      <c r="H26" s="114">
        <v>2957042</v>
      </c>
      <c r="I26" s="114">
        <v>3196102</v>
      </c>
      <c r="J26" s="114">
        <v>2607178</v>
      </c>
      <c r="K26" s="114">
        <v>1917719</v>
      </c>
      <c r="L26" s="173">
        <v>13847720</v>
      </c>
      <c r="M26" s="116">
        <v>14557472</v>
      </c>
      <c r="N26" s="110">
        <v>143968</v>
      </c>
      <c r="O26" s="114">
        <v>57993</v>
      </c>
      <c r="P26" s="113">
        <v>201961</v>
      </c>
      <c r="Q26" s="110">
        <v>0</v>
      </c>
      <c r="R26" s="114">
        <v>913822</v>
      </c>
      <c r="S26" s="114">
        <v>1336528</v>
      </c>
      <c r="T26" s="114">
        <v>1011784</v>
      </c>
      <c r="U26" s="114">
        <v>1035245</v>
      </c>
      <c r="V26" s="114">
        <v>1247772</v>
      </c>
      <c r="W26" s="113">
        <v>5545151</v>
      </c>
      <c r="X26" s="116">
        <v>5747112</v>
      </c>
      <c r="Y26" s="110">
        <v>0</v>
      </c>
      <c r="Z26" s="114">
        <v>0</v>
      </c>
      <c r="AA26" s="113">
        <v>0</v>
      </c>
      <c r="AB26" s="110">
        <v>0</v>
      </c>
      <c r="AC26" s="114">
        <v>388500</v>
      </c>
      <c r="AD26" s="114">
        <v>645900</v>
      </c>
      <c r="AE26" s="114">
        <v>478987</v>
      </c>
      <c r="AF26" s="114">
        <v>573814</v>
      </c>
      <c r="AG26" s="114">
        <v>764055</v>
      </c>
      <c r="AH26" s="113">
        <v>2851256</v>
      </c>
      <c r="AI26" s="116">
        <v>2851256</v>
      </c>
      <c r="AJ26" s="110">
        <v>0</v>
      </c>
      <c r="AK26" s="114">
        <v>0</v>
      </c>
      <c r="AL26" s="113">
        <v>0</v>
      </c>
      <c r="AM26" s="110">
        <v>0</v>
      </c>
      <c r="AN26" s="114">
        <v>0</v>
      </c>
      <c r="AO26" s="114">
        <v>10364</v>
      </c>
      <c r="AP26" s="114">
        <v>41452</v>
      </c>
      <c r="AQ26" s="114">
        <v>93279</v>
      </c>
      <c r="AR26" s="114">
        <v>123734</v>
      </c>
      <c r="AS26" s="113">
        <v>268829</v>
      </c>
      <c r="AT26" s="116">
        <v>268829</v>
      </c>
      <c r="AU26" s="110">
        <v>79054</v>
      </c>
      <c r="AV26" s="114">
        <v>40654</v>
      </c>
      <c r="AW26" s="113">
        <v>119708</v>
      </c>
      <c r="AX26" s="110">
        <v>0</v>
      </c>
      <c r="AY26" s="114">
        <v>303849</v>
      </c>
      <c r="AZ26" s="114">
        <v>399436</v>
      </c>
      <c r="BA26" s="114">
        <v>293889</v>
      </c>
      <c r="BB26" s="114">
        <v>179113</v>
      </c>
      <c r="BC26" s="114">
        <v>271617</v>
      </c>
      <c r="BD26" s="113">
        <v>1447904</v>
      </c>
      <c r="BE26" s="116">
        <v>1567612</v>
      </c>
      <c r="BF26" s="110">
        <v>18196</v>
      </c>
      <c r="BG26" s="114">
        <v>0</v>
      </c>
      <c r="BH26" s="112">
        <v>18196</v>
      </c>
      <c r="BI26" s="111">
        <v>0</v>
      </c>
      <c r="BJ26" s="114">
        <v>0</v>
      </c>
      <c r="BK26" s="114">
        <v>18314</v>
      </c>
      <c r="BL26" s="114">
        <v>0</v>
      </c>
      <c r="BM26" s="114">
        <v>54373</v>
      </c>
      <c r="BN26" s="114">
        <v>28026</v>
      </c>
      <c r="BO26" s="113">
        <v>100713</v>
      </c>
      <c r="BP26" s="116">
        <v>118909</v>
      </c>
      <c r="BQ26" s="110">
        <v>46718</v>
      </c>
      <c r="BR26" s="114">
        <v>17339</v>
      </c>
      <c r="BS26" s="113">
        <v>64057</v>
      </c>
      <c r="BT26" s="110">
        <v>0</v>
      </c>
      <c r="BU26" s="114">
        <v>221473</v>
      </c>
      <c r="BV26" s="114">
        <v>262514</v>
      </c>
      <c r="BW26" s="114">
        <v>197456</v>
      </c>
      <c r="BX26" s="114">
        <v>134666</v>
      </c>
      <c r="BY26" s="114">
        <v>60340</v>
      </c>
      <c r="BZ26" s="113">
        <v>876449</v>
      </c>
      <c r="CA26" s="116">
        <v>940506</v>
      </c>
      <c r="CB26" s="110">
        <v>17908</v>
      </c>
      <c r="CC26" s="114">
        <v>0</v>
      </c>
      <c r="CD26" s="113">
        <v>17908</v>
      </c>
      <c r="CE26" s="110">
        <v>0</v>
      </c>
      <c r="CF26" s="114">
        <v>733889</v>
      </c>
      <c r="CG26" s="114">
        <v>736708</v>
      </c>
      <c r="CH26" s="114">
        <v>216301</v>
      </c>
      <c r="CI26" s="114">
        <v>169062</v>
      </c>
      <c r="CJ26" s="114">
        <v>325567</v>
      </c>
      <c r="CK26" s="113">
        <v>2181527</v>
      </c>
      <c r="CL26" s="116">
        <v>2199435</v>
      </c>
      <c r="CM26" s="110">
        <v>0</v>
      </c>
      <c r="CN26" s="114">
        <v>0</v>
      </c>
      <c r="CO26" s="113">
        <v>0</v>
      </c>
      <c r="CP26" s="111">
        <v>0</v>
      </c>
      <c r="CQ26" s="114">
        <v>733889</v>
      </c>
      <c r="CR26" s="114">
        <v>544525</v>
      </c>
      <c r="CS26" s="114">
        <v>216301</v>
      </c>
      <c r="CT26" s="114">
        <v>169062</v>
      </c>
      <c r="CU26" s="114">
        <v>192879</v>
      </c>
      <c r="CV26" s="113">
        <v>1856656</v>
      </c>
      <c r="CW26" s="116">
        <v>1856656</v>
      </c>
      <c r="CX26" s="110">
        <v>17908</v>
      </c>
      <c r="CY26" s="114">
        <v>0</v>
      </c>
      <c r="CZ26" s="113">
        <v>17908</v>
      </c>
      <c r="DA26" s="110">
        <v>0</v>
      </c>
      <c r="DB26" s="114">
        <v>0</v>
      </c>
      <c r="DC26" s="114">
        <v>192183</v>
      </c>
      <c r="DD26" s="114">
        <v>0</v>
      </c>
      <c r="DE26" s="114">
        <v>0</v>
      </c>
      <c r="DF26" s="114">
        <v>132688</v>
      </c>
      <c r="DG26" s="113">
        <v>324871</v>
      </c>
      <c r="DH26" s="116">
        <v>342779</v>
      </c>
      <c r="DI26" s="110">
        <v>0</v>
      </c>
      <c r="DJ26" s="114">
        <v>39398</v>
      </c>
      <c r="DK26" s="112">
        <v>39398</v>
      </c>
      <c r="DL26" s="111">
        <v>0</v>
      </c>
      <c r="DM26" s="114">
        <v>199790</v>
      </c>
      <c r="DN26" s="114">
        <v>39384</v>
      </c>
      <c r="DO26" s="114">
        <v>622502</v>
      </c>
      <c r="DP26" s="114">
        <v>196981</v>
      </c>
      <c r="DQ26" s="114">
        <v>232779</v>
      </c>
      <c r="DR26" s="113">
        <v>1291436</v>
      </c>
      <c r="DS26" s="116">
        <v>1330834</v>
      </c>
      <c r="DT26" s="110">
        <v>0</v>
      </c>
      <c r="DU26" s="114">
        <v>39398</v>
      </c>
      <c r="DV26" s="113">
        <v>39398</v>
      </c>
      <c r="DW26" s="110">
        <v>0</v>
      </c>
      <c r="DX26" s="114">
        <v>199790</v>
      </c>
      <c r="DY26" s="114">
        <v>39384</v>
      </c>
      <c r="DZ26" s="114">
        <v>622502</v>
      </c>
      <c r="EA26" s="114">
        <v>167742</v>
      </c>
      <c r="EB26" s="114">
        <v>232779</v>
      </c>
      <c r="EC26" s="113">
        <v>1262197</v>
      </c>
      <c r="ED26" s="116">
        <v>1301595</v>
      </c>
      <c r="EE26" s="110">
        <v>0</v>
      </c>
      <c r="EF26" s="112">
        <v>0</v>
      </c>
      <c r="EG26" s="113">
        <v>0</v>
      </c>
      <c r="EH26" s="110">
        <v>0</v>
      </c>
      <c r="EI26" s="114">
        <v>0</v>
      </c>
      <c r="EJ26" s="114">
        <v>0</v>
      </c>
      <c r="EK26" s="114">
        <v>0</v>
      </c>
      <c r="EL26" s="114">
        <v>29239</v>
      </c>
      <c r="EM26" s="114">
        <v>0</v>
      </c>
      <c r="EN26" s="112">
        <v>29239</v>
      </c>
      <c r="EO26" s="116">
        <v>29239</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242914</v>
      </c>
      <c r="FM26" s="114">
        <v>27006</v>
      </c>
      <c r="FN26" s="113">
        <v>269920</v>
      </c>
      <c r="FO26" s="110">
        <v>0</v>
      </c>
      <c r="FP26" s="114">
        <v>106960</v>
      </c>
      <c r="FQ26" s="114">
        <v>364028</v>
      </c>
      <c r="FR26" s="114">
        <v>97286</v>
      </c>
      <c r="FS26" s="114">
        <v>230104</v>
      </c>
      <c r="FT26" s="114">
        <v>111601</v>
      </c>
      <c r="FU26" s="113">
        <v>909979</v>
      </c>
      <c r="FV26" s="116">
        <v>1179899</v>
      </c>
      <c r="FW26" s="115">
        <v>43624</v>
      </c>
      <c r="FX26" s="114">
        <v>27006</v>
      </c>
      <c r="FY26" s="112">
        <v>70630</v>
      </c>
      <c r="FZ26" s="111">
        <v>0</v>
      </c>
      <c r="GA26" s="114">
        <v>53060</v>
      </c>
      <c r="GB26" s="114">
        <v>342083</v>
      </c>
      <c r="GC26" s="114">
        <v>97286</v>
      </c>
      <c r="GD26" s="114">
        <v>182938</v>
      </c>
      <c r="GE26" s="114">
        <v>111601</v>
      </c>
      <c r="GF26" s="113">
        <v>786968</v>
      </c>
      <c r="GG26" s="318">
        <v>857598</v>
      </c>
      <c r="GH26" s="115">
        <v>0</v>
      </c>
      <c r="GI26" s="114">
        <v>0</v>
      </c>
      <c r="GJ26" s="112">
        <v>0</v>
      </c>
      <c r="GK26" s="111">
        <v>0</v>
      </c>
      <c r="GL26" s="114">
        <v>0</v>
      </c>
      <c r="GM26" s="114">
        <v>21945</v>
      </c>
      <c r="GN26" s="114">
        <v>0</v>
      </c>
      <c r="GO26" s="114">
        <v>16016</v>
      </c>
      <c r="GP26" s="114">
        <v>0</v>
      </c>
      <c r="GQ26" s="113">
        <v>37961</v>
      </c>
      <c r="GR26" s="116">
        <v>37961</v>
      </c>
      <c r="GS26" s="110">
        <v>199290</v>
      </c>
      <c r="GT26" s="114">
        <v>0</v>
      </c>
      <c r="GU26" s="113">
        <v>199290</v>
      </c>
      <c r="GV26" s="110">
        <v>0</v>
      </c>
      <c r="GW26" s="114">
        <v>53900</v>
      </c>
      <c r="GX26" s="114">
        <v>0</v>
      </c>
      <c r="GY26" s="114">
        <v>0</v>
      </c>
      <c r="GZ26" s="114">
        <v>31150</v>
      </c>
      <c r="HA26" s="114">
        <v>0</v>
      </c>
      <c r="HB26" s="112">
        <v>85050</v>
      </c>
      <c r="HC26" s="116">
        <v>284340</v>
      </c>
      <c r="HD26" s="110">
        <v>97414</v>
      </c>
      <c r="HE26" s="114">
        <v>83151</v>
      </c>
      <c r="HF26" s="112">
        <v>180565</v>
      </c>
      <c r="HG26" s="111">
        <v>0</v>
      </c>
      <c r="HH26" s="114">
        <v>1215218</v>
      </c>
      <c r="HI26" s="114">
        <v>480394</v>
      </c>
      <c r="HJ26" s="114">
        <v>1248229</v>
      </c>
      <c r="HK26" s="114">
        <v>975786</v>
      </c>
      <c r="HL26" s="114">
        <v>0</v>
      </c>
      <c r="HM26" s="113">
        <v>3919627</v>
      </c>
      <c r="HN26" s="109">
        <v>4100192</v>
      </c>
      <c r="HO26" s="328"/>
      <c r="HP26" s="329"/>
      <c r="HQ26" s="330"/>
      <c r="HR26" s="331"/>
      <c r="HS26" s="329"/>
      <c r="HT26" s="329"/>
      <c r="HU26" s="329"/>
      <c r="HV26" s="329"/>
      <c r="HW26" s="329"/>
      <c r="HX26" s="332"/>
      <c r="HY26" s="333"/>
      <c r="HZ26" s="150">
        <v>0</v>
      </c>
      <c r="IA26" s="135">
        <v>0</v>
      </c>
      <c r="IB26" s="150">
        <v>0</v>
      </c>
      <c r="IC26" s="134">
        <v>0</v>
      </c>
      <c r="ID26" s="135">
        <v>673051</v>
      </c>
      <c r="IE26" s="136">
        <v>359977</v>
      </c>
      <c r="IF26" s="137">
        <v>424164</v>
      </c>
      <c r="IG26" s="135">
        <v>813702</v>
      </c>
      <c r="IH26" s="137">
        <v>233830</v>
      </c>
      <c r="II26" s="138">
        <v>2504724</v>
      </c>
      <c r="IJ26" s="150">
        <v>2504724</v>
      </c>
      <c r="IK26" s="232">
        <v>0</v>
      </c>
      <c r="IL26" s="236">
        <v>0</v>
      </c>
      <c r="IM26" s="237">
        <v>0</v>
      </c>
      <c r="IN26" s="140"/>
      <c r="IO26" s="119">
        <v>0</v>
      </c>
      <c r="IP26" s="119">
        <v>0</v>
      </c>
      <c r="IQ26" s="119">
        <v>0</v>
      </c>
      <c r="IR26" s="119">
        <v>0</v>
      </c>
      <c r="IS26" s="119">
        <v>0</v>
      </c>
      <c r="IT26" s="141">
        <v>0</v>
      </c>
      <c r="IU26" s="320">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72475</v>
      </c>
      <c r="JL26" s="119">
        <v>142664</v>
      </c>
      <c r="JM26" s="119">
        <v>200552</v>
      </c>
      <c r="JN26" s="119">
        <v>133020</v>
      </c>
      <c r="JO26" s="119">
        <v>0</v>
      </c>
      <c r="JP26" s="120">
        <v>848711</v>
      </c>
      <c r="JQ26" s="320">
        <v>848711</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93043</v>
      </c>
      <c r="KH26" s="119">
        <v>0</v>
      </c>
      <c r="KI26" s="119">
        <v>0</v>
      </c>
      <c r="KJ26" s="119">
        <v>223137</v>
      </c>
      <c r="KK26" s="119">
        <v>0</v>
      </c>
      <c r="KL26" s="120">
        <v>316180</v>
      </c>
      <c r="KM26" s="143">
        <v>316180</v>
      </c>
      <c r="KN26" s="232">
        <v>0</v>
      </c>
      <c r="KO26" s="236">
        <v>0</v>
      </c>
      <c r="KP26" s="237">
        <v>0</v>
      </c>
      <c r="KQ26" s="140"/>
      <c r="KR26" s="119">
        <v>207533</v>
      </c>
      <c r="KS26" s="119">
        <v>217313</v>
      </c>
      <c r="KT26" s="119">
        <v>223612</v>
      </c>
      <c r="KU26" s="119">
        <v>457545</v>
      </c>
      <c r="KV26" s="119">
        <v>233830</v>
      </c>
      <c r="KW26" s="120">
        <v>1339833</v>
      </c>
      <c r="KX26" s="320">
        <v>1339833</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670257</v>
      </c>
      <c r="ML26" s="119">
        <v>774634</v>
      </c>
      <c r="MM26" s="119">
        <v>1000191</v>
      </c>
      <c r="MN26" s="119">
        <v>2444339</v>
      </c>
      <c r="MO26" s="120">
        <v>4889421</v>
      </c>
      <c r="MP26" s="143">
        <v>4889421</v>
      </c>
      <c r="MQ26" s="142">
        <v>0</v>
      </c>
      <c r="MR26" s="119">
        <v>0</v>
      </c>
      <c r="MS26" s="120">
        <v>0</v>
      </c>
      <c r="MT26" s="145"/>
      <c r="MU26" s="119">
        <v>0</v>
      </c>
      <c r="MV26" s="119">
        <v>0</v>
      </c>
      <c r="MW26" s="119">
        <v>540620</v>
      </c>
      <c r="MX26" s="119">
        <v>465386</v>
      </c>
      <c r="MY26" s="119">
        <v>1537378</v>
      </c>
      <c r="MZ26" s="120">
        <v>2543384</v>
      </c>
      <c r="NA26" s="143">
        <v>2543384</v>
      </c>
      <c r="NB26" s="142">
        <v>0</v>
      </c>
      <c r="NC26" s="119">
        <v>0</v>
      </c>
      <c r="ND26" s="120">
        <v>0</v>
      </c>
      <c r="NE26" s="145"/>
      <c r="NF26" s="119">
        <v>0</v>
      </c>
      <c r="NG26" s="119">
        <v>670257</v>
      </c>
      <c r="NH26" s="119">
        <v>234014</v>
      </c>
      <c r="NI26" s="119">
        <v>534805</v>
      </c>
      <c r="NJ26" s="119">
        <v>264567</v>
      </c>
      <c r="NK26" s="120">
        <v>1703643</v>
      </c>
      <c r="NL26" s="320">
        <v>1703643</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642394</v>
      </c>
      <c r="OG26" s="120">
        <v>642394</v>
      </c>
      <c r="OH26" s="121">
        <v>642394</v>
      </c>
      <c r="OI26" s="142">
        <v>502204</v>
      </c>
      <c r="OJ26" s="119">
        <v>207548</v>
      </c>
      <c r="OK26" s="141">
        <v>709752</v>
      </c>
      <c r="OL26" s="118">
        <v>0</v>
      </c>
      <c r="OM26" s="119">
        <v>3842730</v>
      </c>
      <c r="ON26" s="119">
        <v>3987276</v>
      </c>
      <c r="OO26" s="119">
        <v>4394900</v>
      </c>
      <c r="OP26" s="119">
        <v>4421071</v>
      </c>
      <c r="OQ26" s="119">
        <v>4595888</v>
      </c>
      <c r="OR26" s="120">
        <v>21241865</v>
      </c>
      <c r="OS26" s="143">
        <v>21951617</v>
      </c>
    </row>
    <row r="27" spans="2:409" ht="21" customHeight="1" x14ac:dyDescent="0.2">
      <c r="B27" s="126" t="s">
        <v>22</v>
      </c>
      <c r="C27" s="110">
        <v>60487</v>
      </c>
      <c r="D27" s="114">
        <v>79506</v>
      </c>
      <c r="E27" s="113">
        <v>139993</v>
      </c>
      <c r="F27" s="109">
        <v>0</v>
      </c>
      <c r="G27" s="114">
        <v>1484582</v>
      </c>
      <c r="H27" s="114">
        <v>744703</v>
      </c>
      <c r="I27" s="114">
        <v>976732</v>
      </c>
      <c r="J27" s="114">
        <v>1493337</v>
      </c>
      <c r="K27" s="114">
        <v>1468823</v>
      </c>
      <c r="L27" s="173">
        <v>6168177</v>
      </c>
      <c r="M27" s="116">
        <v>6308170</v>
      </c>
      <c r="N27" s="110">
        <v>0</v>
      </c>
      <c r="O27" s="114">
        <v>40726</v>
      </c>
      <c r="P27" s="113">
        <v>40726</v>
      </c>
      <c r="Q27" s="110">
        <v>0</v>
      </c>
      <c r="R27" s="114">
        <v>370811</v>
      </c>
      <c r="S27" s="114">
        <v>125328</v>
      </c>
      <c r="T27" s="114">
        <v>193563</v>
      </c>
      <c r="U27" s="114">
        <v>259066</v>
      </c>
      <c r="V27" s="114">
        <v>847926</v>
      </c>
      <c r="W27" s="113">
        <v>1796694</v>
      </c>
      <c r="X27" s="116">
        <v>1837420</v>
      </c>
      <c r="Y27" s="110">
        <v>0</v>
      </c>
      <c r="Z27" s="114">
        <v>0</v>
      </c>
      <c r="AA27" s="113">
        <v>0</v>
      </c>
      <c r="AB27" s="110">
        <v>0</v>
      </c>
      <c r="AC27" s="114">
        <v>108612</v>
      </c>
      <c r="AD27" s="114">
        <v>0</v>
      </c>
      <c r="AE27" s="114">
        <v>146871</v>
      </c>
      <c r="AF27" s="114">
        <v>54259</v>
      </c>
      <c r="AG27" s="114">
        <v>345156</v>
      </c>
      <c r="AH27" s="113">
        <v>654898</v>
      </c>
      <c r="AI27" s="116">
        <v>654898</v>
      </c>
      <c r="AJ27" s="110">
        <v>0</v>
      </c>
      <c r="AK27" s="114">
        <v>0</v>
      </c>
      <c r="AL27" s="113">
        <v>0</v>
      </c>
      <c r="AM27" s="110">
        <v>0</v>
      </c>
      <c r="AN27" s="114">
        <v>0</v>
      </c>
      <c r="AO27" s="114">
        <v>0</v>
      </c>
      <c r="AP27" s="114">
        <v>0</v>
      </c>
      <c r="AQ27" s="114">
        <v>0</v>
      </c>
      <c r="AR27" s="114">
        <v>272477</v>
      </c>
      <c r="AS27" s="113">
        <v>272477</v>
      </c>
      <c r="AT27" s="116">
        <v>272477</v>
      </c>
      <c r="AU27" s="110">
        <v>0</v>
      </c>
      <c r="AV27" s="114">
        <v>40726</v>
      </c>
      <c r="AW27" s="113">
        <v>40726</v>
      </c>
      <c r="AX27" s="110">
        <v>0</v>
      </c>
      <c r="AY27" s="114">
        <v>157472</v>
      </c>
      <c r="AZ27" s="114">
        <v>47852</v>
      </c>
      <c r="BA27" s="114">
        <v>19616</v>
      </c>
      <c r="BB27" s="114">
        <v>96069</v>
      </c>
      <c r="BC27" s="114">
        <v>209937</v>
      </c>
      <c r="BD27" s="113">
        <v>530946</v>
      </c>
      <c r="BE27" s="116">
        <v>571672</v>
      </c>
      <c r="BF27" s="110">
        <v>0</v>
      </c>
      <c r="BG27" s="114">
        <v>0</v>
      </c>
      <c r="BH27" s="112">
        <v>0</v>
      </c>
      <c r="BI27" s="111">
        <v>0</v>
      </c>
      <c r="BJ27" s="114">
        <v>53536</v>
      </c>
      <c r="BK27" s="114">
        <v>53536</v>
      </c>
      <c r="BL27" s="114">
        <v>0</v>
      </c>
      <c r="BM27" s="114">
        <v>53536</v>
      </c>
      <c r="BN27" s="114">
        <v>0</v>
      </c>
      <c r="BO27" s="113">
        <v>160608</v>
      </c>
      <c r="BP27" s="116">
        <v>160608</v>
      </c>
      <c r="BQ27" s="110">
        <v>0</v>
      </c>
      <c r="BR27" s="114">
        <v>0</v>
      </c>
      <c r="BS27" s="113">
        <v>0</v>
      </c>
      <c r="BT27" s="110">
        <v>0</v>
      </c>
      <c r="BU27" s="114">
        <v>51191</v>
      </c>
      <c r="BV27" s="114">
        <v>23940</v>
      </c>
      <c r="BW27" s="114">
        <v>27076</v>
      </c>
      <c r="BX27" s="114">
        <v>55202</v>
      </c>
      <c r="BY27" s="114">
        <v>20356</v>
      </c>
      <c r="BZ27" s="113">
        <v>177765</v>
      </c>
      <c r="CA27" s="116">
        <v>177765</v>
      </c>
      <c r="CB27" s="110">
        <v>0</v>
      </c>
      <c r="CC27" s="114">
        <v>0</v>
      </c>
      <c r="CD27" s="113">
        <v>0</v>
      </c>
      <c r="CE27" s="110">
        <v>0</v>
      </c>
      <c r="CF27" s="114">
        <v>357628</v>
      </c>
      <c r="CG27" s="114">
        <v>131698</v>
      </c>
      <c r="CH27" s="114">
        <v>150195</v>
      </c>
      <c r="CI27" s="114">
        <v>322490</v>
      </c>
      <c r="CJ27" s="114">
        <v>166600</v>
      </c>
      <c r="CK27" s="113">
        <v>1128611</v>
      </c>
      <c r="CL27" s="116">
        <v>1128611</v>
      </c>
      <c r="CM27" s="110">
        <v>0</v>
      </c>
      <c r="CN27" s="114">
        <v>0</v>
      </c>
      <c r="CO27" s="113">
        <v>0</v>
      </c>
      <c r="CP27" s="111">
        <v>0</v>
      </c>
      <c r="CQ27" s="114">
        <v>335046</v>
      </c>
      <c r="CR27" s="114">
        <v>131698</v>
      </c>
      <c r="CS27" s="114">
        <v>60867</v>
      </c>
      <c r="CT27" s="114">
        <v>246022</v>
      </c>
      <c r="CU27" s="114">
        <v>166600</v>
      </c>
      <c r="CV27" s="113">
        <v>940233</v>
      </c>
      <c r="CW27" s="116">
        <v>940233</v>
      </c>
      <c r="CX27" s="110">
        <v>0</v>
      </c>
      <c r="CY27" s="114">
        <v>0</v>
      </c>
      <c r="CZ27" s="113">
        <v>0</v>
      </c>
      <c r="DA27" s="110">
        <v>0</v>
      </c>
      <c r="DB27" s="114">
        <v>22582</v>
      </c>
      <c r="DC27" s="114">
        <v>0</v>
      </c>
      <c r="DD27" s="114">
        <v>89328</v>
      </c>
      <c r="DE27" s="114">
        <v>76468</v>
      </c>
      <c r="DF27" s="114">
        <v>0</v>
      </c>
      <c r="DG27" s="113">
        <v>188378</v>
      </c>
      <c r="DH27" s="116">
        <v>188378</v>
      </c>
      <c r="DI27" s="110">
        <v>0</v>
      </c>
      <c r="DJ27" s="114">
        <v>0</v>
      </c>
      <c r="DK27" s="112">
        <v>0</v>
      </c>
      <c r="DL27" s="111">
        <v>0</v>
      </c>
      <c r="DM27" s="114">
        <v>87540</v>
      </c>
      <c r="DN27" s="114">
        <v>0</v>
      </c>
      <c r="DO27" s="114">
        <v>227135</v>
      </c>
      <c r="DP27" s="114">
        <v>94963</v>
      </c>
      <c r="DQ27" s="114">
        <v>0</v>
      </c>
      <c r="DR27" s="113">
        <v>409638</v>
      </c>
      <c r="DS27" s="116">
        <v>409638</v>
      </c>
      <c r="DT27" s="110">
        <v>0</v>
      </c>
      <c r="DU27" s="114">
        <v>0</v>
      </c>
      <c r="DV27" s="113">
        <v>0</v>
      </c>
      <c r="DW27" s="110">
        <v>0</v>
      </c>
      <c r="DX27" s="114">
        <v>87540</v>
      </c>
      <c r="DY27" s="114">
        <v>0</v>
      </c>
      <c r="DZ27" s="114">
        <v>190414</v>
      </c>
      <c r="EA27" s="114">
        <v>94963</v>
      </c>
      <c r="EB27" s="114">
        <v>0</v>
      </c>
      <c r="EC27" s="113">
        <v>372917</v>
      </c>
      <c r="ED27" s="116">
        <v>372917</v>
      </c>
      <c r="EE27" s="110">
        <v>0</v>
      </c>
      <c r="EF27" s="112">
        <v>0</v>
      </c>
      <c r="EG27" s="113">
        <v>0</v>
      </c>
      <c r="EH27" s="110">
        <v>0</v>
      </c>
      <c r="EI27" s="114">
        <v>0</v>
      </c>
      <c r="EJ27" s="114">
        <v>0</v>
      </c>
      <c r="EK27" s="114">
        <v>36721</v>
      </c>
      <c r="EL27" s="114">
        <v>0</v>
      </c>
      <c r="EM27" s="114">
        <v>0</v>
      </c>
      <c r="EN27" s="112">
        <v>36721</v>
      </c>
      <c r="EO27" s="116">
        <v>3672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14315</v>
      </c>
      <c r="FM27" s="114">
        <v>38780</v>
      </c>
      <c r="FN27" s="113">
        <v>53095</v>
      </c>
      <c r="FO27" s="110">
        <v>0</v>
      </c>
      <c r="FP27" s="114">
        <v>266532</v>
      </c>
      <c r="FQ27" s="114">
        <v>25550</v>
      </c>
      <c r="FR27" s="114">
        <v>58660</v>
      </c>
      <c r="FS27" s="114">
        <v>72247</v>
      </c>
      <c r="FT27" s="114">
        <v>117726</v>
      </c>
      <c r="FU27" s="113">
        <v>540715</v>
      </c>
      <c r="FV27" s="116">
        <v>593810</v>
      </c>
      <c r="FW27" s="115">
        <v>14315</v>
      </c>
      <c r="FX27" s="114">
        <v>14280</v>
      </c>
      <c r="FY27" s="112">
        <v>28595</v>
      </c>
      <c r="FZ27" s="111">
        <v>0</v>
      </c>
      <c r="GA27" s="114">
        <v>59290</v>
      </c>
      <c r="GB27" s="114">
        <v>25550</v>
      </c>
      <c r="GC27" s="114">
        <v>58660</v>
      </c>
      <c r="GD27" s="114">
        <v>72247</v>
      </c>
      <c r="GE27" s="114">
        <v>98126</v>
      </c>
      <c r="GF27" s="113">
        <v>313873</v>
      </c>
      <c r="GG27" s="318">
        <v>342468</v>
      </c>
      <c r="GH27" s="115">
        <v>0</v>
      </c>
      <c r="GI27" s="114">
        <v>0</v>
      </c>
      <c r="GJ27" s="112">
        <v>0</v>
      </c>
      <c r="GK27" s="111">
        <v>0</v>
      </c>
      <c r="GL27" s="114">
        <v>14042</v>
      </c>
      <c r="GM27" s="114">
        <v>0</v>
      </c>
      <c r="GN27" s="114">
        <v>0</v>
      </c>
      <c r="GO27" s="114">
        <v>0</v>
      </c>
      <c r="GP27" s="114">
        <v>19600</v>
      </c>
      <c r="GQ27" s="113">
        <v>33642</v>
      </c>
      <c r="GR27" s="116">
        <v>33642</v>
      </c>
      <c r="GS27" s="110">
        <v>0</v>
      </c>
      <c r="GT27" s="114">
        <v>24500</v>
      </c>
      <c r="GU27" s="113">
        <v>24500</v>
      </c>
      <c r="GV27" s="110">
        <v>0</v>
      </c>
      <c r="GW27" s="114">
        <v>193200</v>
      </c>
      <c r="GX27" s="114">
        <v>0</v>
      </c>
      <c r="GY27" s="114">
        <v>0</v>
      </c>
      <c r="GZ27" s="114">
        <v>0</v>
      </c>
      <c r="HA27" s="114">
        <v>0</v>
      </c>
      <c r="HB27" s="112">
        <v>193200</v>
      </c>
      <c r="HC27" s="116">
        <v>217700</v>
      </c>
      <c r="HD27" s="110">
        <v>46172</v>
      </c>
      <c r="HE27" s="114">
        <v>0</v>
      </c>
      <c r="HF27" s="112">
        <v>46172</v>
      </c>
      <c r="HG27" s="111">
        <v>0</v>
      </c>
      <c r="HH27" s="114">
        <v>402071</v>
      </c>
      <c r="HI27" s="114">
        <v>462127</v>
      </c>
      <c r="HJ27" s="114">
        <v>347179</v>
      </c>
      <c r="HK27" s="114">
        <v>744571</v>
      </c>
      <c r="HL27" s="114">
        <v>336571</v>
      </c>
      <c r="HM27" s="113">
        <v>2292519</v>
      </c>
      <c r="HN27" s="109">
        <v>2338691</v>
      </c>
      <c r="HO27" s="328"/>
      <c r="HP27" s="329"/>
      <c r="HQ27" s="330"/>
      <c r="HR27" s="331"/>
      <c r="HS27" s="329"/>
      <c r="HT27" s="329"/>
      <c r="HU27" s="329"/>
      <c r="HV27" s="329"/>
      <c r="HW27" s="329"/>
      <c r="HX27" s="332"/>
      <c r="HY27" s="333"/>
      <c r="HZ27" s="131">
        <v>0</v>
      </c>
      <c r="IA27" s="132">
        <v>0</v>
      </c>
      <c r="IB27" s="133">
        <v>0</v>
      </c>
      <c r="IC27" s="146">
        <v>0</v>
      </c>
      <c r="ID27" s="132">
        <v>623378</v>
      </c>
      <c r="IE27" s="147">
        <v>351610</v>
      </c>
      <c r="IF27" s="133">
        <v>65926</v>
      </c>
      <c r="IG27" s="132">
        <v>0</v>
      </c>
      <c r="IH27" s="133">
        <v>0</v>
      </c>
      <c r="II27" s="148">
        <v>1040914</v>
      </c>
      <c r="IJ27" s="139">
        <v>1040914</v>
      </c>
      <c r="IK27" s="232">
        <v>0</v>
      </c>
      <c r="IL27" s="236">
        <v>0</v>
      </c>
      <c r="IM27" s="237">
        <v>0</v>
      </c>
      <c r="IN27" s="140"/>
      <c r="IO27" s="119">
        <v>162540</v>
      </c>
      <c r="IP27" s="119">
        <v>91273</v>
      </c>
      <c r="IQ27" s="119">
        <v>0</v>
      </c>
      <c r="IR27" s="119">
        <v>0</v>
      </c>
      <c r="IS27" s="119">
        <v>0</v>
      </c>
      <c r="IT27" s="141">
        <v>253813</v>
      </c>
      <c r="IU27" s="320">
        <v>253813</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253680</v>
      </c>
      <c r="JL27" s="119">
        <v>10864</v>
      </c>
      <c r="JM27" s="119">
        <v>0</v>
      </c>
      <c r="JN27" s="119">
        <v>0</v>
      </c>
      <c r="JO27" s="119">
        <v>0</v>
      </c>
      <c r="JP27" s="120">
        <v>264544</v>
      </c>
      <c r="JQ27" s="320">
        <v>264544</v>
      </c>
      <c r="JR27" s="142">
        <v>0</v>
      </c>
      <c r="JS27" s="119">
        <v>0</v>
      </c>
      <c r="JT27" s="141">
        <v>0</v>
      </c>
      <c r="JU27" s="118">
        <v>0</v>
      </c>
      <c r="JV27" s="119">
        <v>0</v>
      </c>
      <c r="JW27" s="119">
        <v>0</v>
      </c>
      <c r="JX27" s="119">
        <v>65926</v>
      </c>
      <c r="JY27" s="119">
        <v>0</v>
      </c>
      <c r="JZ27" s="119">
        <v>0</v>
      </c>
      <c r="KA27" s="120">
        <v>65926</v>
      </c>
      <c r="KB27" s="320">
        <v>65926</v>
      </c>
      <c r="KC27" s="234">
        <v>0</v>
      </c>
      <c r="KD27" s="230">
        <v>0</v>
      </c>
      <c r="KE27" s="120">
        <v>0</v>
      </c>
      <c r="KF27" s="118">
        <v>0</v>
      </c>
      <c r="KG27" s="119">
        <v>0</v>
      </c>
      <c r="KH27" s="119">
        <v>249473</v>
      </c>
      <c r="KI27" s="119">
        <v>0</v>
      </c>
      <c r="KJ27" s="119">
        <v>0</v>
      </c>
      <c r="KK27" s="119">
        <v>0</v>
      </c>
      <c r="KL27" s="120">
        <v>249473</v>
      </c>
      <c r="KM27" s="143">
        <v>249473</v>
      </c>
      <c r="KN27" s="232">
        <v>0</v>
      </c>
      <c r="KO27" s="236">
        <v>0</v>
      </c>
      <c r="KP27" s="237">
        <v>0</v>
      </c>
      <c r="KQ27" s="140"/>
      <c r="KR27" s="119">
        <v>207158</v>
      </c>
      <c r="KS27" s="119">
        <v>0</v>
      </c>
      <c r="KT27" s="119">
        <v>0</v>
      </c>
      <c r="KU27" s="119">
        <v>0</v>
      </c>
      <c r="KV27" s="119">
        <v>0</v>
      </c>
      <c r="KW27" s="120">
        <v>207158</v>
      </c>
      <c r="KX27" s="320">
        <v>207158</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0</v>
      </c>
      <c r="LR27" s="119">
        <v>0</v>
      </c>
      <c r="LS27" s="120">
        <v>0</v>
      </c>
      <c r="LT27" s="320">
        <v>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01008</v>
      </c>
      <c r="MK27" s="119">
        <v>0</v>
      </c>
      <c r="ML27" s="119">
        <v>455298</v>
      </c>
      <c r="MM27" s="119">
        <v>344729</v>
      </c>
      <c r="MN27" s="119">
        <v>247002</v>
      </c>
      <c r="MO27" s="120">
        <v>1248037</v>
      </c>
      <c r="MP27" s="143">
        <v>1248037</v>
      </c>
      <c r="MQ27" s="142">
        <v>0</v>
      </c>
      <c r="MR27" s="119">
        <v>0</v>
      </c>
      <c r="MS27" s="120">
        <v>0</v>
      </c>
      <c r="MT27" s="145"/>
      <c r="MU27" s="119">
        <v>0</v>
      </c>
      <c r="MV27" s="119">
        <v>0</v>
      </c>
      <c r="MW27" s="119">
        <v>0</v>
      </c>
      <c r="MX27" s="119">
        <v>344729</v>
      </c>
      <c r="MY27" s="119">
        <v>247002</v>
      </c>
      <c r="MZ27" s="120">
        <v>591731</v>
      </c>
      <c r="NA27" s="143">
        <v>591731</v>
      </c>
      <c r="NB27" s="142">
        <v>0</v>
      </c>
      <c r="NC27" s="119">
        <v>0</v>
      </c>
      <c r="ND27" s="120">
        <v>0</v>
      </c>
      <c r="NE27" s="145"/>
      <c r="NF27" s="119">
        <v>201008</v>
      </c>
      <c r="NG27" s="119">
        <v>0</v>
      </c>
      <c r="NH27" s="119">
        <v>455298</v>
      </c>
      <c r="NI27" s="119">
        <v>0</v>
      </c>
      <c r="NJ27" s="119">
        <v>0</v>
      </c>
      <c r="NK27" s="120">
        <v>656306</v>
      </c>
      <c r="NL27" s="320">
        <v>656306</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60487</v>
      </c>
      <c r="OJ27" s="119">
        <v>79506</v>
      </c>
      <c r="OK27" s="141">
        <v>139993</v>
      </c>
      <c r="OL27" s="118">
        <v>0</v>
      </c>
      <c r="OM27" s="119">
        <v>2308968</v>
      </c>
      <c r="ON27" s="119">
        <v>1096313</v>
      </c>
      <c r="OO27" s="119">
        <v>1497956</v>
      </c>
      <c r="OP27" s="119">
        <v>1838066</v>
      </c>
      <c r="OQ27" s="119">
        <v>1715825</v>
      </c>
      <c r="OR27" s="120">
        <v>8457128</v>
      </c>
      <c r="OS27" s="143">
        <v>8597121</v>
      </c>
    </row>
    <row r="28" spans="2:409" ht="21" customHeight="1" x14ac:dyDescent="0.2">
      <c r="B28" s="126" t="s">
        <v>23</v>
      </c>
      <c r="C28" s="110">
        <v>58544</v>
      </c>
      <c r="D28" s="114">
        <v>63392</v>
      </c>
      <c r="E28" s="113">
        <v>121936</v>
      </c>
      <c r="F28" s="109">
        <v>0</v>
      </c>
      <c r="G28" s="114">
        <v>1267432</v>
      </c>
      <c r="H28" s="114">
        <v>1786569</v>
      </c>
      <c r="I28" s="114">
        <v>1394113</v>
      </c>
      <c r="J28" s="114">
        <v>3825669</v>
      </c>
      <c r="K28" s="114">
        <v>1259585</v>
      </c>
      <c r="L28" s="173">
        <v>9533368</v>
      </c>
      <c r="M28" s="116">
        <v>9655304</v>
      </c>
      <c r="N28" s="110">
        <v>45860</v>
      </c>
      <c r="O28" s="114">
        <v>47068</v>
      </c>
      <c r="P28" s="113">
        <v>92928</v>
      </c>
      <c r="Q28" s="110">
        <v>0</v>
      </c>
      <c r="R28" s="114">
        <v>234995</v>
      </c>
      <c r="S28" s="114">
        <v>554781</v>
      </c>
      <c r="T28" s="114">
        <v>577485</v>
      </c>
      <c r="U28" s="114">
        <v>453830</v>
      </c>
      <c r="V28" s="114">
        <v>149667</v>
      </c>
      <c r="W28" s="113">
        <v>1970758</v>
      </c>
      <c r="X28" s="116">
        <v>2063686</v>
      </c>
      <c r="Y28" s="110">
        <v>0</v>
      </c>
      <c r="Z28" s="114">
        <v>0</v>
      </c>
      <c r="AA28" s="113">
        <v>0</v>
      </c>
      <c r="AB28" s="110">
        <v>0</v>
      </c>
      <c r="AC28" s="114">
        <v>6449</v>
      </c>
      <c r="AD28" s="114">
        <v>210280</v>
      </c>
      <c r="AE28" s="114">
        <v>401086</v>
      </c>
      <c r="AF28" s="114">
        <v>49328</v>
      </c>
      <c r="AG28" s="114">
        <v>0</v>
      </c>
      <c r="AH28" s="113">
        <v>667143</v>
      </c>
      <c r="AI28" s="116">
        <v>667143</v>
      </c>
      <c r="AJ28" s="110">
        <v>0</v>
      </c>
      <c r="AK28" s="114">
        <v>0</v>
      </c>
      <c r="AL28" s="113">
        <v>0</v>
      </c>
      <c r="AM28" s="110">
        <v>0</v>
      </c>
      <c r="AN28" s="114">
        <v>40917</v>
      </c>
      <c r="AO28" s="114">
        <v>0</v>
      </c>
      <c r="AP28" s="114">
        <v>0</v>
      </c>
      <c r="AQ28" s="114">
        <v>0</v>
      </c>
      <c r="AR28" s="114">
        <v>40348</v>
      </c>
      <c r="AS28" s="113">
        <v>81265</v>
      </c>
      <c r="AT28" s="116">
        <v>81265</v>
      </c>
      <c r="AU28" s="110">
        <v>45860</v>
      </c>
      <c r="AV28" s="114">
        <v>20027</v>
      </c>
      <c r="AW28" s="113">
        <v>65887</v>
      </c>
      <c r="AX28" s="110">
        <v>0</v>
      </c>
      <c r="AY28" s="114">
        <v>137761</v>
      </c>
      <c r="AZ28" s="114">
        <v>199414</v>
      </c>
      <c r="BA28" s="114">
        <v>104012</v>
      </c>
      <c r="BB28" s="114">
        <v>76352</v>
      </c>
      <c r="BC28" s="114">
        <v>28896</v>
      </c>
      <c r="BD28" s="113">
        <v>546435</v>
      </c>
      <c r="BE28" s="116">
        <v>612322</v>
      </c>
      <c r="BF28" s="110">
        <v>0</v>
      </c>
      <c r="BG28" s="114">
        <v>27041</v>
      </c>
      <c r="BH28" s="112">
        <v>27041</v>
      </c>
      <c r="BI28" s="111">
        <v>0</v>
      </c>
      <c r="BJ28" s="114">
        <v>0</v>
      </c>
      <c r="BK28" s="114">
        <v>102975</v>
      </c>
      <c r="BL28" s="114">
        <v>0</v>
      </c>
      <c r="BM28" s="114">
        <v>92481</v>
      </c>
      <c r="BN28" s="114">
        <v>0</v>
      </c>
      <c r="BO28" s="113">
        <v>195456</v>
      </c>
      <c r="BP28" s="116">
        <v>222497</v>
      </c>
      <c r="BQ28" s="110">
        <v>0</v>
      </c>
      <c r="BR28" s="114">
        <v>0</v>
      </c>
      <c r="BS28" s="113">
        <v>0</v>
      </c>
      <c r="BT28" s="110">
        <v>0</v>
      </c>
      <c r="BU28" s="114">
        <v>49868</v>
      </c>
      <c r="BV28" s="114">
        <v>42112</v>
      </c>
      <c r="BW28" s="114">
        <v>72387</v>
      </c>
      <c r="BX28" s="114">
        <v>235669</v>
      </c>
      <c r="BY28" s="114">
        <v>80423</v>
      </c>
      <c r="BZ28" s="113">
        <v>480459</v>
      </c>
      <c r="CA28" s="116">
        <v>480459</v>
      </c>
      <c r="CB28" s="110">
        <v>0</v>
      </c>
      <c r="CC28" s="114">
        <v>0</v>
      </c>
      <c r="CD28" s="113">
        <v>0</v>
      </c>
      <c r="CE28" s="110">
        <v>0</v>
      </c>
      <c r="CF28" s="114">
        <v>358728</v>
      </c>
      <c r="CG28" s="114">
        <v>887971</v>
      </c>
      <c r="CH28" s="114">
        <v>531460</v>
      </c>
      <c r="CI28" s="114">
        <v>657404</v>
      </c>
      <c r="CJ28" s="114">
        <v>0</v>
      </c>
      <c r="CK28" s="113">
        <v>2435563</v>
      </c>
      <c r="CL28" s="116">
        <v>2435563</v>
      </c>
      <c r="CM28" s="110">
        <v>0</v>
      </c>
      <c r="CN28" s="114">
        <v>0</v>
      </c>
      <c r="CO28" s="113">
        <v>0</v>
      </c>
      <c r="CP28" s="111">
        <v>0</v>
      </c>
      <c r="CQ28" s="114">
        <v>240415</v>
      </c>
      <c r="CR28" s="114">
        <v>814764</v>
      </c>
      <c r="CS28" s="114">
        <v>141733</v>
      </c>
      <c r="CT28" s="114">
        <v>362751</v>
      </c>
      <c r="CU28" s="114">
        <v>0</v>
      </c>
      <c r="CV28" s="113">
        <v>1559663</v>
      </c>
      <c r="CW28" s="116">
        <v>1559663</v>
      </c>
      <c r="CX28" s="110">
        <v>0</v>
      </c>
      <c r="CY28" s="114">
        <v>0</v>
      </c>
      <c r="CZ28" s="113">
        <v>0</v>
      </c>
      <c r="DA28" s="110">
        <v>0</v>
      </c>
      <c r="DB28" s="114">
        <v>118313</v>
      </c>
      <c r="DC28" s="114">
        <v>73207</v>
      </c>
      <c r="DD28" s="114">
        <v>389727</v>
      </c>
      <c r="DE28" s="114">
        <v>294653</v>
      </c>
      <c r="DF28" s="114">
        <v>0</v>
      </c>
      <c r="DG28" s="113">
        <v>875900</v>
      </c>
      <c r="DH28" s="116">
        <v>875900</v>
      </c>
      <c r="DI28" s="110">
        <v>0</v>
      </c>
      <c r="DJ28" s="114">
        <v>0</v>
      </c>
      <c r="DK28" s="112">
        <v>0</v>
      </c>
      <c r="DL28" s="111">
        <v>0</v>
      </c>
      <c r="DM28" s="114">
        <v>13270</v>
      </c>
      <c r="DN28" s="114">
        <v>124052</v>
      </c>
      <c r="DO28" s="114">
        <v>0</v>
      </c>
      <c r="DP28" s="114">
        <v>53282</v>
      </c>
      <c r="DQ28" s="114">
        <v>0</v>
      </c>
      <c r="DR28" s="113">
        <v>190604</v>
      </c>
      <c r="DS28" s="116">
        <v>190604</v>
      </c>
      <c r="DT28" s="110">
        <v>0</v>
      </c>
      <c r="DU28" s="114">
        <v>0</v>
      </c>
      <c r="DV28" s="113">
        <v>0</v>
      </c>
      <c r="DW28" s="110">
        <v>0</v>
      </c>
      <c r="DX28" s="114">
        <v>13270</v>
      </c>
      <c r="DY28" s="114">
        <v>124052</v>
      </c>
      <c r="DZ28" s="114">
        <v>0</v>
      </c>
      <c r="EA28" s="114">
        <v>53282</v>
      </c>
      <c r="EB28" s="114">
        <v>0</v>
      </c>
      <c r="EC28" s="113">
        <v>190604</v>
      </c>
      <c r="ED28" s="116">
        <v>190604</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12684</v>
      </c>
      <c r="FM28" s="114">
        <v>16324</v>
      </c>
      <c r="FN28" s="113">
        <v>29008</v>
      </c>
      <c r="FO28" s="110">
        <v>0</v>
      </c>
      <c r="FP28" s="114">
        <v>126469</v>
      </c>
      <c r="FQ28" s="114">
        <v>219765</v>
      </c>
      <c r="FR28" s="114">
        <v>104811</v>
      </c>
      <c r="FS28" s="114">
        <v>152579</v>
      </c>
      <c r="FT28" s="114">
        <v>34685</v>
      </c>
      <c r="FU28" s="113">
        <v>638309</v>
      </c>
      <c r="FV28" s="116">
        <v>667317</v>
      </c>
      <c r="FW28" s="115">
        <v>12684</v>
      </c>
      <c r="FX28" s="114">
        <v>16324</v>
      </c>
      <c r="FY28" s="112">
        <v>29008</v>
      </c>
      <c r="FZ28" s="111">
        <v>0</v>
      </c>
      <c r="GA28" s="114">
        <v>74669</v>
      </c>
      <c r="GB28" s="114">
        <v>211435</v>
      </c>
      <c r="GC28" s="114">
        <v>104811</v>
      </c>
      <c r="GD28" s="114">
        <v>152579</v>
      </c>
      <c r="GE28" s="114">
        <v>34685</v>
      </c>
      <c r="GF28" s="113">
        <v>578179</v>
      </c>
      <c r="GG28" s="318">
        <v>607187</v>
      </c>
      <c r="GH28" s="115">
        <v>0</v>
      </c>
      <c r="GI28" s="114">
        <v>0</v>
      </c>
      <c r="GJ28" s="112">
        <v>0</v>
      </c>
      <c r="GK28" s="111">
        <v>0</v>
      </c>
      <c r="GL28" s="114">
        <v>0</v>
      </c>
      <c r="GM28" s="114">
        <v>8330</v>
      </c>
      <c r="GN28" s="114">
        <v>0</v>
      </c>
      <c r="GO28" s="114">
        <v>0</v>
      </c>
      <c r="GP28" s="114">
        <v>0</v>
      </c>
      <c r="GQ28" s="113">
        <v>8330</v>
      </c>
      <c r="GR28" s="116">
        <v>8330</v>
      </c>
      <c r="GS28" s="110">
        <v>0</v>
      </c>
      <c r="GT28" s="114">
        <v>0</v>
      </c>
      <c r="GU28" s="113">
        <v>0</v>
      </c>
      <c r="GV28" s="110">
        <v>0</v>
      </c>
      <c r="GW28" s="114">
        <v>51800</v>
      </c>
      <c r="GX28" s="114">
        <v>0</v>
      </c>
      <c r="GY28" s="114">
        <v>0</v>
      </c>
      <c r="GZ28" s="114">
        <v>0</v>
      </c>
      <c r="HA28" s="114">
        <v>0</v>
      </c>
      <c r="HB28" s="112">
        <v>51800</v>
      </c>
      <c r="HC28" s="116">
        <v>51800</v>
      </c>
      <c r="HD28" s="110">
        <v>0</v>
      </c>
      <c r="HE28" s="114">
        <v>0</v>
      </c>
      <c r="HF28" s="112">
        <v>0</v>
      </c>
      <c r="HG28" s="111">
        <v>0</v>
      </c>
      <c r="HH28" s="114">
        <v>533970</v>
      </c>
      <c r="HI28" s="114">
        <v>0</v>
      </c>
      <c r="HJ28" s="114">
        <v>180357</v>
      </c>
      <c r="HK28" s="114">
        <v>2508574</v>
      </c>
      <c r="HL28" s="114">
        <v>1075233</v>
      </c>
      <c r="HM28" s="113">
        <v>4298134</v>
      </c>
      <c r="HN28" s="109">
        <v>4298134</v>
      </c>
      <c r="HO28" s="328"/>
      <c r="HP28" s="329"/>
      <c r="HQ28" s="330"/>
      <c r="HR28" s="331"/>
      <c r="HS28" s="329"/>
      <c r="HT28" s="329"/>
      <c r="HU28" s="329"/>
      <c r="HV28" s="329"/>
      <c r="HW28" s="329"/>
      <c r="HX28" s="332"/>
      <c r="HY28" s="333"/>
      <c r="HZ28" s="150">
        <v>0</v>
      </c>
      <c r="IA28" s="135">
        <v>0</v>
      </c>
      <c r="IB28" s="150">
        <v>0</v>
      </c>
      <c r="IC28" s="134">
        <v>0</v>
      </c>
      <c r="ID28" s="135">
        <v>33933</v>
      </c>
      <c r="IE28" s="136">
        <v>301674</v>
      </c>
      <c r="IF28" s="137">
        <v>735111</v>
      </c>
      <c r="IG28" s="135">
        <v>0</v>
      </c>
      <c r="IH28" s="137">
        <v>128107</v>
      </c>
      <c r="II28" s="138">
        <v>1198825</v>
      </c>
      <c r="IJ28" s="150">
        <v>1198825</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33933</v>
      </c>
      <c r="JL28" s="119">
        <v>76658</v>
      </c>
      <c r="JM28" s="119">
        <v>57232</v>
      </c>
      <c r="JN28" s="119">
        <v>0</v>
      </c>
      <c r="JO28" s="119">
        <v>128107</v>
      </c>
      <c r="JP28" s="120">
        <v>295930</v>
      </c>
      <c r="JQ28" s="320">
        <v>295930</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0</v>
      </c>
      <c r="KS28" s="119">
        <v>225016</v>
      </c>
      <c r="KT28" s="119">
        <v>677879</v>
      </c>
      <c r="KU28" s="119">
        <v>0</v>
      </c>
      <c r="KV28" s="119">
        <v>0</v>
      </c>
      <c r="KW28" s="120">
        <v>902895</v>
      </c>
      <c r="KX28" s="320">
        <v>902895</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0</v>
      </c>
      <c r="ML28" s="119">
        <v>452599</v>
      </c>
      <c r="MM28" s="119">
        <v>1888502</v>
      </c>
      <c r="MN28" s="119">
        <v>1841700</v>
      </c>
      <c r="MO28" s="120">
        <v>4182801</v>
      </c>
      <c r="MP28" s="143">
        <v>4182801</v>
      </c>
      <c r="MQ28" s="142">
        <v>0</v>
      </c>
      <c r="MR28" s="119">
        <v>0</v>
      </c>
      <c r="MS28" s="120">
        <v>0</v>
      </c>
      <c r="MT28" s="145"/>
      <c r="MU28" s="119">
        <v>0</v>
      </c>
      <c r="MV28" s="119">
        <v>0</v>
      </c>
      <c r="MW28" s="119">
        <v>214058</v>
      </c>
      <c r="MX28" s="119">
        <v>1312387</v>
      </c>
      <c r="MY28" s="119">
        <v>478144</v>
      </c>
      <c r="MZ28" s="120">
        <v>2004589</v>
      </c>
      <c r="NA28" s="143">
        <v>2004589</v>
      </c>
      <c r="NB28" s="142">
        <v>0</v>
      </c>
      <c r="NC28" s="119">
        <v>0</v>
      </c>
      <c r="ND28" s="120">
        <v>0</v>
      </c>
      <c r="NE28" s="145"/>
      <c r="NF28" s="119">
        <v>0</v>
      </c>
      <c r="NG28" s="119">
        <v>0</v>
      </c>
      <c r="NH28" s="119">
        <v>238541</v>
      </c>
      <c r="NI28" s="119">
        <v>317953</v>
      </c>
      <c r="NJ28" s="119">
        <v>1040971</v>
      </c>
      <c r="NK28" s="120">
        <v>1597465</v>
      </c>
      <c r="NL28" s="320">
        <v>1597465</v>
      </c>
      <c r="NM28" s="142">
        <v>0</v>
      </c>
      <c r="NN28" s="119">
        <v>0</v>
      </c>
      <c r="NO28" s="120">
        <v>0</v>
      </c>
      <c r="NP28" s="145"/>
      <c r="NQ28" s="119">
        <v>0</v>
      </c>
      <c r="NR28" s="119">
        <v>0</v>
      </c>
      <c r="NS28" s="119">
        <v>0</v>
      </c>
      <c r="NT28" s="119">
        <v>258162</v>
      </c>
      <c r="NU28" s="119">
        <v>0</v>
      </c>
      <c r="NV28" s="120">
        <v>258162</v>
      </c>
      <c r="NW28" s="121">
        <v>258162</v>
      </c>
      <c r="NX28" s="142">
        <v>0</v>
      </c>
      <c r="NY28" s="119">
        <v>0</v>
      </c>
      <c r="NZ28" s="120">
        <v>0</v>
      </c>
      <c r="OA28" s="145"/>
      <c r="OB28" s="119">
        <v>0</v>
      </c>
      <c r="OC28" s="119">
        <v>0</v>
      </c>
      <c r="OD28" s="119">
        <v>0</v>
      </c>
      <c r="OE28" s="119">
        <v>0</v>
      </c>
      <c r="OF28" s="119">
        <v>322585</v>
      </c>
      <c r="OG28" s="120">
        <v>322585</v>
      </c>
      <c r="OH28" s="121">
        <v>322585</v>
      </c>
      <c r="OI28" s="142">
        <v>58544</v>
      </c>
      <c r="OJ28" s="119">
        <v>63392</v>
      </c>
      <c r="OK28" s="141">
        <v>121936</v>
      </c>
      <c r="OL28" s="118">
        <v>0</v>
      </c>
      <c r="OM28" s="119">
        <v>1301365</v>
      </c>
      <c r="ON28" s="119">
        <v>2088243</v>
      </c>
      <c r="OO28" s="119">
        <v>2581823</v>
      </c>
      <c r="OP28" s="119">
        <v>5714171</v>
      </c>
      <c r="OQ28" s="119">
        <v>3229392</v>
      </c>
      <c r="OR28" s="120">
        <v>14914994</v>
      </c>
      <c r="OS28" s="143">
        <v>15036930</v>
      </c>
    </row>
    <row r="29" spans="2:409" ht="21" customHeight="1" x14ac:dyDescent="0.2">
      <c r="B29" s="126" t="s">
        <v>24</v>
      </c>
      <c r="C29" s="110">
        <v>285883</v>
      </c>
      <c r="D29" s="114">
        <v>460740</v>
      </c>
      <c r="E29" s="113">
        <v>746623</v>
      </c>
      <c r="F29" s="109">
        <v>0</v>
      </c>
      <c r="G29" s="114">
        <v>1759258</v>
      </c>
      <c r="H29" s="114">
        <v>2337854</v>
      </c>
      <c r="I29" s="114">
        <v>1435971</v>
      </c>
      <c r="J29" s="114">
        <v>1278301</v>
      </c>
      <c r="K29" s="114">
        <v>2544090</v>
      </c>
      <c r="L29" s="173">
        <v>9355474</v>
      </c>
      <c r="M29" s="116">
        <v>10102097</v>
      </c>
      <c r="N29" s="110">
        <v>37805</v>
      </c>
      <c r="O29" s="114">
        <v>89917</v>
      </c>
      <c r="P29" s="113">
        <v>127722</v>
      </c>
      <c r="Q29" s="110">
        <v>0</v>
      </c>
      <c r="R29" s="114">
        <v>422147</v>
      </c>
      <c r="S29" s="114">
        <v>340414</v>
      </c>
      <c r="T29" s="114">
        <v>613823</v>
      </c>
      <c r="U29" s="114">
        <v>402968</v>
      </c>
      <c r="V29" s="114">
        <v>1143567</v>
      </c>
      <c r="W29" s="113">
        <v>2922919</v>
      </c>
      <c r="X29" s="116">
        <v>3050641</v>
      </c>
      <c r="Y29" s="110">
        <v>0</v>
      </c>
      <c r="Z29" s="114">
        <v>0</v>
      </c>
      <c r="AA29" s="113">
        <v>0</v>
      </c>
      <c r="AB29" s="110">
        <v>0</v>
      </c>
      <c r="AC29" s="114">
        <v>120415</v>
      </c>
      <c r="AD29" s="114">
        <v>194917</v>
      </c>
      <c r="AE29" s="114">
        <v>252381</v>
      </c>
      <c r="AF29" s="114">
        <v>206589</v>
      </c>
      <c r="AG29" s="114">
        <v>733972</v>
      </c>
      <c r="AH29" s="113">
        <v>1508274</v>
      </c>
      <c r="AI29" s="116">
        <v>1508274</v>
      </c>
      <c r="AJ29" s="110">
        <v>0</v>
      </c>
      <c r="AK29" s="114">
        <v>0</v>
      </c>
      <c r="AL29" s="113">
        <v>0</v>
      </c>
      <c r="AM29" s="110">
        <v>0</v>
      </c>
      <c r="AN29" s="114">
        <v>0</v>
      </c>
      <c r="AO29" s="114">
        <v>0</v>
      </c>
      <c r="AP29" s="114">
        <v>0</v>
      </c>
      <c r="AQ29" s="114">
        <v>0</v>
      </c>
      <c r="AR29" s="114">
        <v>83173</v>
      </c>
      <c r="AS29" s="113">
        <v>83173</v>
      </c>
      <c r="AT29" s="116">
        <v>83173</v>
      </c>
      <c r="AU29" s="110">
        <v>6564</v>
      </c>
      <c r="AV29" s="114">
        <v>67979</v>
      </c>
      <c r="AW29" s="113">
        <v>74543</v>
      </c>
      <c r="AX29" s="110">
        <v>0</v>
      </c>
      <c r="AY29" s="114">
        <v>197978</v>
      </c>
      <c r="AZ29" s="114">
        <v>31635</v>
      </c>
      <c r="BA29" s="114">
        <v>258486</v>
      </c>
      <c r="BB29" s="114">
        <v>109439</v>
      </c>
      <c r="BC29" s="114">
        <v>145974</v>
      </c>
      <c r="BD29" s="113">
        <v>743512</v>
      </c>
      <c r="BE29" s="116">
        <v>818055</v>
      </c>
      <c r="BF29" s="110">
        <v>0</v>
      </c>
      <c r="BG29" s="114">
        <v>0</v>
      </c>
      <c r="BH29" s="112">
        <v>0</v>
      </c>
      <c r="BI29" s="111">
        <v>0</v>
      </c>
      <c r="BJ29" s="114">
        <v>0</v>
      </c>
      <c r="BK29" s="114">
        <v>0</v>
      </c>
      <c r="BL29" s="114">
        <v>0</v>
      </c>
      <c r="BM29" s="114">
        <v>0</v>
      </c>
      <c r="BN29" s="114">
        <v>18993</v>
      </c>
      <c r="BO29" s="113">
        <v>18993</v>
      </c>
      <c r="BP29" s="116">
        <v>18993</v>
      </c>
      <c r="BQ29" s="110">
        <v>31241</v>
      </c>
      <c r="BR29" s="114">
        <v>21938</v>
      </c>
      <c r="BS29" s="113">
        <v>53179</v>
      </c>
      <c r="BT29" s="110">
        <v>0</v>
      </c>
      <c r="BU29" s="114">
        <v>103754</v>
      </c>
      <c r="BV29" s="114">
        <v>113862</v>
      </c>
      <c r="BW29" s="114">
        <v>102956</v>
      </c>
      <c r="BX29" s="114">
        <v>86940</v>
      </c>
      <c r="BY29" s="114">
        <v>161455</v>
      </c>
      <c r="BZ29" s="113">
        <v>568967</v>
      </c>
      <c r="CA29" s="116">
        <v>622146</v>
      </c>
      <c r="CB29" s="110">
        <v>17874</v>
      </c>
      <c r="CC29" s="114">
        <v>0</v>
      </c>
      <c r="CD29" s="113">
        <v>17874</v>
      </c>
      <c r="CE29" s="110">
        <v>0</v>
      </c>
      <c r="CF29" s="114">
        <v>365992</v>
      </c>
      <c r="CG29" s="114">
        <v>671738</v>
      </c>
      <c r="CH29" s="114">
        <v>193281</v>
      </c>
      <c r="CI29" s="114">
        <v>68166</v>
      </c>
      <c r="CJ29" s="114">
        <v>279297</v>
      </c>
      <c r="CK29" s="113">
        <v>1578474</v>
      </c>
      <c r="CL29" s="116">
        <v>1596348</v>
      </c>
      <c r="CM29" s="110">
        <v>0</v>
      </c>
      <c r="CN29" s="114">
        <v>0</v>
      </c>
      <c r="CO29" s="113">
        <v>0</v>
      </c>
      <c r="CP29" s="111">
        <v>0</v>
      </c>
      <c r="CQ29" s="114">
        <v>226780</v>
      </c>
      <c r="CR29" s="114">
        <v>341984</v>
      </c>
      <c r="CS29" s="114">
        <v>110226</v>
      </c>
      <c r="CT29" s="114">
        <v>68166</v>
      </c>
      <c r="CU29" s="114">
        <v>151560</v>
      </c>
      <c r="CV29" s="113">
        <v>898716</v>
      </c>
      <c r="CW29" s="116">
        <v>898716</v>
      </c>
      <c r="CX29" s="110">
        <v>17874</v>
      </c>
      <c r="CY29" s="114">
        <v>0</v>
      </c>
      <c r="CZ29" s="113">
        <v>17874</v>
      </c>
      <c r="DA29" s="110">
        <v>0</v>
      </c>
      <c r="DB29" s="114">
        <v>139212</v>
      </c>
      <c r="DC29" s="114">
        <v>329754</v>
      </c>
      <c r="DD29" s="114">
        <v>83055</v>
      </c>
      <c r="DE29" s="114">
        <v>0</v>
      </c>
      <c r="DF29" s="114">
        <v>127737</v>
      </c>
      <c r="DG29" s="113">
        <v>679758</v>
      </c>
      <c r="DH29" s="116">
        <v>697632</v>
      </c>
      <c r="DI29" s="110">
        <v>17657</v>
      </c>
      <c r="DJ29" s="114">
        <v>29552</v>
      </c>
      <c r="DK29" s="112">
        <v>47209</v>
      </c>
      <c r="DL29" s="111">
        <v>0</v>
      </c>
      <c r="DM29" s="114">
        <v>0</v>
      </c>
      <c r="DN29" s="114">
        <v>41396</v>
      </c>
      <c r="DO29" s="114">
        <v>61918</v>
      </c>
      <c r="DP29" s="114">
        <v>0</v>
      </c>
      <c r="DQ29" s="114">
        <v>59778</v>
      </c>
      <c r="DR29" s="113">
        <v>163092</v>
      </c>
      <c r="DS29" s="116">
        <v>210301</v>
      </c>
      <c r="DT29" s="110">
        <v>17657</v>
      </c>
      <c r="DU29" s="114">
        <v>29552</v>
      </c>
      <c r="DV29" s="113">
        <v>47209</v>
      </c>
      <c r="DW29" s="110">
        <v>0</v>
      </c>
      <c r="DX29" s="114">
        <v>0</v>
      </c>
      <c r="DY29" s="114">
        <v>41396</v>
      </c>
      <c r="DZ29" s="114">
        <v>61918</v>
      </c>
      <c r="EA29" s="114">
        <v>0</v>
      </c>
      <c r="EB29" s="114">
        <v>59778</v>
      </c>
      <c r="EC29" s="113">
        <v>163092</v>
      </c>
      <c r="ED29" s="116">
        <v>210301</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23240</v>
      </c>
      <c r="FM29" s="114">
        <v>110866</v>
      </c>
      <c r="FN29" s="113">
        <v>134106</v>
      </c>
      <c r="FO29" s="110">
        <v>0</v>
      </c>
      <c r="FP29" s="114">
        <v>41755</v>
      </c>
      <c r="FQ29" s="114">
        <v>161966</v>
      </c>
      <c r="FR29" s="114">
        <v>130613</v>
      </c>
      <c r="FS29" s="114">
        <v>45010</v>
      </c>
      <c r="FT29" s="114">
        <v>222194</v>
      </c>
      <c r="FU29" s="113">
        <v>601538</v>
      </c>
      <c r="FV29" s="116">
        <v>735644</v>
      </c>
      <c r="FW29" s="115">
        <v>23240</v>
      </c>
      <c r="FX29" s="114">
        <v>33866</v>
      </c>
      <c r="FY29" s="112">
        <v>57106</v>
      </c>
      <c r="FZ29" s="111">
        <v>0</v>
      </c>
      <c r="GA29" s="114">
        <v>41755</v>
      </c>
      <c r="GB29" s="114">
        <v>161966</v>
      </c>
      <c r="GC29" s="114">
        <v>130613</v>
      </c>
      <c r="GD29" s="114">
        <v>45010</v>
      </c>
      <c r="GE29" s="114">
        <v>222194</v>
      </c>
      <c r="GF29" s="113">
        <v>601538</v>
      </c>
      <c r="GG29" s="318">
        <v>658644</v>
      </c>
      <c r="GH29" s="115">
        <v>0</v>
      </c>
      <c r="GI29" s="114">
        <v>0</v>
      </c>
      <c r="GJ29" s="112">
        <v>0</v>
      </c>
      <c r="GK29" s="111">
        <v>0</v>
      </c>
      <c r="GL29" s="114">
        <v>0</v>
      </c>
      <c r="GM29" s="114">
        <v>0</v>
      </c>
      <c r="GN29" s="114">
        <v>0</v>
      </c>
      <c r="GO29" s="114">
        <v>0</v>
      </c>
      <c r="GP29" s="114">
        <v>0</v>
      </c>
      <c r="GQ29" s="113">
        <v>0</v>
      </c>
      <c r="GR29" s="116">
        <v>0</v>
      </c>
      <c r="GS29" s="110">
        <v>0</v>
      </c>
      <c r="GT29" s="114">
        <v>77000</v>
      </c>
      <c r="GU29" s="113">
        <v>77000</v>
      </c>
      <c r="GV29" s="110">
        <v>0</v>
      </c>
      <c r="GW29" s="114">
        <v>0</v>
      </c>
      <c r="GX29" s="114">
        <v>0</v>
      </c>
      <c r="GY29" s="114">
        <v>0</v>
      </c>
      <c r="GZ29" s="114">
        <v>0</v>
      </c>
      <c r="HA29" s="114">
        <v>0</v>
      </c>
      <c r="HB29" s="112">
        <v>0</v>
      </c>
      <c r="HC29" s="116">
        <v>77000</v>
      </c>
      <c r="HD29" s="110">
        <v>189307</v>
      </c>
      <c r="HE29" s="114">
        <v>230405</v>
      </c>
      <c r="HF29" s="112">
        <v>419712</v>
      </c>
      <c r="HG29" s="111">
        <v>0</v>
      </c>
      <c r="HH29" s="114">
        <v>929364</v>
      </c>
      <c r="HI29" s="114">
        <v>1122340</v>
      </c>
      <c r="HJ29" s="114">
        <v>436336</v>
      </c>
      <c r="HK29" s="114">
        <v>762157</v>
      </c>
      <c r="HL29" s="114">
        <v>839254</v>
      </c>
      <c r="HM29" s="113">
        <v>4089451</v>
      </c>
      <c r="HN29" s="109">
        <v>4509163</v>
      </c>
      <c r="HO29" s="328"/>
      <c r="HP29" s="329"/>
      <c r="HQ29" s="330"/>
      <c r="HR29" s="331"/>
      <c r="HS29" s="329"/>
      <c r="HT29" s="329"/>
      <c r="HU29" s="329"/>
      <c r="HV29" s="329"/>
      <c r="HW29" s="329"/>
      <c r="HX29" s="332"/>
      <c r="HY29" s="333"/>
      <c r="HZ29" s="131">
        <v>0</v>
      </c>
      <c r="IA29" s="132">
        <v>0</v>
      </c>
      <c r="IB29" s="133">
        <v>0</v>
      </c>
      <c r="IC29" s="146">
        <v>0</v>
      </c>
      <c r="ID29" s="132">
        <v>344432</v>
      </c>
      <c r="IE29" s="147">
        <v>71709</v>
      </c>
      <c r="IF29" s="133">
        <v>597426</v>
      </c>
      <c r="IG29" s="132">
        <v>219677</v>
      </c>
      <c r="IH29" s="133">
        <v>371630</v>
      </c>
      <c r="II29" s="148">
        <v>1604874</v>
      </c>
      <c r="IJ29" s="139">
        <v>1604874</v>
      </c>
      <c r="IK29" s="232">
        <v>0</v>
      </c>
      <c r="IL29" s="236">
        <v>0</v>
      </c>
      <c r="IM29" s="237">
        <v>0</v>
      </c>
      <c r="IN29" s="140"/>
      <c r="IO29" s="119">
        <v>54616</v>
      </c>
      <c r="IP29" s="119">
        <v>0</v>
      </c>
      <c r="IQ29" s="119">
        <v>0</v>
      </c>
      <c r="IR29" s="119">
        <v>189329</v>
      </c>
      <c r="IS29" s="119">
        <v>0</v>
      </c>
      <c r="IT29" s="141">
        <v>243945</v>
      </c>
      <c r="IU29" s="320">
        <v>243945</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21933</v>
      </c>
      <c r="JL29" s="119">
        <v>0</v>
      </c>
      <c r="JM29" s="119">
        <v>25340</v>
      </c>
      <c r="JN29" s="119">
        <v>0</v>
      </c>
      <c r="JO29" s="119">
        <v>0</v>
      </c>
      <c r="JP29" s="120">
        <v>47273</v>
      </c>
      <c r="JQ29" s="320">
        <v>47273</v>
      </c>
      <c r="JR29" s="142">
        <v>0</v>
      </c>
      <c r="JS29" s="119">
        <v>0</v>
      </c>
      <c r="JT29" s="141">
        <v>0</v>
      </c>
      <c r="JU29" s="118">
        <v>0</v>
      </c>
      <c r="JV29" s="119">
        <v>0</v>
      </c>
      <c r="JW29" s="119">
        <v>71709</v>
      </c>
      <c r="JX29" s="119">
        <v>0</v>
      </c>
      <c r="JY29" s="119">
        <v>0</v>
      </c>
      <c r="JZ29" s="119">
        <v>151431</v>
      </c>
      <c r="KA29" s="120">
        <v>223140</v>
      </c>
      <c r="KB29" s="320">
        <v>223140</v>
      </c>
      <c r="KC29" s="234">
        <v>0</v>
      </c>
      <c r="KD29" s="230">
        <v>0</v>
      </c>
      <c r="KE29" s="120">
        <v>0</v>
      </c>
      <c r="KF29" s="118">
        <v>0</v>
      </c>
      <c r="KG29" s="119">
        <v>267883</v>
      </c>
      <c r="KH29" s="119">
        <v>0</v>
      </c>
      <c r="KI29" s="119">
        <v>358078</v>
      </c>
      <c r="KJ29" s="119">
        <v>30348</v>
      </c>
      <c r="KK29" s="119">
        <v>0</v>
      </c>
      <c r="KL29" s="120">
        <v>656309</v>
      </c>
      <c r="KM29" s="143">
        <v>656309</v>
      </c>
      <c r="KN29" s="232">
        <v>0</v>
      </c>
      <c r="KO29" s="236">
        <v>0</v>
      </c>
      <c r="KP29" s="237">
        <v>0</v>
      </c>
      <c r="KQ29" s="140"/>
      <c r="KR29" s="119">
        <v>0</v>
      </c>
      <c r="KS29" s="119">
        <v>0</v>
      </c>
      <c r="KT29" s="119">
        <v>214008</v>
      </c>
      <c r="KU29" s="119">
        <v>0</v>
      </c>
      <c r="KV29" s="119">
        <v>220199</v>
      </c>
      <c r="KW29" s="120">
        <v>434207</v>
      </c>
      <c r="KX29" s="320">
        <v>434207</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450094</v>
      </c>
      <c r="MM29" s="119">
        <v>1226158</v>
      </c>
      <c r="MN29" s="119">
        <v>497958</v>
      </c>
      <c r="MO29" s="120">
        <v>2174210</v>
      </c>
      <c r="MP29" s="143">
        <v>2174210</v>
      </c>
      <c r="MQ29" s="142">
        <v>0</v>
      </c>
      <c r="MR29" s="119">
        <v>0</v>
      </c>
      <c r="MS29" s="120">
        <v>0</v>
      </c>
      <c r="MT29" s="145"/>
      <c r="MU29" s="119">
        <v>0</v>
      </c>
      <c r="MV29" s="119">
        <v>0</v>
      </c>
      <c r="MW29" s="119">
        <v>217315</v>
      </c>
      <c r="MX29" s="119">
        <v>698906</v>
      </c>
      <c r="MY29" s="119">
        <v>497958</v>
      </c>
      <c r="MZ29" s="120">
        <v>1414179</v>
      </c>
      <c r="NA29" s="143">
        <v>1414179</v>
      </c>
      <c r="NB29" s="142">
        <v>0</v>
      </c>
      <c r="NC29" s="119">
        <v>0</v>
      </c>
      <c r="ND29" s="120">
        <v>0</v>
      </c>
      <c r="NE29" s="145"/>
      <c r="NF29" s="119">
        <v>0</v>
      </c>
      <c r="NG29" s="119">
        <v>0</v>
      </c>
      <c r="NH29" s="119">
        <v>232779</v>
      </c>
      <c r="NI29" s="119">
        <v>527252</v>
      </c>
      <c r="NJ29" s="119">
        <v>0</v>
      </c>
      <c r="NK29" s="120">
        <v>760031</v>
      </c>
      <c r="NL29" s="320">
        <v>76003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85883</v>
      </c>
      <c r="OJ29" s="119">
        <v>460740</v>
      </c>
      <c r="OK29" s="141">
        <v>746623</v>
      </c>
      <c r="OL29" s="118">
        <v>0</v>
      </c>
      <c r="OM29" s="119">
        <v>2103690</v>
      </c>
      <c r="ON29" s="119">
        <v>2409563</v>
      </c>
      <c r="OO29" s="119">
        <v>2483491</v>
      </c>
      <c r="OP29" s="119">
        <v>2724136</v>
      </c>
      <c r="OQ29" s="119">
        <v>3413678</v>
      </c>
      <c r="OR29" s="120">
        <v>13134558</v>
      </c>
      <c r="OS29" s="143">
        <v>13881181</v>
      </c>
    </row>
    <row r="30" spans="2:409" ht="21" customHeight="1" x14ac:dyDescent="0.2">
      <c r="B30" s="126" t="s">
        <v>25</v>
      </c>
      <c r="C30" s="110">
        <v>33509</v>
      </c>
      <c r="D30" s="114">
        <v>232989</v>
      </c>
      <c r="E30" s="113">
        <v>266498</v>
      </c>
      <c r="F30" s="109">
        <v>0</v>
      </c>
      <c r="G30" s="114">
        <v>399559</v>
      </c>
      <c r="H30" s="114">
        <v>913830</v>
      </c>
      <c r="I30" s="114">
        <v>1088913</v>
      </c>
      <c r="J30" s="114">
        <v>866966</v>
      </c>
      <c r="K30" s="114">
        <v>986501</v>
      </c>
      <c r="L30" s="173">
        <v>4255769</v>
      </c>
      <c r="M30" s="116">
        <v>4522267</v>
      </c>
      <c r="N30" s="110">
        <v>24815</v>
      </c>
      <c r="O30" s="114">
        <v>101164</v>
      </c>
      <c r="P30" s="113">
        <v>125979</v>
      </c>
      <c r="Q30" s="110">
        <v>0</v>
      </c>
      <c r="R30" s="114">
        <v>123573</v>
      </c>
      <c r="S30" s="114">
        <v>143321</v>
      </c>
      <c r="T30" s="114">
        <v>167396</v>
      </c>
      <c r="U30" s="114">
        <v>266468</v>
      </c>
      <c r="V30" s="114">
        <v>294913</v>
      </c>
      <c r="W30" s="113">
        <v>995671</v>
      </c>
      <c r="X30" s="116">
        <v>1121650</v>
      </c>
      <c r="Y30" s="110">
        <v>0</v>
      </c>
      <c r="Z30" s="114">
        <v>0</v>
      </c>
      <c r="AA30" s="113">
        <v>0</v>
      </c>
      <c r="AB30" s="110">
        <v>0</v>
      </c>
      <c r="AC30" s="114">
        <v>32468</v>
      </c>
      <c r="AD30" s="114">
        <v>78313</v>
      </c>
      <c r="AE30" s="114">
        <v>49371</v>
      </c>
      <c r="AF30" s="114">
        <v>9010</v>
      </c>
      <c r="AG30" s="114">
        <v>14867</v>
      </c>
      <c r="AH30" s="113">
        <v>184029</v>
      </c>
      <c r="AI30" s="116">
        <v>184029</v>
      </c>
      <c r="AJ30" s="110">
        <v>0</v>
      </c>
      <c r="AK30" s="114">
        <v>0</v>
      </c>
      <c r="AL30" s="113">
        <v>0</v>
      </c>
      <c r="AM30" s="110">
        <v>0</v>
      </c>
      <c r="AN30" s="114">
        <v>0</v>
      </c>
      <c r="AO30" s="114">
        <v>11856</v>
      </c>
      <c r="AP30" s="114">
        <v>0</v>
      </c>
      <c r="AQ30" s="114">
        <v>212924</v>
      </c>
      <c r="AR30" s="114">
        <v>147065</v>
      </c>
      <c r="AS30" s="113">
        <v>371845</v>
      </c>
      <c r="AT30" s="116">
        <v>371845</v>
      </c>
      <c r="AU30" s="110">
        <v>0</v>
      </c>
      <c r="AV30" s="114">
        <v>94906</v>
      </c>
      <c r="AW30" s="113">
        <v>94906</v>
      </c>
      <c r="AX30" s="110">
        <v>0</v>
      </c>
      <c r="AY30" s="114">
        <v>73521</v>
      </c>
      <c r="AZ30" s="114">
        <v>45900</v>
      </c>
      <c r="BA30" s="114">
        <v>87526</v>
      </c>
      <c r="BB30" s="114">
        <v>28896</v>
      </c>
      <c r="BC30" s="114">
        <v>81566</v>
      </c>
      <c r="BD30" s="113">
        <v>317409</v>
      </c>
      <c r="BE30" s="116">
        <v>412315</v>
      </c>
      <c r="BF30" s="110">
        <v>0</v>
      </c>
      <c r="BG30" s="114">
        <v>0</v>
      </c>
      <c r="BH30" s="112">
        <v>0</v>
      </c>
      <c r="BI30" s="111">
        <v>0</v>
      </c>
      <c r="BJ30" s="114">
        <v>0</v>
      </c>
      <c r="BK30" s="114">
        <v>0</v>
      </c>
      <c r="BL30" s="114">
        <v>0</v>
      </c>
      <c r="BM30" s="114">
        <v>0</v>
      </c>
      <c r="BN30" s="114">
        <v>0</v>
      </c>
      <c r="BO30" s="113">
        <v>0</v>
      </c>
      <c r="BP30" s="116">
        <v>0</v>
      </c>
      <c r="BQ30" s="110">
        <v>24815</v>
      </c>
      <c r="BR30" s="114">
        <v>6258</v>
      </c>
      <c r="BS30" s="113">
        <v>31073</v>
      </c>
      <c r="BT30" s="110">
        <v>0</v>
      </c>
      <c r="BU30" s="114">
        <v>17584</v>
      </c>
      <c r="BV30" s="114">
        <v>7252</v>
      </c>
      <c r="BW30" s="114">
        <v>30499</v>
      </c>
      <c r="BX30" s="114">
        <v>15638</v>
      </c>
      <c r="BY30" s="114">
        <v>51415</v>
      </c>
      <c r="BZ30" s="113">
        <v>122388</v>
      </c>
      <c r="CA30" s="116">
        <v>153461</v>
      </c>
      <c r="CB30" s="110">
        <v>0</v>
      </c>
      <c r="CC30" s="114">
        <v>98113</v>
      </c>
      <c r="CD30" s="113">
        <v>98113</v>
      </c>
      <c r="CE30" s="110">
        <v>0</v>
      </c>
      <c r="CF30" s="114">
        <v>230326</v>
      </c>
      <c r="CG30" s="114">
        <v>400047</v>
      </c>
      <c r="CH30" s="114">
        <v>487998</v>
      </c>
      <c r="CI30" s="114">
        <v>104961</v>
      </c>
      <c r="CJ30" s="114">
        <v>118345</v>
      </c>
      <c r="CK30" s="113">
        <v>1341677</v>
      </c>
      <c r="CL30" s="116">
        <v>1439790</v>
      </c>
      <c r="CM30" s="110">
        <v>0</v>
      </c>
      <c r="CN30" s="114">
        <v>0</v>
      </c>
      <c r="CO30" s="113">
        <v>0</v>
      </c>
      <c r="CP30" s="111">
        <v>0</v>
      </c>
      <c r="CQ30" s="114">
        <v>181830</v>
      </c>
      <c r="CR30" s="114">
        <v>204922</v>
      </c>
      <c r="CS30" s="114">
        <v>419613</v>
      </c>
      <c r="CT30" s="114">
        <v>104961</v>
      </c>
      <c r="CU30" s="114">
        <v>0</v>
      </c>
      <c r="CV30" s="113">
        <v>911326</v>
      </c>
      <c r="CW30" s="116">
        <v>911326</v>
      </c>
      <c r="CX30" s="110">
        <v>0</v>
      </c>
      <c r="CY30" s="114">
        <v>98113</v>
      </c>
      <c r="CZ30" s="113">
        <v>98113</v>
      </c>
      <c r="DA30" s="110">
        <v>0</v>
      </c>
      <c r="DB30" s="114">
        <v>48496</v>
      </c>
      <c r="DC30" s="114">
        <v>195125</v>
      </c>
      <c r="DD30" s="114">
        <v>68385</v>
      </c>
      <c r="DE30" s="114">
        <v>0</v>
      </c>
      <c r="DF30" s="114">
        <v>118345</v>
      </c>
      <c r="DG30" s="113">
        <v>430351</v>
      </c>
      <c r="DH30" s="116">
        <v>528464</v>
      </c>
      <c r="DI30" s="110">
        <v>0</v>
      </c>
      <c r="DJ30" s="114">
        <v>0</v>
      </c>
      <c r="DK30" s="112">
        <v>0</v>
      </c>
      <c r="DL30" s="111">
        <v>0</v>
      </c>
      <c r="DM30" s="114">
        <v>27250</v>
      </c>
      <c r="DN30" s="114">
        <v>103359</v>
      </c>
      <c r="DO30" s="114">
        <v>186459</v>
      </c>
      <c r="DP30" s="114">
        <v>0</v>
      </c>
      <c r="DQ30" s="114">
        <v>72360</v>
      </c>
      <c r="DR30" s="113">
        <v>389428</v>
      </c>
      <c r="DS30" s="116">
        <v>389428</v>
      </c>
      <c r="DT30" s="110">
        <v>0</v>
      </c>
      <c r="DU30" s="114">
        <v>0</v>
      </c>
      <c r="DV30" s="113">
        <v>0</v>
      </c>
      <c r="DW30" s="110">
        <v>0</v>
      </c>
      <c r="DX30" s="114">
        <v>27250</v>
      </c>
      <c r="DY30" s="114">
        <v>103359</v>
      </c>
      <c r="DZ30" s="114">
        <v>186459</v>
      </c>
      <c r="EA30" s="114">
        <v>0</v>
      </c>
      <c r="EB30" s="114">
        <v>29628</v>
      </c>
      <c r="EC30" s="113">
        <v>346696</v>
      </c>
      <c r="ED30" s="116">
        <v>346696</v>
      </c>
      <c r="EE30" s="110">
        <v>0</v>
      </c>
      <c r="EF30" s="112">
        <v>0</v>
      </c>
      <c r="EG30" s="113">
        <v>0</v>
      </c>
      <c r="EH30" s="110">
        <v>0</v>
      </c>
      <c r="EI30" s="114">
        <v>0</v>
      </c>
      <c r="EJ30" s="114">
        <v>0</v>
      </c>
      <c r="EK30" s="114">
        <v>0</v>
      </c>
      <c r="EL30" s="114">
        <v>0</v>
      </c>
      <c r="EM30" s="114">
        <v>42732</v>
      </c>
      <c r="EN30" s="112">
        <v>42732</v>
      </c>
      <c r="EO30" s="116">
        <v>42732</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8694</v>
      </c>
      <c r="FM30" s="114">
        <v>33712</v>
      </c>
      <c r="FN30" s="113">
        <v>42406</v>
      </c>
      <c r="FO30" s="110">
        <v>0</v>
      </c>
      <c r="FP30" s="114">
        <v>18410</v>
      </c>
      <c r="FQ30" s="114">
        <v>113050</v>
      </c>
      <c r="FR30" s="114">
        <v>72884</v>
      </c>
      <c r="FS30" s="114">
        <v>120981</v>
      </c>
      <c r="FT30" s="114">
        <v>88165</v>
      </c>
      <c r="FU30" s="113">
        <v>413490</v>
      </c>
      <c r="FV30" s="116">
        <v>455896</v>
      </c>
      <c r="FW30" s="115">
        <v>8694</v>
      </c>
      <c r="FX30" s="114">
        <v>33712</v>
      </c>
      <c r="FY30" s="112">
        <v>42406</v>
      </c>
      <c r="FZ30" s="111">
        <v>0</v>
      </c>
      <c r="GA30" s="114">
        <v>18410</v>
      </c>
      <c r="GB30" s="114">
        <v>113050</v>
      </c>
      <c r="GC30" s="114">
        <v>72884</v>
      </c>
      <c r="GD30" s="114">
        <v>120981</v>
      </c>
      <c r="GE30" s="114">
        <v>88165</v>
      </c>
      <c r="GF30" s="113">
        <v>413490</v>
      </c>
      <c r="GG30" s="318">
        <v>455896</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0</v>
      </c>
      <c r="GX30" s="114">
        <v>0</v>
      </c>
      <c r="GY30" s="114">
        <v>0</v>
      </c>
      <c r="GZ30" s="114">
        <v>0</v>
      </c>
      <c r="HA30" s="114">
        <v>0</v>
      </c>
      <c r="HB30" s="112">
        <v>0</v>
      </c>
      <c r="HC30" s="116">
        <v>0</v>
      </c>
      <c r="HD30" s="110">
        <v>0</v>
      </c>
      <c r="HE30" s="114">
        <v>0</v>
      </c>
      <c r="HF30" s="112">
        <v>0</v>
      </c>
      <c r="HG30" s="111">
        <v>0</v>
      </c>
      <c r="HH30" s="114">
        <v>0</v>
      </c>
      <c r="HI30" s="114">
        <v>154053</v>
      </c>
      <c r="HJ30" s="114">
        <v>174176</v>
      </c>
      <c r="HK30" s="114">
        <v>374556</v>
      </c>
      <c r="HL30" s="114">
        <v>412718</v>
      </c>
      <c r="HM30" s="113">
        <v>1115503</v>
      </c>
      <c r="HN30" s="109">
        <v>1115503</v>
      </c>
      <c r="HO30" s="328"/>
      <c r="HP30" s="329"/>
      <c r="HQ30" s="330"/>
      <c r="HR30" s="331"/>
      <c r="HS30" s="329"/>
      <c r="HT30" s="329"/>
      <c r="HU30" s="329"/>
      <c r="HV30" s="329"/>
      <c r="HW30" s="329"/>
      <c r="HX30" s="332"/>
      <c r="HY30" s="333"/>
      <c r="HZ30" s="150">
        <v>0</v>
      </c>
      <c r="IA30" s="135">
        <v>0</v>
      </c>
      <c r="IB30" s="150">
        <v>0</v>
      </c>
      <c r="IC30" s="134">
        <v>0</v>
      </c>
      <c r="ID30" s="135">
        <v>260960</v>
      </c>
      <c r="IE30" s="136">
        <v>17299</v>
      </c>
      <c r="IF30" s="137">
        <v>34826</v>
      </c>
      <c r="IG30" s="135">
        <v>0</v>
      </c>
      <c r="IH30" s="137">
        <v>0</v>
      </c>
      <c r="II30" s="138">
        <v>313085</v>
      </c>
      <c r="IJ30" s="150">
        <v>313085</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61678</v>
      </c>
      <c r="JL30" s="119">
        <v>17299</v>
      </c>
      <c r="JM30" s="119">
        <v>34826</v>
      </c>
      <c r="JN30" s="119">
        <v>0</v>
      </c>
      <c r="JO30" s="119">
        <v>0</v>
      </c>
      <c r="JP30" s="120">
        <v>113803</v>
      </c>
      <c r="JQ30" s="320">
        <v>113803</v>
      </c>
      <c r="JR30" s="142">
        <v>0</v>
      </c>
      <c r="JS30" s="119">
        <v>0</v>
      </c>
      <c r="JT30" s="141">
        <v>0</v>
      </c>
      <c r="JU30" s="118">
        <v>0</v>
      </c>
      <c r="JV30" s="119">
        <v>0</v>
      </c>
      <c r="JW30" s="119">
        <v>0</v>
      </c>
      <c r="JX30" s="119">
        <v>0</v>
      </c>
      <c r="JY30" s="119">
        <v>0</v>
      </c>
      <c r="JZ30" s="119">
        <v>0</v>
      </c>
      <c r="KA30" s="120">
        <v>0</v>
      </c>
      <c r="KB30" s="320">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199282</v>
      </c>
      <c r="KS30" s="119">
        <v>0</v>
      </c>
      <c r="KT30" s="119">
        <v>0</v>
      </c>
      <c r="KU30" s="119">
        <v>0</v>
      </c>
      <c r="KV30" s="119">
        <v>0</v>
      </c>
      <c r="KW30" s="120">
        <v>199282</v>
      </c>
      <c r="KX30" s="320">
        <v>19928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200357</v>
      </c>
      <c r="MM30" s="119">
        <v>815456</v>
      </c>
      <c r="MN30" s="119">
        <v>204673</v>
      </c>
      <c r="MO30" s="120">
        <v>1220486</v>
      </c>
      <c r="MP30" s="143">
        <v>1220486</v>
      </c>
      <c r="MQ30" s="142">
        <v>0</v>
      </c>
      <c r="MR30" s="119">
        <v>0</v>
      </c>
      <c r="MS30" s="120">
        <v>0</v>
      </c>
      <c r="MT30" s="145"/>
      <c r="MU30" s="119">
        <v>0</v>
      </c>
      <c r="MV30" s="119">
        <v>0</v>
      </c>
      <c r="MW30" s="119">
        <v>200357</v>
      </c>
      <c r="MX30" s="119">
        <v>217723</v>
      </c>
      <c r="MY30" s="119">
        <v>204673</v>
      </c>
      <c r="MZ30" s="120">
        <v>622753</v>
      </c>
      <c r="NA30" s="143">
        <v>622753</v>
      </c>
      <c r="NB30" s="142">
        <v>0</v>
      </c>
      <c r="NC30" s="119">
        <v>0</v>
      </c>
      <c r="ND30" s="120">
        <v>0</v>
      </c>
      <c r="NE30" s="145"/>
      <c r="NF30" s="119">
        <v>0</v>
      </c>
      <c r="NG30" s="119">
        <v>0</v>
      </c>
      <c r="NH30" s="119">
        <v>0</v>
      </c>
      <c r="NI30" s="119">
        <v>274653</v>
      </c>
      <c r="NJ30" s="119">
        <v>0</v>
      </c>
      <c r="NK30" s="120">
        <v>274653</v>
      </c>
      <c r="NL30" s="320">
        <v>274653</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323080</v>
      </c>
      <c r="OF30" s="119">
        <v>0</v>
      </c>
      <c r="OG30" s="120">
        <v>323080</v>
      </c>
      <c r="OH30" s="121">
        <v>323080</v>
      </c>
      <c r="OI30" s="142">
        <v>33509</v>
      </c>
      <c r="OJ30" s="119">
        <v>232989</v>
      </c>
      <c r="OK30" s="141">
        <v>266498</v>
      </c>
      <c r="OL30" s="118">
        <v>0</v>
      </c>
      <c r="OM30" s="119">
        <v>660519</v>
      </c>
      <c r="ON30" s="119">
        <v>931129</v>
      </c>
      <c r="OO30" s="119">
        <v>1324096</v>
      </c>
      <c r="OP30" s="119">
        <v>1682422</v>
      </c>
      <c r="OQ30" s="119">
        <v>1191174</v>
      </c>
      <c r="OR30" s="120">
        <v>5789340</v>
      </c>
      <c r="OS30" s="143">
        <v>6055838</v>
      </c>
    </row>
    <row r="31" spans="2:409" ht="21" customHeight="1" x14ac:dyDescent="0.2">
      <c r="B31" s="126" t="s">
        <v>26</v>
      </c>
      <c r="C31" s="110">
        <v>193508</v>
      </c>
      <c r="D31" s="114">
        <v>246747</v>
      </c>
      <c r="E31" s="113">
        <v>440255</v>
      </c>
      <c r="F31" s="109">
        <v>0</v>
      </c>
      <c r="G31" s="114">
        <v>1093314</v>
      </c>
      <c r="H31" s="114">
        <v>1519813</v>
      </c>
      <c r="I31" s="114">
        <v>804777</v>
      </c>
      <c r="J31" s="114">
        <v>706592</v>
      </c>
      <c r="K31" s="114">
        <v>648079</v>
      </c>
      <c r="L31" s="173">
        <v>4772575</v>
      </c>
      <c r="M31" s="116">
        <v>5212830</v>
      </c>
      <c r="N31" s="110">
        <v>45262</v>
      </c>
      <c r="O31" s="114">
        <v>60239</v>
      </c>
      <c r="P31" s="113">
        <v>105501</v>
      </c>
      <c r="Q31" s="110">
        <v>0</v>
      </c>
      <c r="R31" s="114">
        <v>286497</v>
      </c>
      <c r="S31" s="114">
        <v>293955</v>
      </c>
      <c r="T31" s="114">
        <v>260121</v>
      </c>
      <c r="U31" s="114">
        <v>552327</v>
      </c>
      <c r="V31" s="114">
        <v>401940</v>
      </c>
      <c r="W31" s="113">
        <v>1794840</v>
      </c>
      <c r="X31" s="116">
        <v>1900341</v>
      </c>
      <c r="Y31" s="110">
        <v>0</v>
      </c>
      <c r="Z31" s="114">
        <v>0</v>
      </c>
      <c r="AA31" s="113">
        <v>0</v>
      </c>
      <c r="AB31" s="110">
        <v>0</v>
      </c>
      <c r="AC31" s="114">
        <v>58807</v>
      </c>
      <c r="AD31" s="114">
        <v>25032</v>
      </c>
      <c r="AE31" s="114">
        <v>162054</v>
      </c>
      <c r="AF31" s="114">
        <v>312878</v>
      </c>
      <c r="AG31" s="114">
        <v>190028</v>
      </c>
      <c r="AH31" s="113">
        <v>748799</v>
      </c>
      <c r="AI31" s="116">
        <v>748799</v>
      </c>
      <c r="AJ31" s="110">
        <v>0</v>
      </c>
      <c r="AK31" s="114">
        <v>0</v>
      </c>
      <c r="AL31" s="113">
        <v>0</v>
      </c>
      <c r="AM31" s="110">
        <v>0</v>
      </c>
      <c r="AN31" s="114">
        <v>0</v>
      </c>
      <c r="AO31" s="114">
        <v>0</v>
      </c>
      <c r="AP31" s="114">
        <v>0</v>
      </c>
      <c r="AQ31" s="114">
        <v>0</v>
      </c>
      <c r="AR31" s="114">
        <v>52901</v>
      </c>
      <c r="AS31" s="113">
        <v>52901</v>
      </c>
      <c r="AT31" s="116">
        <v>52901</v>
      </c>
      <c r="AU31" s="110">
        <v>0</v>
      </c>
      <c r="AV31" s="114">
        <v>36789</v>
      </c>
      <c r="AW31" s="113">
        <v>36789</v>
      </c>
      <c r="AX31" s="110">
        <v>0</v>
      </c>
      <c r="AY31" s="114">
        <v>204828</v>
      </c>
      <c r="AZ31" s="114">
        <v>157740</v>
      </c>
      <c r="BA31" s="114">
        <v>66217</v>
      </c>
      <c r="BB31" s="114">
        <v>187621</v>
      </c>
      <c r="BC31" s="114">
        <v>127441</v>
      </c>
      <c r="BD31" s="113">
        <v>743847</v>
      </c>
      <c r="BE31" s="116">
        <v>780636</v>
      </c>
      <c r="BF31" s="110">
        <v>0</v>
      </c>
      <c r="BG31" s="114">
        <v>0</v>
      </c>
      <c r="BH31" s="112">
        <v>0</v>
      </c>
      <c r="BI31" s="111">
        <v>0</v>
      </c>
      <c r="BJ31" s="114">
        <v>0</v>
      </c>
      <c r="BK31" s="114">
        <v>55302</v>
      </c>
      <c r="BL31" s="114">
        <v>27650</v>
      </c>
      <c r="BM31" s="114">
        <v>0</v>
      </c>
      <c r="BN31" s="114">
        <v>0</v>
      </c>
      <c r="BO31" s="113">
        <v>82952</v>
      </c>
      <c r="BP31" s="116">
        <v>82952</v>
      </c>
      <c r="BQ31" s="110">
        <v>45262</v>
      </c>
      <c r="BR31" s="114">
        <v>23450</v>
      </c>
      <c r="BS31" s="113">
        <v>68712</v>
      </c>
      <c r="BT31" s="110">
        <v>0</v>
      </c>
      <c r="BU31" s="114">
        <v>22862</v>
      </c>
      <c r="BV31" s="114">
        <v>55881</v>
      </c>
      <c r="BW31" s="114">
        <v>4200</v>
      </c>
      <c r="BX31" s="114">
        <v>51828</v>
      </c>
      <c r="BY31" s="114">
        <v>31570</v>
      </c>
      <c r="BZ31" s="113">
        <v>166341</v>
      </c>
      <c r="CA31" s="116">
        <v>235053</v>
      </c>
      <c r="CB31" s="110">
        <v>0</v>
      </c>
      <c r="CC31" s="114">
        <v>31953</v>
      </c>
      <c r="CD31" s="113">
        <v>31953</v>
      </c>
      <c r="CE31" s="110">
        <v>0</v>
      </c>
      <c r="CF31" s="114">
        <v>527505</v>
      </c>
      <c r="CG31" s="114">
        <v>296059</v>
      </c>
      <c r="CH31" s="114">
        <v>256985</v>
      </c>
      <c r="CI31" s="114">
        <v>72701</v>
      </c>
      <c r="CJ31" s="114">
        <v>0</v>
      </c>
      <c r="CK31" s="113">
        <v>1153250</v>
      </c>
      <c r="CL31" s="116">
        <v>1185203</v>
      </c>
      <c r="CM31" s="110">
        <v>0</v>
      </c>
      <c r="CN31" s="114">
        <v>0</v>
      </c>
      <c r="CO31" s="113">
        <v>0</v>
      </c>
      <c r="CP31" s="111">
        <v>0</v>
      </c>
      <c r="CQ31" s="114">
        <v>138096</v>
      </c>
      <c r="CR31" s="114">
        <v>124238</v>
      </c>
      <c r="CS31" s="114">
        <v>232314</v>
      </c>
      <c r="CT31" s="114">
        <v>72701</v>
      </c>
      <c r="CU31" s="114">
        <v>0</v>
      </c>
      <c r="CV31" s="113">
        <v>567349</v>
      </c>
      <c r="CW31" s="116">
        <v>567349</v>
      </c>
      <c r="CX31" s="110">
        <v>0</v>
      </c>
      <c r="CY31" s="114">
        <v>31953</v>
      </c>
      <c r="CZ31" s="113">
        <v>31953</v>
      </c>
      <c r="DA31" s="110">
        <v>0</v>
      </c>
      <c r="DB31" s="114">
        <v>389409</v>
      </c>
      <c r="DC31" s="114">
        <v>171821</v>
      </c>
      <c r="DD31" s="114">
        <v>24671</v>
      </c>
      <c r="DE31" s="114">
        <v>0</v>
      </c>
      <c r="DF31" s="114">
        <v>0</v>
      </c>
      <c r="DG31" s="113">
        <v>585901</v>
      </c>
      <c r="DH31" s="116">
        <v>617854</v>
      </c>
      <c r="DI31" s="110">
        <v>0</v>
      </c>
      <c r="DJ31" s="114">
        <v>39849</v>
      </c>
      <c r="DK31" s="112">
        <v>39849</v>
      </c>
      <c r="DL31" s="111">
        <v>0</v>
      </c>
      <c r="DM31" s="114">
        <v>22195</v>
      </c>
      <c r="DN31" s="114">
        <v>32522</v>
      </c>
      <c r="DO31" s="114">
        <v>79145</v>
      </c>
      <c r="DP31" s="114">
        <v>0</v>
      </c>
      <c r="DQ31" s="114">
        <v>0</v>
      </c>
      <c r="DR31" s="113">
        <v>133862</v>
      </c>
      <c r="DS31" s="116">
        <v>173711</v>
      </c>
      <c r="DT31" s="110">
        <v>0</v>
      </c>
      <c r="DU31" s="114">
        <v>39849</v>
      </c>
      <c r="DV31" s="113">
        <v>39849</v>
      </c>
      <c r="DW31" s="110">
        <v>0</v>
      </c>
      <c r="DX31" s="114">
        <v>0</v>
      </c>
      <c r="DY31" s="114">
        <v>32522</v>
      </c>
      <c r="DZ31" s="114">
        <v>79145</v>
      </c>
      <c r="EA31" s="114">
        <v>0</v>
      </c>
      <c r="EB31" s="114">
        <v>0</v>
      </c>
      <c r="EC31" s="113">
        <v>111667</v>
      </c>
      <c r="ED31" s="116">
        <v>151516</v>
      </c>
      <c r="EE31" s="110">
        <v>0</v>
      </c>
      <c r="EF31" s="112">
        <v>0</v>
      </c>
      <c r="EG31" s="113">
        <v>0</v>
      </c>
      <c r="EH31" s="110">
        <v>0</v>
      </c>
      <c r="EI31" s="114">
        <v>22195</v>
      </c>
      <c r="EJ31" s="114">
        <v>0</v>
      </c>
      <c r="EK31" s="114">
        <v>0</v>
      </c>
      <c r="EL31" s="114">
        <v>0</v>
      </c>
      <c r="EM31" s="114">
        <v>0</v>
      </c>
      <c r="EN31" s="112">
        <v>22195</v>
      </c>
      <c r="EO31" s="116">
        <v>22195</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3500</v>
      </c>
      <c r="FM31" s="114">
        <v>35280</v>
      </c>
      <c r="FN31" s="113">
        <v>38780</v>
      </c>
      <c r="FO31" s="110">
        <v>0</v>
      </c>
      <c r="FP31" s="114">
        <v>108290</v>
      </c>
      <c r="FQ31" s="114">
        <v>87136</v>
      </c>
      <c r="FR31" s="114">
        <v>70994</v>
      </c>
      <c r="FS31" s="114">
        <v>81564</v>
      </c>
      <c r="FT31" s="114">
        <v>43022</v>
      </c>
      <c r="FU31" s="113">
        <v>391006</v>
      </c>
      <c r="FV31" s="116">
        <v>429786</v>
      </c>
      <c r="FW31" s="115">
        <v>3500</v>
      </c>
      <c r="FX31" s="114">
        <v>35280</v>
      </c>
      <c r="FY31" s="112">
        <v>38780</v>
      </c>
      <c r="FZ31" s="111">
        <v>0</v>
      </c>
      <c r="GA31" s="114">
        <v>35490</v>
      </c>
      <c r="GB31" s="114">
        <v>87136</v>
      </c>
      <c r="GC31" s="114">
        <v>41734</v>
      </c>
      <c r="GD31" s="114">
        <v>81564</v>
      </c>
      <c r="GE31" s="114">
        <v>43022</v>
      </c>
      <c r="GF31" s="113">
        <v>288946</v>
      </c>
      <c r="GG31" s="318">
        <v>327726</v>
      </c>
      <c r="GH31" s="115">
        <v>0</v>
      </c>
      <c r="GI31" s="114">
        <v>0</v>
      </c>
      <c r="GJ31" s="112">
        <v>0</v>
      </c>
      <c r="GK31" s="111">
        <v>0</v>
      </c>
      <c r="GL31" s="114">
        <v>0</v>
      </c>
      <c r="GM31" s="114">
        <v>0</v>
      </c>
      <c r="GN31" s="114">
        <v>0</v>
      </c>
      <c r="GO31" s="114">
        <v>0</v>
      </c>
      <c r="GP31" s="114">
        <v>0</v>
      </c>
      <c r="GQ31" s="113">
        <v>0</v>
      </c>
      <c r="GR31" s="116">
        <v>0</v>
      </c>
      <c r="GS31" s="110">
        <v>0</v>
      </c>
      <c r="GT31" s="114">
        <v>0</v>
      </c>
      <c r="GU31" s="113">
        <v>0</v>
      </c>
      <c r="GV31" s="110">
        <v>0</v>
      </c>
      <c r="GW31" s="114">
        <v>72800</v>
      </c>
      <c r="GX31" s="114">
        <v>0</v>
      </c>
      <c r="GY31" s="114">
        <v>29260</v>
      </c>
      <c r="GZ31" s="114">
        <v>0</v>
      </c>
      <c r="HA31" s="114">
        <v>0</v>
      </c>
      <c r="HB31" s="112">
        <v>102060</v>
      </c>
      <c r="HC31" s="116">
        <v>102060</v>
      </c>
      <c r="HD31" s="110">
        <v>144746</v>
      </c>
      <c r="HE31" s="114">
        <v>79426</v>
      </c>
      <c r="HF31" s="112">
        <v>224172</v>
      </c>
      <c r="HG31" s="111">
        <v>0</v>
      </c>
      <c r="HH31" s="114">
        <v>148827</v>
      </c>
      <c r="HI31" s="114">
        <v>810141</v>
      </c>
      <c r="HJ31" s="114">
        <v>137532</v>
      </c>
      <c r="HK31" s="114">
        <v>0</v>
      </c>
      <c r="HL31" s="114">
        <v>203117</v>
      </c>
      <c r="HM31" s="113">
        <v>1299617</v>
      </c>
      <c r="HN31" s="109">
        <v>1523789</v>
      </c>
      <c r="HO31" s="328"/>
      <c r="HP31" s="329"/>
      <c r="HQ31" s="330"/>
      <c r="HR31" s="331"/>
      <c r="HS31" s="329"/>
      <c r="HT31" s="329"/>
      <c r="HU31" s="329"/>
      <c r="HV31" s="329"/>
      <c r="HW31" s="329"/>
      <c r="HX31" s="332"/>
      <c r="HY31" s="333"/>
      <c r="HZ31" s="131">
        <v>0</v>
      </c>
      <c r="IA31" s="132">
        <v>0</v>
      </c>
      <c r="IB31" s="133">
        <v>0</v>
      </c>
      <c r="IC31" s="146">
        <v>0</v>
      </c>
      <c r="ID31" s="132">
        <v>150732</v>
      </c>
      <c r="IE31" s="147">
        <v>95555</v>
      </c>
      <c r="IF31" s="133">
        <v>217086</v>
      </c>
      <c r="IG31" s="132">
        <v>444753</v>
      </c>
      <c r="IH31" s="133">
        <v>0</v>
      </c>
      <c r="II31" s="148">
        <v>908126</v>
      </c>
      <c r="IJ31" s="139">
        <v>908126</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42709</v>
      </c>
      <c r="JL31" s="119">
        <v>95555</v>
      </c>
      <c r="JM31" s="119">
        <v>0</v>
      </c>
      <c r="JN31" s="119">
        <v>0</v>
      </c>
      <c r="JO31" s="119">
        <v>0</v>
      </c>
      <c r="JP31" s="120">
        <v>138264</v>
      </c>
      <c r="JQ31" s="320">
        <v>138264</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108023</v>
      </c>
      <c r="KH31" s="119">
        <v>0</v>
      </c>
      <c r="KI31" s="119">
        <v>0</v>
      </c>
      <c r="KJ31" s="119">
        <v>0</v>
      </c>
      <c r="KK31" s="119">
        <v>0</v>
      </c>
      <c r="KL31" s="120">
        <v>108023</v>
      </c>
      <c r="KM31" s="143">
        <v>108023</v>
      </c>
      <c r="KN31" s="232">
        <v>0</v>
      </c>
      <c r="KO31" s="236">
        <v>0</v>
      </c>
      <c r="KP31" s="237">
        <v>0</v>
      </c>
      <c r="KQ31" s="140"/>
      <c r="KR31" s="119">
        <v>0</v>
      </c>
      <c r="KS31" s="119">
        <v>0</v>
      </c>
      <c r="KT31" s="119">
        <v>217086</v>
      </c>
      <c r="KU31" s="119">
        <v>444753</v>
      </c>
      <c r="KV31" s="119">
        <v>0</v>
      </c>
      <c r="KW31" s="120">
        <v>661839</v>
      </c>
      <c r="KX31" s="320">
        <v>661839</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440132</v>
      </c>
      <c r="MK31" s="119">
        <v>202513</v>
      </c>
      <c r="ML31" s="119">
        <v>48680</v>
      </c>
      <c r="MM31" s="119">
        <v>198466</v>
      </c>
      <c r="MN31" s="119">
        <v>-242</v>
      </c>
      <c r="MO31" s="120">
        <v>889549</v>
      </c>
      <c r="MP31" s="143">
        <v>889549</v>
      </c>
      <c r="MQ31" s="142">
        <v>0</v>
      </c>
      <c r="MR31" s="119">
        <v>0</v>
      </c>
      <c r="MS31" s="120">
        <v>0</v>
      </c>
      <c r="MT31" s="145"/>
      <c r="MU31" s="119">
        <v>0</v>
      </c>
      <c r="MV31" s="119">
        <v>0</v>
      </c>
      <c r="MW31" s="119">
        <v>48680</v>
      </c>
      <c r="MX31" s="119">
        <v>198466</v>
      </c>
      <c r="MY31" s="119">
        <v>-242</v>
      </c>
      <c r="MZ31" s="120">
        <v>246904</v>
      </c>
      <c r="NA31" s="143">
        <v>246904</v>
      </c>
      <c r="NB31" s="142">
        <v>0</v>
      </c>
      <c r="NC31" s="119">
        <v>0</v>
      </c>
      <c r="ND31" s="120">
        <v>0</v>
      </c>
      <c r="NE31" s="145"/>
      <c r="NF31" s="119">
        <v>440132</v>
      </c>
      <c r="NG31" s="119">
        <v>202513</v>
      </c>
      <c r="NH31" s="119">
        <v>0</v>
      </c>
      <c r="NI31" s="119">
        <v>0</v>
      </c>
      <c r="NJ31" s="119">
        <v>0</v>
      </c>
      <c r="NK31" s="120">
        <v>642645</v>
      </c>
      <c r="NL31" s="320">
        <v>642645</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93508</v>
      </c>
      <c r="OJ31" s="119">
        <v>246747</v>
      </c>
      <c r="OK31" s="141">
        <v>440255</v>
      </c>
      <c r="OL31" s="118">
        <v>0</v>
      </c>
      <c r="OM31" s="119">
        <v>1684178</v>
      </c>
      <c r="ON31" s="119">
        <v>1817881</v>
      </c>
      <c r="OO31" s="119">
        <v>1070543</v>
      </c>
      <c r="OP31" s="119">
        <v>1349811</v>
      </c>
      <c r="OQ31" s="119">
        <v>647837</v>
      </c>
      <c r="OR31" s="120">
        <v>6570250</v>
      </c>
      <c r="OS31" s="143">
        <v>7010505</v>
      </c>
    </row>
    <row r="32" spans="2:409" ht="21" customHeight="1" x14ac:dyDescent="0.2">
      <c r="B32" s="126" t="s">
        <v>27</v>
      </c>
      <c r="C32" s="110">
        <v>238380</v>
      </c>
      <c r="D32" s="114">
        <v>297301</v>
      </c>
      <c r="E32" s="113">
        <v>535681</v>
      </c>
      <c r="F32" s="109">
        <v>0</v>
      </c>
      <c r="G32" s="114">
        <v>534203</v>
      </c>
      <c r="H32" s="114">
        <v>1179409</v>
      </c>
      <c r="I32" s="114">
        <v>2013760</v>
      </c>
      <c r="J32" s="114">
        <v>1350770</v>
      </c>
      <c r="K32" s="114">
        <v>500689</v>
      </c>
      <c r="L32" s="173">
        <v>5578831</v>
      </c>
      <c r="M32" s="116">
        <v>6114512</v>
      </c>
      <c r="N32" s="110">
        <v>73521</v>
      </c>
      <c r="O32" s="114">
        <v>44157</v>
      </c>
      <c r="P32" s="113">
        <v>117678</v>
      </c>
      <c r="Q32" s="110">
        <v>0</v>
      </c>
      <c r="R32" s="114">
        <v>19152</v>
      </c>
      <c r="S32" s="114">
        <v>339242</v>
      </c>
      <c r="T32" s="114">
        <v>423362</v>
      </c>
      <c r="U32" s="114">
        <v>275998</v>
      </c>
      <c r="V32" s="114">
        <v>276825</v>
      </c>
      <c r="W32" s="113">
        <v>1334579</v>
      </c>
      <c r="X32" s="116">
        <v>1452257</v>
      </c>
      <c r="Y32" s="110">
        <v>0</v>
      </c>
      <c r="Z32" s="114">
        <v>0</v>
      </c>
      <c r="AA32" s="113">
        <v>0</v>
      </c>
      <c r="AB32" s="110">
        <v>0</v>
      </c>
      <c r="AC32" s="114">
        <v>0</v>
      </c>
      <c r="AD32" s="114">
        <v>174457</v>
      </c>
      <c r="AE32" s="114">
        <v>169628</v>
      </c>
      <c r="AF32" s="114">
        <v>0</v>
      </c>
      <c r="AG32" s="114">
        <v>216437</v>
      </c>
      <c r="AH32" s="113">
        <v>560522</v>
      </c>
      <c r="AI32" s="116">
        <v>560522</v>
      </c>
      <c r="AJ32" s="110">
        <v>0</v>
      </c>
      <c r="AK32" s="114">
        <v>0</v>
      </c>
      <c r="AL32" s="113">
        <v>0</v>
      </c>
      <c r="AM32" s="110">
        <v>0</v>
      </c>
      <c r="AN32" s="114">
        <v>0</v>
      </c>
      <c r="AO32" s="114">
        <v>0</v>
      </c>
      <c r="AP32" s="114">
        <v>0</v>
      </c>
      <c r="AQ32" s="114">
        <v>92942</v>
      </c>
      <c r="AR32" s="114">
        <v>0</v>
      </c>
      <c r="AS32" s="113">
        <v>92942</v>
      </c>
      <c r="AT32" s="116">
        <v>92942</v>
      </c>
      <c r="AU32" s="110">
        <v>73521</v>
      </c>
      <c r="AV32" s="114">
        <v>30983</v>
      </c>
      <c r="AW32" s="113">
        <v>104504</v>
      </c>
      <c r="AX32" s="110">
        <v>0</v>
      </c>
      <c r="AY32" s="114">
        <v>5733</v>
      </c>
      <c r="AZ32" s="114">
        <v>123595</v>
      </c>
      <c r="BA32" s="114">
        <v>118102</v>
      </c>
      <c r="BB32" s="114">
        <v>108436</v>
      </c>
      <c r="BC32" s="114">
        <v>42685</v>
      </c>
      <c r="BD32" s="113">
        <v>398551</v>
      </c>
      <c r="BE32" s="116">
        <v>503055</v>
      </c>
      <c r="BF32" s="110">
        <v>0</v>
      </c>
      <c r="BG32" s="114">
        <v>0</v>
      </c>
      <c r="BH32" s="112">
        <v>0</v>
      </c>
      <c r="BI32" s="111">
        <v>0</v>
      </c>
      <c r="BJ32" s="114">
        <v>0</v>
      </c>
      <c r="BK32" s="114">
        <v>9053</v>
      </c>
      <c r="BL32" s="114">
        <v>0</v>
      </c>
      <c r="BM32" s="114">
        <v>0</v>
      </c>
      <c r="BN32" s="114">
        <v>0</v>
      </c>
      <c r="BO32" s="113">
        <v>9053</v>
      </c>
      <c r="BP32" s="116">
        <v>9053</v>
      </c>
      <c r="BQ32" s="110">
        <v>0</v>
      </c>
      <c r="BR32" s="114">
        <v>13174</v>
      </c>
      <c r="BS32" s="113">
        <v>13174</v>
      </c>
      <c r="BT32" s="110">
        <v>0</v>
      </c>
      <c r="BU32" s="114">
        <v>13419</v>
      </c>
      <c r="BV32" s="114">
        <v>32137</v>
      </c>
      <c r="BW32" s="114">
        <v>135632</v>
      </c>
      <c r="BX32" s="114">
        <v>74620</v>
      </c>
      <c r="BY32" s="114">
        <v>17703</v>
      </c>
      <c r="BZ32" s="113">
        <v>273511</v>
      </c>
      <c r="CA32" s="116">
        <v>286685</v>
      </c>
      <c r="CB32" s="110">
        <v>36689</v>
      </c>
      <c r="CC32" s="114">
        <v>32053</v>
      </c>
      <c r="CD32" s="113">
        <v>68742</v>
      </c>
      <c r="CE32" s="110">
        <v>0</v>
      </c>
      <c r="CF32" s="114">
        <v>39956</v>
      </c>
      <c r="CG32" s="114">
        <v>114470</v>
      </c>
      <c r="CH32" s="114">
        <v>194080</v>
      </c>
      <c r="CI32" s="114">
        <v>45520</v>
      </c>
      <c r="CJ32" s="114">
        <v>0</v>
      </c>
      <c r="CK32" s="113">
        <v>394026</v>
      </c>
      <c r="CL32" s="116">
        <v>462768</v>
      </c>
      <c r="CM32" s="110">
        <v>0</v>
      </c>
      <c r="CN32" s="114">
        <v>0</v>
      </c>
      <c r="CO32" s="113">
        <v>0</v>
      </c>
      <c r="CP32" s="111">
        <v>0</v>
      </c>
      <c r="CQ32" s="114">
        <v>39956</v>
      </c>
      <c r="CR32" s="114">
        <v>36095</v>
      </c>
      <c r="CS32" s="114">
        <v>128293</v>
      </c>
      <c r="CT32" s="114">
        <v>45520</v>
      </c>
      <c r="CU32" s="114">
        <v>0</v>
      </c>
      <c r="CV32" s="113">
        <v>249864</v>
      </c>
      <c r="CW32" s="116">
        <v>249864</v>
      </c>
      <c r="CX32" s="110">
        <v>36689</v>
      </c>
      <c r="CY32" s="114">
        <v>32053</v>
      </c>
      <c r="CZ32" s="113">
        <v>68742</v>
      </c>
      <c r="DA32" s="110">
        <v>0</v>
      </c>
      <c r="DB32" s="114">
        <v>0</v>
      </c>
      <c r="DC32" s="114">
        <v>78375</v>
      </c>
      <c r="DD32" s="114">
        <v>65787</v>
      </c>
      <c r="DE32" s="114">
        <v>0</v>
      </c>
      <c r="DF32" s="114">
        <v>0</v>
      </c>
      <c r="DG32" s="113">
        <v>144162</v>
      </c>
      <c r="DH32" s="116">
        <v>212904</v>
      </c>
      <c r="DI32" s="110">
        <v>0</v>
      </c>
      <c r="DJ32" s="114">
        <v>0</v>
      </c>
      <c r="DK32" s="112">
        <v>0</v>
      </c>
      <c r="DL32" s="111">
        <v>0</v>
      </c>
      <c r="DM32" s="114">
        <v>24510</v>
      </c>
      <c r="DN32" s="114">
        <v>0</v>
      </c>
      <c r="DO32" s="114">
        <v>122507</v>
      </c>
      <c r="DP32" s="114">
        <v>62587</v>
      </c>
      <c r="DQ32" s="114">
        <v>0</v>
      </c>
      <c r="DR32" s="113">
        <v>209604</v>
      </c>
      <c r="DS32" s="116">
        <v>209604</v>
      </c>
      <c r="DT32" s="110">
        <v>0</v>
      </c>
      <c r="DU32" s="114">
        <v>0</v>
      </c>
      <c r="DV32" s="113">
        <v>0</v>
      </c>
      <c r="DW32" s="110">
        <v>0</v>
      </c>
      <c r="DX32" s="114">
        <v>24510</v>
      </c>
      <c r="DY32" s="114">
        <v>0</v>
      </c>
      <c r="DZ32" s="114">
        <v>122507</v>
      </c>
      <c r="EA32" s="114">
        <v>62587</v>
      </c>
      <c r="EB32" s="114">
        <v>0</v>
      </c>
      <c r="EC32" s="113">
        <v>209604</v>
      </c>
      <c r="ED32" s="116">
        <v>209604</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128170</v>
      </c>
      <c r="FM32" s="114">
        <v>133798</v>
      </c>
      <c r="FN32" s="113">
        <v>261968</v>
      </c>
      <c r="FO32" s="110">
        <v>0</v>
      </c>
      <c r="FP32" s="114">
        <v>39375</v>
      </c>
      <c r="FQ32" s="114">
        <v>71372</v>
      </c>
      <c r="FR32" s="114">
        <v>69881</v>
      </c>
      <c r="FS32" s="114">
        <v>49000</v>
      </c>
      <c r="FT32" s="114">
        <v>15680</v>
      </c>
      <c r="FU32" s="113">
        <v>245308</v>
      </c>
      <c r="FV32" s="116">
        <v>507276</v>
      </c>
      <c r="FW32" s="115">
        <v>15750</v>
      </c>
      <c r="FX32" s="114">
        <v>47250</v>
      </c>
      <c r="FY32" s="112">
        <v>63000</v>
      </c>
      <c r="FZ32" s="111">
        <v>0</v>
      </c>
      <c r="GA32" s="114">
        <v>39375</v>
      </c>
      <c r="GB32" s="114">
        <v>71372</v>
      </c>
      <c r="GC32" s="114">
        <v>69881</v>
      </c>
      <c r="GD32" s="114">
        <v>49000</v>
      </c>
      <c r="GE32" s="114">
        <v>15680</v>
      </c>
      <c r="GF32" s="113">
        <v>245308</v>
      </c>
      <c r="GG32" s="318">
        <v>308308</v>
      </c>
      <c r="GH32" s="115">
        <v>0</v>
      </c>
      <c r="GI32" s="114">
        <v>63448</v>
      </c>
      <c r="GJ32" s="112">
        <v>63448</v>
      </c>
      <c r="GK32" s="111">
        <v>0</v>
      </c>
      <c r="GL32" s="114">
        <v>0</v>
      </c>
      <c r="GM32" s="114">
        <v>0</v>
      </c>
      <c r="GN32" s="114">
        <v>0</v>
      </c>
      <c r="GO32" s="114">
        <v>0</v>
      </c>
      <c r="GP32" s="114">
        <v>0</v>
      </c>
      <c r="GQ32" s="113">
        <v>0</v>
      </c>
      <c r="GR32" s="116">
        <v>63448</v>
      </c>
      <c r="GS32" s="110">
        <v>112420</v>
      </c>
      <c r="GT32" s="114">
        <v>23100</v>
      </c>
      <c r="GU32" s="113">
        <v>135520</v>
      </c>
      <c r="GV32" s="110">
        <v>0</v>
      </c>
      <c r="GW32" s="114">
        <v>0</v>
      </c>
      <c r="GX32" s="114">
        <v>0</v>
      </c>
      <c r="GY32" s="114">
        <v>0</v>
      </c>
      <c r="GZ32" s="114">
        <v>0</v>
      </c>
      <c r="HA32" s="114">
        <v>0</v>
      </c>
      <c r="HB32" s="112">
        <v>0</v>
      </c>
      <c r="HC32" s="116">
        <v>135520</v>
      </c>
      <c r="HD32" s="110">
        <v>0</v>
      </c>
      <c r="HE32" s="114">
        <v>87293</v>
      </c>
      <c r="HF32" s="112">
        <v>87293</v>
      </c>
      <c r="HG32" s="111">
        <v>0</v>
      </c>
      <c r="HH32" s="114">
        <v>411210</v>
      </c>
      <c r="HI32" s="114">
        <v>654325</v>
      </c>
      <c r="HJ32" s="114">
        <v>1203930</v>
      </c>
      <c r="HK32" s="114">
        <v>917665</v>
      </c>
      <c r="HL32" s="114">
        <v>208184</v>
      </c>
      <c r="HM32" s="113">
        <v>3395314</v>
      </c>
      <c r="HN32" s="109">
        <v>3482607</v>
      </c>
      <c r="HO32" s="328"/>
      <c r="HP32" s="329"/>
      <c r="HQ32" s="330"/>
      <c r="HR32" s="331"/>
      <c r="HS32" s="329"/>
      <c r="HT32" s="329"/>
      <c r="HU32" s="329"/>
      <c r="HV32" s="329"/>
      <c r="HW32" s="329"/>
      <c r="HX32" s="332"/>
      <c r="HY32" s="333"/>
      <c r="HZ32" s="150">
        <v>0</v>
      </c>
      <c r="IA32" s="135">
        <v>0</v>
      </c>
      <c r="IB32" s="150">
        <v>0</v>
      </c>
      <c r="IC32" s="134">
        <v>0</v>
      </c>
      <c r="ID32" s="135">
        <v>45914</v>
      </c>
      <c r="IE32" s="136">
        <v>36455</v>
      </c>
      <c r="IF32" s="137">
        <v>122367</v>
      </c>
      <c r="IG32" s="135">
        <v>0</v>
      </c>
      <c r="IH32" s="137">
        <v>0</v>
      </c>
      <c r="II32" s="138">
        <v>204736</v>
      </c>
      <c r="IJ32" s="150">
        <v>204736</v>
      </c>
      <c r="IK32" s="232">
        <v>0</v>
      </c>
      <c r="IL32" s="236">
        <v>0</v>
      </c>
      <c r="IM32" s="237">
        <v>0</v>
      </c>
      <c r="IN32" s="140"/>
      <c r="IO32" s="119">
        <v>0</v>
      </c>
      <c r="IP32" s="119">
        <v>0</v>
      </c>
      <c r="IQ32" s="119">
        <v>0</v>
      </c>
      <c r="IR32" s="119">
        <v>0</v>
      </c>
      <c r="IS32" s="119">
        <v>0</v>
      </c>
      <c r="IT32" s="141">
        <v>0</v>
      </c>
      <c r="IU32" s="320">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28834</v>
      </c>
      <c r="JL32" s="119">
        <v>36455</v>
      </c>
      <c r="JM32" s="119">
        <v>0</v>
      </c>
      <c r="JN32" s="119">
        <v>0</v>
      </c>
      <c r="JO32" s="119">
        <v>0</v>
      </c>
      <c r="JP32" s="120">
        <v>65289</v>
      </c>
      <c r="JQ32" s="320">
        <v>65289</v>
      </c>
      <c r="JR32" s="142">
        <v>0</v>
      </c>
      <c r="JS32" s="119">
        <v>0</v>
      </c>
      <c r="JT32" s="141">
        <v>0</v>
      </c>
      <c r="JU32" s="118">
        <v>0</v>
      </c>
      <c r="JV32" s="119">
        <v>17080</v>
      </c>
      <c r="JW32" s="119">
        <v>0</v>
      </c>
      <c r="JX32" s="119">
        <v>122367</v>
      </c>
      <c r="JY32" s="119">
        <v>0</v>
      </c>
      <c r="JZ32" s="119">
        <v>0</v>
      </c>
      <c r="KA32" s="120">
        <v>139447</v>
      </c>
      <c r="KB32" s="320">
        <v>139447</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0">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0">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188867</v>
      </c>
      <c r="MK32" s="119">
        <v>0</v>
      </c>
      <c r="ML32" s="119">
        <v>198494</v>
      </c>
      <c r="MM32" s="119">
        <v>418082</v>
      </c>
      <c r="MN32" s="119">
        <v>0</v>
      </c>
      <c r="MO32" s="120">
        <v>805443</v>
      </c>
      <c r="MP32" s="143">
        <v>805443</v>
      </c>
      <c r="MQ32" s="142">
        <v>0</v>
      </c>
      <c r="MR32" s="119">
        <v>0</v>
      </c>
      <c r="MS32" s="120">
        <v>0</v>
      </c>
      <c r="MT32" s="145"/>
      <c r="MU32" s="119">
        <v>0</v>
      </c>
      <c r="MV32" s="119">
        <v>0</v>
      </c>
      <c r="MW32" s="119">
        <v>198494</v>
      </c>
      <c r="MX32" s="119">
        <v>418082</v>
      </c>
      <c r="MY32" s="119">
        <v>0</v>
      </c>
      <c r="MZ32" s="120">
        <v>616576</v>
      </c>
      <c r="NA32" s="143">
        <v>616576</v>
      </c>
      <c r="NB32" s="142">
        <v>0</v>
      </c>
      <c r="NC32" s="119">
        <v>0</v>
      </c>
      <c r="ND32" s="120">
        <v>0</v>
      </c>
      <c r="NE32" s="145"/>
      <c r="NF32" s="119">
        <v>188867</v>
      </c>
      <c r="NG32" s="119">
        <v>0</v>
      </c>
      <c r="NH32" s="119">
        <v>0</v>
      </c>
      <c r="NI32" s="119">
        <v>0</v>
      </c>
      <c r="NJ32" s="119">
        <v>0</v>
      </c>
      <c r="NK32" s="120">
        <v>188867</v>
      </c>
      <c r="NL32" s="320">
        <v>188867</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238380</v>
      </c>
      <c r="OJ32" s="119">
        <v>297301</v>
      </c>
      <c r="OK32" s="141">
        <v>535681</v>
      </c>
      <c r="OL32" s="118">
        <v>0</v>
      </c>
      <c r="OM32" s="119">
        <v>768984</v>
      </c>
      <c r="ON32" s="119">
        <v>1215864</v>
      </c>
      <c r="OO32" s="119">
        <v>2334621</v>
      </c>
      <c r="OP32" s="119">
        <v>1768852</v>
      </c>
      <c r="OQ32" s="119">
        <v>500689</v>
      </c>
      <c r="OR32" s="120">
        <v>6589010</v>
      </c>
      <c r="OS32" s="143">
        <v>7124691</v>
      </c>
    </row>
    <row r="33" spans="2:409" ht="21" customHeight="1" x14ac:dyDescent="0.2">
      <c r="B33" s="126" t="s">
        <v>28</v>
      </c>
      <c r="C33" s="110">
        <v>1610</v>
      </c>
      <c r="D33" s="114">
        <v>7700</v>
      </c>
      <c r="E33" s="113">
        <v>9310</v>
      </c>
      <c r="F33" s="109">
        <v>0</v>
      </c>
      <c r="G33" s="114">
        <v>161756</v>
      </c>
      <c r="H33" s="114">
        <v>309676</v>
      </c>
      <c r="I33" s="114">
        <v>256700</v>
      </c>
      <c r="J33" s="114">
        <v>259006</v>
      </c>
      <c r="K33" s="114">
        <v>192570</v>
      </c>
      <c r="L33" s="173">
        <v>1179708</v>
      </c>
      <c r="M33" s="116">
        <v>1189018</v>
      </c>
      <c r="N33" s="110">
        <v>0</v>
      </c>
      <c r="O33" s="114">
        <v>0</v>
      </c>
      <c r="P33" s="113">
        <v>0</v>
      </c>
      <c r="Q33" s="110">
        <v>0</v>
      </c>
      <c r="R33" s="114">
        <v>110712</v>
      </c>
      <c r="S33" s="114">
        <v>98493</v>
      </c>
      <c r="T33" s="114">
        <v>32844</v>
      </c>
      <c r="U33" s="114">
        <v>8400</v>
      </c>
      <c r="V33" s="114">
        <v>65100</v>
      </c>
      <c r="W33" s="113">
        <v>315549</v>
      </c>
      <c r="X33" s="116">
        <v>315549</v>
      </c>
      <c r="Y33" s="110">
        <v>0</v>
      </c>
      <c r="Z33" s="114">
        <v>0</v>
      </c>
      <c r="AA33" s="113">
        <v>0</v>
      </c>
      <c r="AB33" s="110">
        <v>0</v>
      </c>
      <c r="AC33" s="114">
        <v>31145</v>
      </c>
      <c r="AD33" s="114">
        <v>40262</v>
      </c>
      <c r="AE33" s="114">
        <v>0</v>
      </c>
      <c r="AF33" s="114">
        <v>0</v>
      </c>
      <c r="AG33" s="114">
        <v>57862</v>
      </c>
      <c r="AH33" s="113">
        <v>129269</v>
      </c>
      <c r="AI33" s="116">
        <v>129269</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20321</v>
      </c>
      <c r="AZ33" s="114">
        <v>43223</v>
      </c>
      <c r="BA33" s="114">
        <v>14532</v>
      </c>
      <c r="BB33" s="114">
        <v>0</v>
      </c>
      <c r="BC33" s="114">
        <v>0</v>
      </c>
      <c r="BD33" s="113">
        <v>78076</v>
      </c>
      <c r="BE33" s="116">
        <v>78076</v>
      </c>
      <c r="BF33" s="110">
        <v>0</v>
      </c>
      <c r="BG33" s="114">
        <v>0</v>
      </c>
      <c r="BH33" s="112">
        <v>0</v>
      </c>
      <c r="BI33" s="111">
        <v>0</v>
      </c>
      <c r="BJ33" s="114">
        <v>48389</v>
      </c>
      <c r="BK33" s="114">
        <v>0</v>
      </c>
      <c r="BL33" s="114">
        <v>0</v>
      </c>
      <c r="BM33" s="114">
        <v>0</v>
      </c>
      <c r="BN33" s="114">
        <v>0</v>
      </c>
      <c r="BO33" s="113">
        <v>48389</v>
      </c>
      <c r="BP33" s="116">
        <v>48389</v>
      </c>
      <c r="BQ33" s="110">
        <v>0</v>
      </c>
      <c r="BR33" s="114">
        <v>0</v>
      </c>
      <c r="BS33" s="113">
        <v>0</v>
      </c>
      <c r="BT33" s="110">
        <v>0</v>
      </c>
      <c r="BU33" s="114">
        <v>10857</v>
      </c>
      <c r="BV33" s="114">
        <v>15008</v>
      </c>
      <c r="BW33" s="114">
        <v>18312</v>
      </c>
      <c r="BX33" s="114">
        <v>8400</v>
      </c>
      <c r="BY33" s="114">
        <v>7238</v>
      </c>
      <c r="BZ33" s="113">
        <v>59815</v>
      </c>
      <c r="CA33" s="116">
        <v>59815</v>
      </c>
      <c r="CB33" s="110">
        <v>0</v>
      </c>
      <c r="CC33" s="114">
        <v>0</v>
      </c>
      <c r="CD33" s="113">
        <v>0</v>
      </c>
      <c r="CE33" s="110">
        <v>0</v>
      </c>
      <c r="CF33" s="114">
        <v>34244</v>
      </c>
      <c r="CG33" s="114">
        <v>75397</v>
      </c>
      <c r="CH33" s="114">
        <v>39319</v>
      </c>
      <c r="CI33" s="114">
        <v>60095</v>
      </c>
      <c r="CJ33" s="114">
        <v>60970</v>
      </c>
      <c r="CK33" s="113">
        <v>270025</v>
      </c>
      <c r="CL33" s="116">
        <v>270025</v>
      </c>
      <c r="CM33" s="110">
        <v>0</v>
      </c>
      <c r="CN33" s="114">
        <v>0</v>
      </c>
      <c r="CO33" s="113">
        <v>0</v>
      </c>
      <c r="CP33" s="111">
        <v>0</v>
      </c>
      <c r="CQ33" s="114">
        <v>34244</v>
      </c>
      <c r="CR33" s="114">
        <v>75397</v>
      </c>
      <c r="CS33" s="114">
        <v>0</v>
      </c>
      <c r="CT33" s="114">
        <v>60095</v>
      </c>
      <c r="CU33" s="114">
        <v>0</v>
      </c>
      <c r="CV33" s="113">
        <v>169736</v>
      </c>
      <c r="CW33" s="116">
        <v>169736</v>
      </c>
      <c r="CX33" s="110">
        <v>0</v>
      </c>
      <c r="CY33" s="114">
        <v>0</v>
      </c>
      <c r="CZ33" s="113">
        <v>0</v>
      </c>
      <c r="DA33" s="110">
        <v>0</v>
      </c>
      <c r="DB33" s="114">
        <v>0</v>
      </c>
      <c r="DC33" s="114">
        <v>0</v>
      </c>
      <c r="DD33" s="114">
        <v>39319</v>
      </c>
      <c r="DE33" s="114">
        <v>0</v>
      </c>
      <c r="DF33" s="114">
        <v>60970</v>
      </c>
      <c r="DG33" s="113">
        <v>100289</v>
      </c>
      <c r="DH33" s="116">
        <v>100289</v>
      </c>
      <c r="DI33" s="110">
        <v>0</v>
      </c>
      <c r="DJ33" s="114">
        <v>0</v>
      </c>
      <c r="DK33" s="112">
        <v>0</v>
      </c>
      <c r="DL33" s="111">
        <v>0</v>
      </c>
      <c r="DM33" s="114">
        <v>0</v>
      </c>
      <c r="DN33" s="114">
        <v>88760</v>
      </c>
      <c r="DO33" s="114">
        <v>0</v>
      </c>
      <c r="DP33" s="114">
        <v>0</v>
      </c>
      <c r="DQ33" s="114">
        <v>0</v>
      </c>
      <c r="DR33" s="113">
        <v>88760</v>
      </c>
      <c r="DS33" s="116">
        <v>88760</v>
      </c>
      <c r="DT33" s="110">
        <v>0</v>
      </c>
      <c r="DU33" s="114">
        <v>0</v>
      </c>
      <c r="DV33" s="113">
        <v>0</v>
      </c>
      <c r="DW33" s="110">
        <v>0</v>
      </c>
      <c r="DX33" s="114">
        <v>0</v>
      </c>
      <c r="DY33" s="114">
        <v>88760</v>
      </c>
      <c r="DZ33" s="114">
        <v>0</v>
      </c>
      <c r="EA33" s="114">
        <v>0</v>
      </c>
      <c r="EB33" s="114">
        <v>0</v>
      </c>
      <c r="EC33" s="113">
        <v>88760</v>
      </c>
      <c r="ED33" s="116">
        <v>88760</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1610</v>
      </c>
      <c r="FM33" s="114">
        <v>7700</v>
      </c>
      <c r="FN33" s="113">
        <v>9310</v>
      </c>
      <c r="FO33" s="110">
        <v>0</v>
      </c>
      <c r="FP33" s="114">
        <v>16800</v>
      </c>
      <c r="FQ33" s="114">
        <v>47026</v>
      </c>
      <c r="FR33" s="114">
        <v>14525</v>
      </c>
      <c r="FS33" s="114">
        <v>0</v>
      </c>
      <c r="FT33" s="114">
        <v>66500</v>
      </c>
      <c r="FU33" s="113">
        <v>144851</v>
      </c>
      <c r="FV33" s="116">
        <v>154161</v>
      </c>
      <c r="FW33" s="115">
        <v>1610</v>
      </c>
      <c r="FX33" s="114">
        <v>7700</v>
      </c>
      <c r="FY33" s="112">
        <v>9310</v>
      </c>
      <c r="FZ33" s="111">
        <v>0</v>
      </c>
      <c r="GA33" s="114">
        <v>16800</v>
      </c>
      <c r="GB33" s="114">
        <v>47026</v>
      </c>
      <c r="GC33" s="114">
        <v>14525</v>
      </c>
      <c r="GD33" s="114">
        <v>0</v>
      </c>
      <c r="GE33" s="114">
        <v>66500</v>
      </c>
      <c r="GF33" s="113">
        <v>144851</v>
      </c>
      <c r="GG33" s="318">
        <v>154161</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70012</v>
      </c>
      <c r="HK33" s="114">
        <v>190511</v>
      </c>
      <c r="HL33" s="114">
        <v>0</v>
      </c>
      <c r="HM33" s="113">
        <v>360523</v>
      </c>
      <c r="HN33" s="109">
        <v>360523</v>
      </c>
      <c r="HO33" s="328"/>
      <c r="HP33" s="329"/>
      <c r="HQ33" s="330"/>
      <c r="HR33" s="331"/>
      <c r="HS33" s="329"/>
      <c r="HT33" s="329"/>
      <c r="HU33" s="329"/>
      <c r="HV33" s="329"/>
      <c r="HW33" s="329"/>
      <c r="HX33" s="332"/>
      <c r="HY33" s="333"/>
      <c r="HZ33" s="131">
        <v>0</v>
      </c>
      <c r="IA33" s="132">
        <v>0</v>
      </c>
      <c r="IB33" s="133">
        <v>0</v>
      </c>
      <c r="IC33" s="146">
        <v>0</v>
      </c>
      <c r="ID33" s="132">
        <v>120918</v>
      </c>
      <c r="IE33" s="147">
        <v>3899</v>
      </c>
      <c r="IF33" s="133">
        <v>0</v>
      </c>
      <c r="IG33" s="132">
        <v>0</v>
      </c>
      <c r="IH33" s="133">
        <v>0</v>
      </c>
      <c r="II33" s="148">
        <v>124817</v>
      </c>
      <c r="IJ33" s="139">
        <v>124817</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20918</v>
      </c>
      <c r="JL33" s="119">
        <v>3899</v>
      </c>
      <c r="JM33" s="119">
        <v>0</v>
      </c>
      <c r="JN33" s="119">
        <v>0</v>
      </c>
      <c r="JO33" s="119">
        <v>0</v>
      </c>
      <c r="JP33" s="120">
        <v>124817</v>
      </c>
      <c r="JQ33" s="320">
        <v>124817</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0">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0</v>
      </c>
      <c r="MM33" s="119">
        <v>0</v>
      </c>
      <c r="MN33" s="119">
        <v>196007</v>
      </c>
      <c r="MO33" s="120">
        <v>196007</v>
      </c>
      <c r="MP33" s="143">
        <v>196007</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0</v>
      </c>
      <c r="NH33" s="119">
        <v>0</v>
      </c>
      <c r="NI33" s="119">
        <v>0</v>
      </c>
      <c r="NJ33" s="119">
        <v>196007</v>
      </c>
      <c r="NK33" s="120">
        <v>196007</v>
      </c>
      <c r="NL33" s="320">
        <v>196007</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1610</v>
      </c>
      <c r="OJ33" s="119">
        <v>7700</v>
      </c>
      <c r="OK33" s="141">
        <v>9310</v>
      </c>
      <c r="OL33" s="118">
        <v>0</v>
      </c>
      <c r="OM33" s="119">
        <v>282674</v>
      </c>
      <c r="ON33" s="119">
        <v>313575</v>
      </c>
      <c r="OO33" s="119">
        <v>256700</v>
      </c>
      <c r="OP33" s="119">
        <v>259006</v>
      </c>
      <c r="OQ33" s="119">
        <v>388577</v>
      </c>
      <c r="OR33" s="120">
        <v>1500532</v>
      </c>
      <c r="OS33" s="143">
        <v>1509842</v>
      </c>
    </row>
    <row r="34" spans="2:409" ht="21" customHeight="1" x14ac:dyDescent="0.2">
      <c r="B34" s="126" t="s">
        <v>29</v>
      </c>
      <c r="C34" s="110">
        <v>3500</v>
      </c>
      <c r="D34" s="114">
        <v>2450</v>
      </c>
      <c r="E34" s="113">
        <v>5950</v>
      </c>
      <c r="F34" s="109">
        <v>0</v>
      </c>
      <c r="G34" s="114">
        <v>369222</v>
      </c>
      <c r="H34" s="114">
        <v>84938</v>
      </c>
      <c r="I34" s="114">
        <v>424746</v>
      </c>
      <c r="J34" s="114">
        <v>934013</v>
      </c>
      <c r="K34" s="114">
        <v>6489</v>
      </c>
      <c r="L34" s="173">
        <v>1819408</v>
      </c>
      <c r="M34" s="116">
        <v>1825358</v>
      </c>
      <c r="N34" s="110">
        <v>0</v>
      </c>
      <c r="O34" s="114">
        <v>0</v>
      </c>
      <c r="P34" s="113">
        <v>0</v>
      </c>
      <c r="Q34" s="110">
        <v>0</v>
      </c>
      <c r="R34" s="114">
        <v>57589</v>
      </c>
      <c r="S34" s="114">
        <v>68138</v>
      </c>
      <c r="T34" s="114">
        <v>190176</v>
      </c>
      <c r="U34" s="114">
        <v>360462</v>
      </c>
      <c r="V34" s="114">
        <v>6139</v>
      </c>
      <c r="W34" s="113">
        <v>682504</v>
      </c>
      <c r="X34" s="116">
        <v>682504</v>
      </c>
      <c r="Y34" s="110">
        <v>0</v>
      </c>
      <c r="Z34" s="114">
        <v>0</v>
      </c>
      <c r="AA34" s="113">
        <v>0</v>
      </c>
      <c r="AB34" s="110">
        <v>0</v>
      </c>
      <c r="AC34" s="114">
        <v>30926</v>
      </c>
      <c r="AD34" s="114">
        <v>32032</v>
      </c>
      <c r="AE34" s="114">
        <v>0</v>
      </c>
      <c r="AF34" s="114">
        <v>274838</v>
      </c>
      <c r="AG34" s="114">
        <v>0</v>
      </c>
      <c r="AH34" s="113">
        <v>337796</v>
      </c>
      <c r="AI34" s="116">
        <v>337796</v>
      </c>
      <c r="AJ34" s="110">
        <v>0</v>
      </c>
      <c r="AK34" s="114">
        <v>0</v>
      </c>
      <c r="AL34" s="113">
        <v>0</v>
      </c>
      <c r="AM34" s="110">
        <v>0</v>
      </c>
      <c r="AN34" s="114">
        <v>0</v>
      </c>
      <c r="AO34" s="114">
        <v>0</v>
      </c>
      <c r="AP34" s="114">
        <v>0</v>
      </c>
      <c r="AQ34" s="114">
        <v>0</v>
      </c>
      <c r="AR34" s="114">
        <v>0</v>
      </c>
      <c r="AS34" s="113">
        <v>0</v>
      </c>
      <c r="AT34" s="116">
        <v>0</v>
      </c>
      <c r="AU34" s="110">
        <v>0</v>
      </c>
      <c r="AV34" s="114">
        <v>0</v>
      </c>
      <c r="AW34" s="113">
        <v>0</v>
      </c>
      <c r="AX34" s="110">
        <v>0</v>
      </c>
      <c r="AY34" s="114">
        <v>0</v>
      </c>
      <c r="AZ34" s="114">
        <v>36106</v>
      </c>
      <c r="BA34" s="114">
        <v>146664</v>
      </c>
      <c r="BB34" s="114">
        <v>0</v>
      </c>
      <c r="BC34" s="114">
        <v>0</v>
      </c>
      <c r="BD34" s="113">
        <v>182770</v>
      </c>
      <c r="BE34" s="116">
        <v>182770</v>
      </c>
      <c r="BF34" s="110">
        <v>0</v>
      </c>
      <c r="BG34" s="114">
        <v>0</v>
      </c>
      <c r="BH34" s="112">
        <v>0</v>
      </c>
      <c r="BI34" s="111">
        <v>0</v>
      </c>
      <c r="BJ34" s="114">
        <v>20076</v>
      </c>
      <c r="BK34" s="114">
        <v>0</v>
      </c>
      <c r="BL34" s="114">
        <v>26768</v>
      </c>
      <c r="BM34" s="114">
        <v>53536</v>
      </c>
      <c r="BN34" s="114">
        <v>0</v>
      </c>
      <c r="BO34" s="113">
        <v>100380</v>
      </c>
      <c r="BP34" s="116">
        <v>100380</v>
      </c>
      <c r="BQ34" s="110">
        <v>0</v>
      </c>
      <c r="BR34" s="114">
        <v>0</v>
      </c>
      <c r="BS34" s="113">
        <v>0</v>
      </c>
      <c r="BT34" s="110">
        <v>0</v>
      </c>
      <c r="BU34" s="114">
        <v>6587</v>
      </c>
      <c r="BV34" s="114">
        <v>0</v>
      </c>
      <c r="BW34" s="114">
        <v>16744</v>
      </c>
      <c r="BX34" s="114">
        <v>32088</v>
      </c>
      <c r="BY34" s="114">
        <v>6139</v>
      </c>
      <c r="BZ34" s="113">
        <v>61558</v>
      </c>
      <c r="CA34" s="116">
        <v>61558</v>
      </c>
      <c r="CB34" s="110">
        <v>0</v>
      </c>
      <c r="CC34" s="114">
        <v>0</v>
      </c>
      <c r="CD34" s="113">
        <v>0</v>
      </c>
      <c r="CE34" s="110">
        <v>0</v>
      </c>
      <c r="CF34" s="114">
        <v>109429</v>
      </c>
      <c r="CG34" s="114">
        <v>0</v>
      </c>
      <c r="CH34" s="114">
        <v>148435</v>
      </c>
      <c r="CI34" s="114">
        <v>90837</v>
      </c>
      <c r="CJ34" s="114">
        <v>0</v>
      </c>
      <c r="CK34" s="113">
        <v>348701</v>
      </c>
      <c r="CL34" s="116">
        <v>348701</v>
      </c>
      <c r="CM34" s="110">
        <v>0</v>
      </c>
      <c r="CN34" s="114">
        <v>0</v>
      </c>
      <c r="CO34" s="113">
        <v>0</v>
      </c>
      <c r="CP34" s="111">
        <v>0</v>
      </c>
      <c r="CQ34" s="114">
        <v>32956</v>
      </c>
      <c r="CR34" s="114">
        <v>0</v>
      </c>
      <c r="CS34" s="114">
        <v>47411</v>
      </c>
      <c r="CT34" s="114">
        <v>19507</v>
      </c>
      <c r="CU34" s="114">
        <v>0</v>
      </c>
      <c r="CV34" s="113">
        <v>99874</v>
      </c>
      <c r="CW34" s="116">
        <v>99874</v>
      </c>
      <c r="CX34" s="110">
        <v>0</v>
      </c>
      <c r="CY34" s="114">
        <v>0</v>
      </c>
      <c r="CZ34" s="113">
        <v>0</v>
      </c>
      <c r="DA34" s="110">
        <v>0</v>
      </c>
      <c r="DB34" s="114">
        <v>76473</v>
      </c>
      <c r="DC34" s="114">
        <v>0</v>
      </c>
      <c r="DD34" s="114">
        <v>101024</v>
      </c>
      <c r="DE34" s="114">
        <v>71330</v>
      </c>
      <c r="DF34" s="114">
        <v>0</v>
      </c>
      <c r="DG34" s="113">
        <v>248827</v>
      </c>
      <c r="DH34" s="116">
        <v>248827</v>
      </c>
      <c r="DI34" s="110">
        <v>0</v>
      </c>
      <c r="DJ34" s="114">
        <v>0</v>
      </c>
      <c r="DK34" s="112">
        <v>0</v>
      </c>
      <c r="DL34" s="111">
        <v>0</v>
      </c>
      <c r="DM34" s="114">
        <v>31577</v>
      </c>
      <c r="DN34" s="114">
        <v>0</v>
      </c>
      <c r="DO34" s="114">
        <v>0</v>
      </c>
      <c r="DP34" s="114">
        <v>0</v>
      </c>
      <c r="DQ34" s="114">
        <v>0</v>
      </c>
      <c r="DR34" s="113">
        <v>31577</v>
      </c>
      <c r="DS34" s="116">
        <v>31577</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31577</v>
      </c>
      <c r="EJ34" s="114">
        <v>0</v>
      </c>
      <c r="EK34" s="114">
        <v>0</v>
      </c>
      <c r="EL34" s="114">
        <v>0</v>
      </c>
      <c r="EM34" s="114">
        <v>0</v>
      </c>
      <c r="EN34" s="112">
        <v>31577</v>
      </c>
      <c r="EO34" s="116">
        <v>31577</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3500</v>
      </c>
      <c r="FM34" s="114">
        <v>2450</v>
      </c>
      <c r="FN34" s="113">
        <v>5950</v>
      </c>
      <c r="FO34" s="110">
        <v>0</v>
      </c>
      <c r="FP34" s="114">
        <v>35000</v>
      </c>
      <c r="FQ34" s="114">
        <v>16800</v>
      </c>
      <c r="FR34" s="114">
        <v>86135</v>
      </c>
      <c r="FS34" s="114">
        <v>110880</v>
      </c>
      <c r="FT34" s="114">
        <v>350</v>
      </c>
      <c r="FU34" s="113">
        <v>249165</v>
      </c>
      <c r="FV34" s="116">
        <v>255115</v>
      </c>
      <c r="FW34" s="115">
        <v>3500</v>
      </c>
      <c r="FX34" s="114">
        <v>2450</v>
      </c>
      <c r="FY34" s="112">
        <v>5950</v>
      </c>
      <c r="FZ34" s="111">
        <v>0</v>
      </c>
      <c r="GA34" s="114">
        <v>35000</v>
      </c>
      <c r="GB34" s="114">
        <v>0</v>
      </c>
      <c r="GC34" s="114">
        <v>86135</v>
      </c>
      <c r="GD34" s="114">
        <v>110880</v>
      </c>
      <c r="GE34" s="114">
        <v>350</v>
      </c>
      <c r="GF34" s="113">
        <v>232365</v>
      </c>
      <c r="GG34" s="318">
        <v>238315</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16800</v>
      </c>
      <c r="GY34" s="114">
        <v>0</v>
      </c>
      <c r="GZ34" s="114">
        <v>0</v>
      </c>
      <c r="HA34" s="114">
        <v>0</v>
      </c>
      <c r="HB34" s="112">
        <v>16800</v>
      </c>
      <c r="HC34" s="116">
        <v>16800</v>
      </c>
      <c r="HD34" s="110">
        <v>0</v>
      </c>
      <c r="HE34" s="114">
        <v>0</v>
      </c>
      <c r="HF34" s="112">
        <v>0</v>
      </c>
      <c r="HG34" s="111">
        <v>0</v>
      </c>
      <c r="HH34" s="114">
        <v>135627</v>
      </c>
      <c r="HI34" s="114">
        <v>0</v>
      </c>
      <c r="HJ34" s="114">
        <v>0</v>
      </c>
      <c r="HK34" s="114">
        <v>371834</v>
      </c>
      <c r="HL34" s="114">
        <v>0</v>
      </c>
      <c r="HM34" s="113">
        <v>507461</v>
      </c>
      <c r="HN34" s="109">
        <v>507461</v>
      </c>
      <c r="HO34" s="328"/>
      <c r="HP34" s="329"/>
      <c r="HQ34" s="330"/>
      <c r="HR34" s="331"/>
      <c r="HS34" s="329"/>
      <c r="HT34" s="329"/>
      <c r="HU34" s="329"/>
      <c r="HV34" s="329"/>
      <c r="HW34" s="329"/>
      <c r="HX34" s="332"/>
      <c r="HY34" s="333"/>
      <c r="HZ34" s="150">
        <v>0</v>
      </c>
      <c r="IA34" s="135">
        <v>0</v>
      </c>
      <c r="IB34" s="150">
        <v>0</v>
      </c>
      <c r="IC34" s="134">
        <v>0</v>
      </c>
      <c r="ID34" s="135">
        <v>346005</v>
      </c>
      <c r="IE34" s="136">
        <v>0</v>
      </c>
      <c r="IF34" s="137">
        <v>428603</v>
      </c>
      <c r="IG34" s="135">
        <v>227311</v>
      </c>
      <c r="IH34" s="137">
        <v>0</v>
      </c>
      <c r="II34" s="138">
        <v>1001919</v>
      </c>
      <c r="IJ34" s="150">
        <v>1001919</v>
      </c>
      <c r="IK34" s="232">
        <v>0</v>
      </c>
      <c r="IL34" s="236">
        <v>0</v>
      </c>
      <c r="IM34" s="237">
        <v>0</v>
      </c>
      <c r="IN34" s="140"/>
      <c r="IO34" s="119">
        <v>0</v>
      </c>
      <c r="IP34" s="119">
        <v>0</v>
      </c>
      <c r="IQ34" s="119">
        <v>142527</v>
      </c>
      <c r="IR34" s="119">
        <v>0</v>
      </c>
      <c r="IS34" s="119">
        <v>0</v>
      </c>
      <c r="IT34" s="141">
        <v>142527</v>
      </c>
      <c r="IU34" s="320">
        <v>142527</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943</v>
      </c>
      <c r="JL34" s="119">
        <v>0</v>
      </c>
      <c r="JM34" s="119">
        <v>0</v>
      </c>
      <c r="JN34" s="119">
        <v>0</v>
      </c>
      <c r="JO34" s="119">
        <v>0</v>
      </c>
      <c r="JP34" s="120">
        <v>10943</v>
      </c>
      <c r="JQ34" s="320">
        <v>10943</v>
      </c>
      <c r="JR34" s="142">
        <v>0</v>
      </c>
      <c r="JS34" s="119">
        <v>0</v>
      </c>
      <c r="JT34" s="141">
        <v>0</v>
      </c>
      <c r="JU34" s="118">
        <v>0</v>
      </c>
      <c r="JV34" s="119">
        <v>0</v>
      </c>
      <c r="JW34" s="119">
        <v>0</v>
      </c>
      <c r="JX34" s="119">
        <v>82362</v>
      </c>
      <c r="JY34" s="119">
        <v>0</v>
      </c>
      <c r="JZ34" s="119">
        <v>0</v>
      </c>
      <c r="KA34" s="120">
        <v>82362</v>
      </c>
      <c r="KB34" s="320">
        <v>82362</v>
      </c>
      <c r="KC34" s="234">
        <v>0</v>
      </c>
      <c r="KD34" s="230">
        <v>0</v>
      </c>
      <c r="KE34" s="120">
        <v>0</v>
      </c>
      <c r="KF34" s="118">
        <v>0</v>
      </c>
      <c r="KG34" s="119">
        <v>335062</v>
      </c>
      <c r="KH34" s="119">
        <v>0</v>
      </c>
      <c r="KI34" s="119">
        <v>203714</v>
      </c>
      <c r="KJ34" s="119">
        <v>0</v>
      </c>
      <c r="KK34" s="119">
        <v>0</v>
      </c>
      <c r="KL34" s="120">
        <v>538776</v>
      </c>
      <c r="KM34" s="143">
        <v>538776</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27311</v>
      </c>
      <c r="LR34" s="119">
        <v>0</v>
      </c>
      <c r="LS34" s="120">
        <v>227311</v>
      </c>
      <c r="LT34" s="320">
        <v>227311</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249270</v>
      </c>
      <c r="MN34" s="119">
        <v>0</v>
      </c>
      <c r="MO34" s="120">
        <v>249270</v>
      </c>
      <c r="MP34" s="143">
        <v>249270</v>
      </c>
      <c r="MQ34" s="142">
        <v>0</v>
      </c>
      <c r="MR34" s="119">
        <v>0</v>
      </c>
      <c r="MS34" s="120">
        <v>0</v>
      </c>
      <c r="MT34" s="145"/>
      <c r="MU34" s="119">
        <v>0</v>
      </c>
      <c r="MV34" s="119">
        <v>0</v>
      </c>
      <c r="MW34" s="119">
        <v>0</v>
      </c>
      <c r="MX34" s="119">
        <v>0</v>
      </c>
      <c r="MY34" s="119">
        <v>0</v>
      </c>
      <c r="MZ34" s="120">
        <v>0</v>
      </c>
      <c r="NA34" s="143">
        <v>0</v>
      </c>
      <c r="NB34" s="142">
        <v>0</v>
      </c>
      <c r="NC34" s="119">
        <v>0</v>
      </c>
      <c r="ND34" s="120">
        <v>0</v>
      </c>
      <c r="NE34" s="145"/>
      <c r="NF34" s="119">
        <v>0</v>
      </c>
      <c r="NG34" s="119">
        <v>0</v>
      </c>
      <c r="NH34" s="119">
        <v>0</v>
      </c>
      <c r="NI34" s="119">
        <v>249270</v>
      </c>
      <c r="NJ34" s="119">
        <v>0</v>
      </c>
      <c r="NK34" s="120">
        <v>249270</v>
      </c>
      <c r="NL34" s="320">
        <v>24927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3500</v>
      </c>
      <c r="OJ34" s="119">
        <v>2450</v>
      </c>
      <c r="OK34" s="141">
        <v>5950</v>
      </c>
      <c r="OL34" s="118">
        <v>0</v>
      </c>
      <c r="OM34" s="119">
        <v>715227</v>
      </c>
      <c r="ON34" s="119">
        <v>84938</v>
      </c>
      <c r="OO34" s="119">
        <v>853349</v>
      </c>
      <c r="OP34" s="119">
        <v>1410594</v>
      </c>
      <c r="OQ34" s="119">
        <v>6489</v>
      </c>
      <c r="OR34" s="120">
        <v>3070597</v>
      </c>
      <c r="OS34" s="143">
        <v>3076547</v>
      </c>
    </row>
    <row r="35" spans="2:409" ht="21" customHeight="1" x14ac:dyDescent="0.2">
      <c r="B35" s="126" t="s">
        <v>30</v>
      </c>
      <c r="C35" s="110">
        <v>16310</v>
      </c>
      <c r="D35" s="114">
        <v>2100</v>
      </c>
      <c r="E35" s="174">
        <v>18410</v>
      </c>
      <c r="F35" s="175">
        <v>0</v>
      </c>
      <c r="G35" s="176">
        <v>540165</v>
      </c>
      <c r="H35" s="176">
        <v>323826</v>
      </c>
      <c r="I35" s="176">
        <v>316368</v>
      </c>
      <c r="J35" s="176">
        <v>177191</v>
      </c>
      <c r="K35" s="176">
        <v>0</v>
      </c>
      <c r="L35" s="177">
        <v>1357550</v>
      </c>
      <c r="M35" s="116">
        <v>1375960</v>
      </c>
      <c r="N35" s="110">
        <v>0</v>
      </c>
      <c r="O35" s="114">
        <v>0</v>
      </c>
      <c r="P35" s="113">
        <v>0</v>
      </c>
      <c r="Q35" s="110">
        <v>0</v>
      </c>
      <c r="R35" s="114">
        <v>131537</v>
      </c>
      <c r="S35" s="114">
        <v>2086</v>
      </c>
      <c r="T35" s="114">
        <v>207327</v>
      </c>
      <c r="U35" s="114">
        <v>102984</v>
      </c>
      <c r="V35" s="114">
        <v>0</v>
      </c>
      <c r="W35" s="113">
        <v>443934</v>
      </c>
      <c r="X35" s="116">
        <v>443934</v>
      </c>
      <c r="Y35" s="110">
        <v>0</v>
      </c>
      <c r="Z35" s="114">
        <v>0</v>
      </c>
      <c r="AA35" s="113">
        <v>0</v>
      </c>
      <c r="AB35" s="110">
        <v>0</v>
      </c>
      <c r="AC35" s="114">
        <v>33026</v>
      </c>
      <c r="AD35" s="114">
        <v>0</v>
      </c>
      <c r="AE35" s="114">
        <v>182463</v>
      </c>
      <c r="AF35" s="114">
        <v>10675</v>
      </c>
      <c r="AG35" s="114">
        <v>0</v>
      </c>
      <c r="AH35" s="113">
        <v>226164</v>
      </c>
      <c r="AI35" s="116">
        <v>226164</v>
      </c>
      <c r="AJ35" s="110">
        <v>0</v>
      </c>
      <c r="AK35" s="114">
        <v>0</v>
      </c>
      <c r="AL35" s="113">
        <v>0</v>
      </c>
      <c r="AM35" s="110">
        <v>0</v>
      </c>
      <c r="AN35" s="114">
        <v>61355</v>
      </c>
      <c r="AO35" s="114">
        <v>0</v>
      </c>
      <c r="AP35" s="114">
        <v>0</v>
      </c>
      <c r="AQ35" s="114">
        <v>47803</v>
      </c>
      <c r="AR35" s="114">
        <v>0</v>
      </c>
      <c r="AS35" s="113">
        <v>109158</v>
      </c>
      <c r="AT35" s="116">
        <v>109158</v>
      </c>
      <c r="AU35" s="110">
        <v>0</v>
      </c>
      <c r="AV35" s="114">
        <v>0</v>
      </c>
      <c r="AW35" s="113">
        <v>0</v>
      </c>
      <c r="AX35" s="110">
        <v>0</v>
      </c>
      <c r="AY35" s="114">
        <v>17346</v>
      </c>
      <c r="AZ35" s="114">
        <v>0</v>
      </c>
      <c r="BA35" s="114">
        <v>0</v>
      </c>
      <c r="BB35" s="114">
        <v>28924</v>
      </c>
      <c r="BC35" s="114">
        <v>0</v>
      </c>
      <c r="BD35" s="113">
        <v>46270</v>
      </c>
      <c r="BE35" s="116">
        <v>46270</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9810</v>
      </c>
      <c r="BV35" s="114">
        <v>2086</v>
      </c>
      <c r="BW35" s="114">
        <v>24864</v>
      </c>
      <c r="BX35" s="114">
        <v>15582</v>
      </c>
      <c r="BY35" s="114">
        <v>0</v>
      </c>
      <c r="BZ35" s="113">
        <v>62342</v>
      </c>
      <c r="CA35" s="116">
        <v>62342</v>
      </c>
      <c r="CB35" s="110">
        <v>0</v>
      </c>
      <c r="CC35" s="114">
        <v>0</v>
      </c>
      <c r="CD35" s="113">
        <v>0</v>
      </c>
      <c r="CE35" s="110">
        <v>0</v>
      </c>
      <c r="CF35" s="114">
        <v>53738</v>
      </c>
      <c r="CG35" s="114">
        <v>141560</v>
      </c>
      <c r="CH35" s="114">
        <v>0</v>
      </c>
      <c r="CI35" s="114">
        <v>0</v>
      </c>
      <c r="CJ35" s="114">
        <v>0</v>
      </c>
      <c r="CK35" s="113">
        <v>195298</v>
      </c>
      <c r="CL35" s="116">
        <v>195298</v>
      </c>
      <c r="CM35" s="110">
        <v>0</v>
      </c>
      <c r="CN35" s="114">
        <v>0</v>
      </c>
      <c r="CO35" s="113">
        <v>0</v>
      </c>
      <c r="CP35" s="111">
        <v>0</v>
      </c>
      <c r="CQ35" s="114">
        <v>53738</v>
      </c>
      <c r="CR35" s="114">
        <v>56568</v>
      </c>
      <c r="CS35" s="114">
        <v>0</v>
      </c>
      <c r="CT35" s="114">
        <v>0</v>
      </c>
      <c r="CU35" s="114">
        <v>0</v>
      </c>
      <c r="CV35" s="113">
        <v>110306</v>
      </c>
      <c r="CW35" s="116">
        <v>110306</v>
      </c>
      <c r="CX35" s="110">
        <v>0</v>
      </c>
      <c r="CY35" s="114">
        <v>0</v>
      </c>
      <c r="CZ35" s="113">
        <v>0</v>
      </c>
      <c r="DA35" s="110">
        <v>0</v>
      </c>
      <c r="DB35" s="114">
        <v>0</v>
      </c>
      <c r="DC35" s="114">
        <v>84992</v>
      </c>
      <c r="DD35" s="114">
        <v>0</v>
      </c>
      <c r="DE35" s="114">
        <v>0</v>
      </c>
      <c r="DF35" s="114">
        <v>0</v>
      </c>
      <c r="DG35" s="113">
        <v>84992</v>
      </c>
      <c r="DH35" s="116">
        <v>84992</v>
      </c>
      <c r="DI35" s="110">
        <v>0</v>
      </c>
      <c r="DJ35" s="114">
        <v>0</v>
      </c>
      <c r="DK35" s="112">
        <v>0</v>
      </c>
      <c r="DL35" s="111">
        <v>0</v>
      </c>
      <c r="DM35" s="114">
        <v>24987</v>
      </c>
      <c r="DN35" s="114">
        <v>0</v>
      </c>
      <c r="DO35" s="114">
        <v>0</v>
      </c>
      <c r="DP35" s="114">
        <v>0</v>
      </c>
      <c r="DQ35" s="114">
        <v>0</v>
      </c>
      <c r="DR35" s="113">
        <v>24987</v>
      </c>
      <c r="DS35" s="116">
        <v>24987</v>
      </c>
      <c r="DT35" s="110">
        <v>0</v>
      </c>
      <c r="DU35" s="114">
        <v>0</v>
      </c>
      <c r="DV35" s="113">
        <v>0</v>
      </c>
      <c r="DW35" s="110">
        <v>0</v>
      </c>
      <c r="DX35" s="114">
        <v>24987</v>
      </c>
      <c r="DY35" s="114">
        <v>0</v>
      </c>
      <c r="DZ35" s="114">
        <v>0</v>
      </c>
      <c r="EA35" s="114">
        <v>0</v>
      </c>
      <c r="EB35" s="114">
        <v>0</v>
      </c>
      <c r="EC35" s="113">
        <v>24987</v>
      </c>
      <c r="ED35" s="116">
        <v>24987</v>
      </c>
      <c r="EE35" s="110">
        <v>0</v>
      </c>
      <c r="EF35" s="112">
        <v>0</v>
      </c>
      <c r="EG35" s="113">
        <v>0</v>
      </c>
      <c r="EH35" s="110">
        <v>0</v>
      </c>
      <c r="EI35" s="114">
        <v>0</v>
      </c>
      <c r="EJ35" s="114">
        <v>0</v>
      </c>
      <c r="EK35" s="114">
        <v>0</v>
      </c>
      <c r="EL35" s="114">
        <v>0</v>
      </c>
      <c r="EM35" s="114">
        <v>0</v>
      </c>
      <c r="EN35" s="112">
        <v>0</v>
      </c>
      <c r="EO35" s="116">
        <v>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16310</v>
      </c>
      <c r="FM35" s="114">
        <v>2100</v>
      </c>
      <c r="FN35" s="113">
        <v>18410</v>
      </c>
      <c r="FO35" s="110">
        <v>0</v>
      </c>
      <c r="FP35" s="114">
        <v>5250</v>
      </c>
      <c r="FQ35" s="114">
        <v>30044</v>
      </c>
      <c r="FR35" s="114">
        <v>5110</v>
      </c>
      <c r="FS35" s="114">
        <v>74207</v>
      </c>
      <c r="FT35" s="114">
        <v>0</v>
      </c>
      <c r="FU35" s="113">
        <v>114611</v>
      </c>
      <c r="FV35" s="116">
        <v>133021</v>
      </c>
      <c r="FW35" s="115">
        <v>16310</v>
      </c>
      <c r="FX35" s="114">
        <v>2100</v>
      </c>
      <c r="FY35" s="112">
        <v>18410</v>
      </c>
      <c r="FZ35" s="111">
        <v>0</v>
      </c>
      <c r="GA35" s="114">
        <v>5250</v>
      </c>
      <c r="GB35" s="114">
        <v>30044</v>
      </c>
      <c r="GC35" s="114">
        <v>5110</v>
      </c>
      <c r="GD35" s="114">
        <v>51415</v>
      </c>
      <c r="GE35" s="114">
        <v>0</v>
      </c>
      <c r="GF35" s="113">
        <v>91819</v>
      </c>
      <c r="GG35" s="318">
        <v>110229</v>
      </c>
      <c r="GH35" s="115">
        <v>0</v>
      </c>
      <c r="GI35" s="114">
        <v>0</v>
      </c>
      <c r="GJ35" s="112">
        <v>0</v>
      </c>
      <c r="GK35" s="111">
        <v>0</v>
      </c>
      <c r="GL35" s="114">
        <v>0</v>
      </c>
      <c r="GM35" s="114">
        <v>0</v>
      </c>
      <c r="GN35" s="114">
        <v>0</v>
      </c>
      <c r="GO35" s="114">
        <v>22792</v>
      </c>
      <c r="GP35" s="114">
        <v>0</v>
      </c>
      <c r="GQ35" s="113">
        <v>22792</v>
      </c>
      <c r="GR35" s="116">
        <v>22792</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324653</v>
      </c>
      <c r="HI35" s="114">
        <v>150136</v>
      </c>
      <c r="HJ35" s="114">
        <v>103931</v>
      </c>
      <c r="HK35" s="114">
        <v>0</v>
      </c>
      <c r="HL35" s="114">
        <v>0</v>
      </c>
      <c r="HM35" s="113">
        <v>578720</v>
      </c>
      <c r="HN35" s="109">
        <v>578720</v>
      </c>
      <c r="HO35" s="328"/>
      <c r="HP35" s="329"/>
      <c r="HQ35" s="330"/>
      <c r="HR35" s="331"/>
      <c r="HS35" s="329"/>
      <c r="HT35" s="329"/>
      <c r="HU35" s="329"/>
      <c r="HV35" s="329"/>
      <c r="HW35" s="329"/>
      <c r="HX35" s="332"/>
      <c r="HY35" s="333"/>
      <c r="HZ35" s="131">
        <v>0</v>
      </c>
      <c r="IA35" s="132">
        <v>0</v>
      </c>
      <c r="IB35" s="133">
        <v>0</v>
      </c>
      <c r="IC35" s="146">
        <v>0</v>
      </c>
      <c r="ID35" s="132">
        <v>44401</v>
      </c>
      <c r="IE35" s="147">
        <v>37674</v>
      </c>
      <c r="IF35" s="133">
        <v>0</v>
      </c>
      <c r="IG35" s="132">
        <v>36134</v>
      </c>
      <c r="IH35" s="133">
        <v>0</v>
      </c>
      <c r="II35" s="148">
        <v>118209</v>
      </c>
      <c r="IJ35" s="139">
        <v>118209</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44401</v>
      </c>
      <c r="JL35" s="119">
        <v>0</v>
      </c>
      <c r="JM35" s="119">
        <v>0</v>
      </c>
      <c r="JN35" s="119">
        <v>36134</v>
      </c>
      <c r="JO35" s="119">
        <v>0</v>
      </c>
      <c r="JP35" s="120">
        <v>80535</v>
      </c>
      <c r="JQ35" s="320">
        <v>80535</v>
      </c>
      <c r="JR35" s="142">
        <v>0</v>
      </c>
      <c r="JS35" s="119">
        <v>0</v>
      </c>
      <c r="JT35" s="141">
        <v>0</v>
      </c>
      <c r="JU35" s="118">
        <v>0</v>
      </c>
      <c r="JV35" s="119">
        <v>0</v>
      </c>
      <c r="JW35" s="119">
        <v>37674</v>
      </c>
      <c r="JX35" s="119">
        <v>0</v>
      </c>
      <c r="JY35" s="119">
        <v>0</v>
      </c>
      <c r="JZ35" s="119">
        <v>0</v>
      </c>
      <c r="KA35" s="120">
        <v>37674</v>
      </c>
      <c r="KB35" s="320">
        <v>37674</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20">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9928</v>
      </c>
      <c r="MK35" s="119">
        <v>0</v>
      </c>
      <c r="ML35" s="119">
        <v>213563</v>
      </c>
      <c r="MM35" s="119">
        <v>273260</v>
      </c>
      <c r="MN35" s="119">
        <v>257443</v>
      </c>
      <c r="MO35" s="120">
        <v>924194</v>
      </c>
      <c r="MP35" s="143">
        <v>924194</v>
      </c>
      <c r="MQ35" s="142">
        <v>0</v>
      </c>
      <c r="MR35" s="119">
        <v>0</v>
      </c>
      <c r="MS35" s="120">
        <v>0</v>
      </c>
      <c r="MT35" s="145"/>
      <c r="MU35" s="119">
        <v>0</v>
      </c>
      <c r="MV35" s="119">
        <v>0</v>
      </c>
      <c r="MW35" s="119">
        <v>213563</v>
      </c>
      <c r="MX35" s="119">
        <v>0</v>
      </c>
      <c r="MY35" s="119">
        <v>0</v>
      </c>
      <c r="MZ35" s="120">
        <v>213563</v>
      </c>
      <c r="NA35" s="143">
        <v>213563</v>
      </c>
      <c r="NB35" s="142">
        <v>0</v>
      </c>
      <c r="NC35" s="119">
        <v>0</v>
      </c>
      <c r="ND35" s="120">
        <v>0</v>
      </c>
      <c r="NE35" s="145"/>
      <c r="NF35" s="119">
        <v>179928</v>
      </c>
      <c r="NG35" s="119">
        <v>0</v>
      </c>
      <c r="NH35" s="119">
        <v>0</v>
      </c>
      <c r="NI35" s="119">
        <v>273260</v>
      </c>
      <c r="NJ35" s="119">
        <v>257443</v>
      </c>
      <c r="NK35" s="120">
        <v>710631</v>
      </c>
      <c r="NL35" s="320">
        <v>71063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16310</v>
      </c>
      <c r="OJ35" s="119">
        <v>2100</v>
      </c>
      <c r="OK35" s="141">
        <v>18410</v>
      </c>
      <c r="OL35" s="118">
        <v>0</v>
      </c>
      <c r="OM35" s="119">
        <v>764494</v>
      </c>
      <c r="ON35" s="119">
        <v>361500</v>
      </c>
      <c r="OO35" s="119">
        <v>529931</v>
      </c>
      <c r="OP35" s="119">
        <v>486585</v>
      </c>
      <c r="OQ35" s="119">
        <v>257443</v>
      </c>
      <c r="OR35" s="120">
        <v>2399953</v>
      </c>
      <c r="OS35" s="143">
        <v>2418363</v>
      </c>
    </row>
    <row r="36" spans="2:409" ht="21" customHeight="1" x14ac:dyDescent="0.2">
      <c r="B36" s="126" t="s">
        <v>31</v>
      </c>
      <c r="C36" s="110">
        <v>10780</v>
      </c>
      <c r="D36" s="114">
        <v>0</v>
      </c>
      <c r="E36" s="113">
        <v>10780</v>
      </c>
      <c r="F36" s="109">
        <v>0</v>
      </c>
      <c r="G36" s="114">
        <v>195493</v>
      </c>
      <c r="H36" s="114">
        <v>66871</v>
      </c>
      <c r="I36" s="114">
        <v>297677</v>
      </c>
      <c r="J36" s="114">
        <v>342000</v>
      </c>
      <c r="K36" s="114">
        <v>190113</v>
      </c>
      <c r="L36" s="173">
        <v>1092154</v>
      </c>
      <c r="M36" s="116">
        <v>1102934</v>
      </c>
      <c r="N36" s="110">
        <v>0</v>
      </c>
      <c r="O36" s="114">
        <v>0</v>
      </c>
      <c r="P36" s="113">
        <v>0</v>
      </c>
      <c r="Q36" s="110">
        <v>0</v>
      </c>
      <c r="R36" s="114">
        <v>37037</v>
      </c>
      <c r="S36" s="114">
        <v>33096</v>
      </c>
      <c r="T36" s="114">
        <v>42980</v>
      </c>
      <c r="U36" s="114">
        <v>221816</v>
      </c>
      <c r="V36" s="114">
        <v>158263</v>
      </c>
      <c r="W36" s="113">
        <v>493192</v>
      </c>
      <c r="X36" s="116">
        <v>493192</v>
      </c>
      <c r="Y36" s="110">
        <v>0</v>
      </c>
      <c r="Z36" s="114">
        <v>0</v>
      </c>
      <c r="AA36" s="113">
        <v>0</v>
      </c>
      <c r="AB36" s="110">
        <v>0</v>
      </c>
      <c r="AC36" s="114">
        <v>0</v>
      </c>
      <c r="AD36" s="114">
        <v>0</v>
      </c>
      <c r="AE36" s="114">
        <v>0</v>
      </c>
      <c r="AF36" s="114">
        <v>36575</v>
      </c>
      <c r="AG36" s="114">
        <v>0</v>
      </c>
      <c r="AH36" s="113">
        <v>36575</v>
      </c>
      <c r="AI36" s="116">
        <v>36575</v>
      </c>
      <c r="AJ36" s="110">
        <v>0</v>
      </c>
      <c r="AK36" s="114">
        <v>0</v>
      </c>
      <c r="AL36" s="113">
        <v>0</v>
      </c>
      <c r="AM36" s="110">
        <v>0</v>
      </c>
      <c r="AN36" s="114">
        <v>0</v>
      </c>
      <c r="AO36" s="114">
        <v>0</v>
      </c>
      <c r="AP36" s="114">
        <v>0</v>
      </c>
      <c r="AQ36" s="114">
        <v>0</v>
      </c>
      <c r="AR36" s="114">
        <v>86051</v>
      </c>
      <c r="AS36" s="113">
        <v>86051</v>
      </c>
      <c r="AT36" s="116">
        <v>86051</v>
      </c>
      <c r="AU36" s="110">
        <v>0</v>
      </c>
      <c r="AV36" s="114">
        <v>0</v>
      </c>
      <c r="AW36" s="113">
        <v>0</v>
      </c>
      <c r="AX36" s="110">
        <v>0</v>
      </c>
      <c r="AY36" s="114">
        <v>31024</v>
      </c>
      <c r="AZ36" s="114">
        <v>24696</v>
      </c>
      <c r="BA36" s="114">
        <v>0</v>
      </c>
      <c r="BB36" s="114">
        <v>185241</v>
      </c>
      <c r="BC36" s="114">
        <v>60956</v>
      </c>
      <c r="BD36" s="113">
        <v>301917</v>
      </c>
      <c r="BE36" s="116">
        <v>301917</v>
      </c>
      <c r="BF36" s="110">
        <v>0</v>
      </c>
      <c r="BG36" s="114">
        <v>0</v>
      </c>
      <c r="BH36" s="112">
        <v>0</v>
      </c>
      <c r="BI36" s="111">
        <v>0</v>
      </c>
      <c r="BJ36" s="114">
        <v>0</v>
      </c>
      <c r="BK36" s="114">
        <v>0</v>
      </c>
      <c r="BL36" s="114">
        <v>42980</v>
      </c>
      <c r="BM36" s="114">
        <v>0</v>
      </c>
      <c r="BN36" s="114">
        <v>0</v>
      </c>
      <c r="BO36" s="113">
        <v>42980</v>
      </c>
      <c r="BP36" s="116">
        <v>42980</v>
      </c>
      <c r="BQ36" s="110">
        <v>0</v>
      </c>
      <c r="BR36" s="114">
        <v>0</v>
      </c>
      <c r="BS36" s="113">
        <v>0</v>
      </c>
      <c r="BT36" s="110">
        <v>0</v>
      </c>
      <c r="BU36" s="114">
        <v>6013</v>
      </c>
      <c r="BV36" s="114">
        <v>8400</v>
      </c>
      <c r="BW36" s="114">
        <v>0</v>
      </c>
      <c r="BX36" s="114">
        <v>0</v>
      </c>
      <c r="BY36" s="114">
        <v>11256</v>
      </c>
      <c r="BZ36" s="113">
        <v>25669</v>
      </c>
      <c r="CA36" s="116">
        <v>25669</v>
      </c>
      <c r="CB36" s="110">
        <v>0</v>
      </c>
      <c r="CC36" s="114">
        <v>0</v>
      </c>
      <c r="CD36" s="113">
        <v>0</v>
      </c>
      <c r="CE36" s="110">
        <v>0</v>
      </c>
      <c r="CF36" s="114">
        <v>0</v>
      </c>
      <c r="CG36" s="114">
        <v>19425</v>
      </c>
      <c r="CH36" s="114">
        <v>227222</v>
      </c>
      <c r="CI36" s="114">
        <v>34077</v>
      </c>
      <c r="CJ36" s="114">
        <v>0</v>
      </c>
      <c r="CK36" s="113">
        <v>280724</v>
      </c>
      <c r="CL36" s="116">
        <v>280724</v>
      </c>
      <c r="CM36" s="110">
        <v>0</v>
      </c>
      <c r="CN36" s="114">
        <v>0</v>
      </c>
      <c r="CO36" s="113">
        <v>0</v>
      </c>
      <c r="CP36" s="111">
        <v>0</v>
      </c>
      <c r="CQ36" s="114">
        <v>0</v>
      </c>
      <c r="CR36" s="114">
        <v>19425</v>
      </c>
      <c r="CS36" s="114">
        <v>227222</v>
      </c>
      <c r="CT36" s="114">
        <v>34077</v>
      </c>
      <c r="CU36" s="114">
        <v>0</v>
      </c>
      <c r="CV36" s="113">
        <v>280724</v>
      </c>
      <c r="CW36" s="116">
        <v>280724</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0</v>
      </c>
      <c r="DQ36" s="114">
        <v>0</v>
      </c>
      <c r="DR36" s="113">
        <v>0</v>
      </c>
      <c r="DS36" s="116">
        <v>0</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10780</v>
      </c>
      <c r="FM36" s="114">
        <v>0</v>
      </c>
      <c r="FN36" s="113">
        <v>10780</v>
      </c>
      <c r="FO36" s="110">
        <v>0</v>
      </c>
      <c r="FP36" s="114">
        <v>15470</v>
      </c>
      <c r="FQ36" s="114">
        <v>14350</v>
      </c>
      <c r="FR36" s="114">
        <v>27475</v>
      </c>
      <c r="FS36" s="114">
        <v>86107</v>
      </c>
      <c r="FT36" s="114">
        <v>31850</v>
      </c>
      <c r="FU36" s="113">
        <v>175252</v>
      </c>
      <c r="FV36" s="116">
        <v>186032</v>
      </c>
      <c r="FW36" s="115">
        <v>10780</v>
      </c>
      <c r="FX36" s="114">
        <v>0</v>
      </c>
      <c r="FY36" s="112">
        <v>10780</v>
      </c>
      <c r="FZ36" s="111">
        <v>0</v>
      </c>
      <c r="GA36" s="114">
        <v>15470</v>
      </c>
      <c r="GB36" s="114">
        <v>14350</v>
      </c>
      <c r="GC36" s="114">
        <v>27475</v>
      </c>
      <c r="GD36" s="114">
        <v>86107</v>
      </c>
      <c r="GE36" s="114">
        <v>31850</v>
      </c>
      <c r="GF36" s="113">
        <v>175252</v>
      </c>
      <c r="GG36" s="318">
        <v>186032</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142986</v>
      </c>
      <c r="HI36" s="114">
        <v>0</v>
      </c>
      <c r="HJ36" s="114">
        <v>0</v>
      </c>
      <c r="HK36" s="114">
        <v>0</v>
      </c>
      <c r="HL36" s="114">
        <v>0</v>
      </c>
      <c r="HM36" s="113">
        <v>142986</v>
      </c>
      <c r="HN36" s="109">
        <v>142986</v>
      </c>
      <c r="HO36" s="328"/>
      <c r="HP36" s="329"/>
      <c r="HQ36" s="330"/>
      <c r="HR36" s="331"/>
      <c r="HS36" s="329"/>
      <c r="HT36" s="329"/>
      <c r="HU36" s="329"/>
      <c r="HV36" s="329"/>
      <c r="HW36" s="329"/>
      <c r="HX36" s="332"/>
      <c r="HY36" s="333"/>
      <c r="HZ36" s="150">
        <v>0</v>
      </c>
      <c r="IA36" s="135">
        <v>0</v>
      </c>
      <c r="IB36" s="150">
        <v>0</v>
      </c>
      <c r="IC36" s="134">
        <v>0</v>
      </c>
      <c r="ID36" s="135">
        <v>31868</v>
      </c>
      <c r="IE36" s="136">
        <v>257927</v>
      </c>
      <c r="IF36" s="137">
        <v>70105</v>
      </c>
      <c r="IG36" s="135">
        <v>0</v>
      </c>
      <c r="IH36" s="137">
        <v>225120</v>
      </c>
      <c r="II36" s="138">
        <v>585020</v>
      </c>
      <c r="IJ36" s="150">
        <v>585020</v>
      </c>
      <c r="IK36" s="232">
        <v>0</v>
      </c>
      <c r="IL36" s="236">
        <v>0</v>
      </c>
      <c r="IM36" s="237">
        <v>0</v>
      </c>
      <c r="IN36" s="140"/>
      <c r="IO36" s="119">
        <v>0</v>
      </c>
      <c r="IP36" s="119">
        <v>89369</v>
      </c>
      <c r="IQ36" s="119">
        <v>0</v>
      </c>
      <c r="IR36" s="119">
        <v>0</v>
      </c>
      <c r="IS36" s="119">
        <v>0</v>
      </c>
      <c r="IT36" s="141">
        <v>89369</v>
      </c>
      <c r="IU36" s="320">
        <v>89369</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31868</v>
      </c>
      <c r="JL36" s="119">
        <v>15998</v>
      </c>
      <c r="JM36" s="119">
        <v>70105</v>
      </c>
      <c r="JN36" s="119">
        <v>0</v>
      </c>
      <c r="JO36" s="119">
        <v>0</v>
      </c>
      <c r="JP36" s="120">
        <v>117971</v>
      </c>
      <c r="JQ36" s="320">
        <v>117971</v>
      </c>
      <c r="JR36" s="142">
        <v>0</v>
      </c>
      <c r="JS36" s="119">
        <v>0</v>
      </c>
      <c r="JT36" s="141">
        <v>0</v>
      </c>
      <c r="JU36" s="118">
        <v>0</v>
      </c>
      <c r="JV36" s="119">
        <v>0</v>
      </c>
      <c r="JW36" s="119">
        <v>0</v>
      </c>
      <c r="JX36" s="119">
        <v>0</v>
      </c>
      <c r="JY36" s="119">
        <v>0</v>
      </c>
      <c r="JZ36" s="119">
        <v>0</v>
      </c>
      <c r="KA36" s="120">
        <v>0</v>
      </c>
      <c r="KB36" s="320">
        <v>0</v>
      </c>
      <c r="KC36" s="234">
        <v>0</v>
      </c>
      <c r="KD36" s="230">
        <v>0</v>
      </c>
      <c r="KE36" s="120">
        <v>0</v>
      </c>
      <c r="KF36" s="118">
        <v>0</v>
      </c>
      <c r="KG36" s="119">
        <v>0</v>
      </c>
      <c r="KH36" s="119">
        <v>152560</v>
      </c>
      <c r="KI36" s="119">
        <v>0</v>
      </c>
      <c r="KJ36" s="119">
        <v>0</v>
      </c>
      <c r="KK36" s="119">
        <v>0</v>
      </c>
      <c r="KL36" s="120">
        <v>152560</v>
      </c>
      <c r="KM36" s="143">
        <v>152560</v>
      </c>
      <c r="KN36" s="232">
        <v>0</v>
      </c>
      <c r="KO36" s="236">
        <v>0</v>
      </c>
      <c r="KP36" s="237">
        <v>0</v>
      </c>
      <c r="KQ36" s="140"/>
      <c r="KR36" s="119">
        <v>0</v>
      </c>
      <c r="KS36" s="119">
        <v>0</v>
      </c>
      <c r="KT36" s="119">
        <v>0</v>
      </c>
      <c r="KU36" s="119">
        <v>0</v>
      </c>
      <c r="KV36" s="119">
        <v>225120</v>
      </c>
      <c r="KW36" s="120">
        <v>225120</v>
      </c>
      <c r="KX36" s="320">
        <v>22512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17504</v>
      </c>
      <c r="ML36" s="119">
        <v>206075</v>
      </c>
      <c r="MM36" s="119">
        <v>0</v>
      </c>
      <c r="MN36" s="119">
        <v>254464</v>
      </c>
      <c r="MO36" s="120">
        <v>678043</v>
      </c>
      <c r="MP36" s="143">
        <v>678043</v>
      </c>
      <c r="MQ36" s="142">
        <v>0</v>
      </c>
      <c r="MR36" s="119">
        <v>0</v>
      </c>
      <c r="MS36" s="120">
        <v>0</v>
      </c>
      <c r="MT36" s="145"/>
      <c r="MU36" s="119">
        <v>0</v>
      </c>
      <c r="MV36" s="119">
        <v>0</v>
      </c>
      <c r="MW36" s="119">
        <v>206075</v>
      </c>
      <c r="MX36" s="119">
        <v>0</v>
      </c>
      <c r="MY36" s="119">
        <v>0</v>
      </c>
      <c r="MZ36" s="120">
        <v>206075</v>
      </c>
      <c r="NA36" s="143">
        <v>206075</v>
      </c>
      <c r="NB36" s="142">
        <v>0</v>
      </c>
      <c r="NC36" s="119">
        <v>0</v>
      </c>
      <c r="ND36" s="120">
        <v>0</v>
      </c>
      <c r="NE36" s="145"/>
      <c r="NF36" s="119">
        <v>0</v>
      </c>
      <c r="NG36" s="119">
        <v>217504</v>
      </c>
      <c r="NH36" s="119">
        <v>0</v>
      </c>
      <c r="NI36" s="119">
        <v>0</v>
      </c>
      <c r="NJ36" s="119">
        <v>254464</v>
      </c>
      <c r="NK36" s="120">
        <v>471968</v>
      </c>
      <c r="NL36" s="320">
        <v>471968</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10780</v>
      </c>
      <c r="OJ36" s="119">
        <v>0</v>
      </c>
      <c r="OK36" s="141">
        <v>10780</v>
      </c>
      <c r="OL36" s="118">
        <v>0</v>
      </c>
      <c r="OM36" s="119">
        <v>227361</v>
      </c>
      <c r="ON36" s="119">
        <v>542302</v>
      </c>
      <c r="OO36" s="119">
        <v>573857</v>
      </c>
      <c r="OP36" s="119">
        <v>342000</v>
      </c>
      <c r="OQ36" s="119">
        <v>669697</v>
      </c>
      <c r="OR36" s="120">
        <v>2355217</v>
      </c>
      <c r="OS36" s="143">
        <v>2365997</v>
      </c>
    </row>
    <row r="37" spans="2:409" ht="21" customHeight="1" x14ac:dyDescent="0.2">
      <c r="B37" s="126" t="s">
        <v>32</v>
      </c>
      <c r="C37" s="110">
        <v>40936</v>
      </c>
      <c r="D37" s="114">
        <v>0</v>
      </c>
      <c r="E37" s="174">
        <v>40936</v>
      </c>
      <c r="F37" s="175">
        <v>0</v>
      </c>
      <c r="G37" s="176">
        <v>127054</v>
      </c>
      <c r="H37" s="176">
        <v>414079</v>
      </c>
      <c r="I37" s="176">
        <v>308159</v>
      </c>
      <c r="J37" s="176">
        <v>360017</v>
      </c>
      <c r="K37" s="176">
        <v>694120</v>
      </c>
      <c r="L37" s="177">
        <v>1903429</v>
      </c>
      <c r="M37" s="116">
        <v>1944365</v>
      </c>
      <c r="N37" s="110">
        <v>22750</v>
      </c>
      <c r="O37" s="114">
        <v>0</v>
      </c>
      <c r="P37" s="113">
        <v>22750</v>
      </c>
      <c r="Q37" s="110">
        <v>0</v>
      </c>
      <c r="R37" s="114">
        <v>0</v>
      </c>
      <c r="S37" s="114">
        <v>79065</v>
      </c>
      <c r="T37" s="114">
        <v>23492</v>
      </c>
      <c r="U37" s="114">
        <v>230762</v>
      </c>
      <c r="V37" s="114">
        <v>13692</v>
      </c>
      <c r="W37" s="113">
        <v>347011</v>
      </c>
      <c r="X37" s="116">
        <v>369761</v>
      </c>
      <c r="Y37" s="110">
        <v>0</v>
      </c>
      <c r="Z37" s="114">
        <v>0</v>
      </c>
      <c r="AA37" s="113">
        <v>0</v>
      </c>
      <c r="AB37" s="110">
        <v>0</v>
      </c>
      <c r="AC37" s="114">
        <v>0</v>
      </c>
      <c r="AD37" s="114">
        <v>0</v>
      </c>
      <c r="AE37" s="114">
        <v>0</v>
      </c>
      <c r="AF37" s="114">
        <v>188832</v>
      </c>
      <c r="AG37" s="114">
        <v>0</v>
      </c>
      <c r="AH37" s="113">
        <v>188832</v>
      </c>
      <c r="AI37" s="116">
        <v>188832</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68278</v>
      </c>
      <c r="BA37" s="114">
        <v>0</v>
      </c>
      <c r="BB37" s="114">
        <v>0</v>
      </c>
      <c r="BC37" s="114">
        <v>0</v>
      </c>
      <c r="BD37" s="113">
        <v>68278</v>
      </c>
      <c r="BE37" s="116">
        <v>68278</v>
      </c>
      <c r="BF37" s="110">
        <v>22750</v>
      </c>
      <c r="BG37" s="114">
        <v>0</v>
      </c>
      <c r="BH37" s="112">
        <v>22750</v>
      </c>
      <c r="BI37" s="111">
        <v>0</v>
      </c>
      <c r="BJ37" s="114">
        <v>0</v>
      </c>
      <c r="BK37" s="114">
        <v>0</v>
      </c>
      <c r="BL37" s="114">
        <v>0</v>
      </c>
      <c r="BM37" s="114">
        <v>20076</v>
      </c>
      <c r="BN37" s="114">
        <v>0</v>
      </c>
      <c r="BO37" s="113">
        <v>20076</v>
      </c>
      <c r="BP37" s="116">
        <v>42826</v>
      </c>
      <c r="BQ37" s="110">
        <v>0</v>
      </c>
      <c r="BR37" s="114">
        <v>0</v>
      </c>
      <c r="BS37" s="113">
        <v>0</v>
      </c>
      <c r="BT37" s="110">
        <v>0</v>
      </c>
      <c r="BU37" s="114">
        <v>0</v>
      </c>
      <c r="BV37" s="114">
        <v>10787</v>
      </c>
      <c r="BW37" s="114">
        <v>23492</v>
      </c>
      <c r="BX37" s="114">
        <v>21854</v>
      </c>
      <c r="BY37" s="114">
        <v>13692</v>
      </c>
      <c r="BZ37" s="113">
        <v>69825</v>
      </c>
      <c r="CA37" s="116">
        <v>69825</v>
      </c>
      <c r="CB37" s="110">
        <v>16226</v>
      </c>
      <c r="CC37" s="114">
        <v>0</v>
      </c>
      <c r="CD37" s="113">
        <v>16226</v>
      </c>
      <c r="CE37" s="110">
        <v>0</v>
      </c>
      <c r="CF37" s="114">
        <v>119564</v>
      </c>
      <c r="CG37" s="114">
        <v>145636</v>
      </c>
      <c r="CH37" s="114">
        <v>58629</v>
      </c>
      <c r="CI37" s="114">
        <v>71512</v>
      </c>
      <c r="CJ37" s="114">
        <v>0</v>
      </c>
      <c r="CK37" s="113">
        <v>395341</v>
      </c>
      <c r="CL37" s="116">
        <v>411567</v>
      </c>
      <c r="CM37" s="110">
        <v>0</v>
      </c>
      <c r="CN37" s="114">
        <v>0</v>
      </c>
      <c r="CO37" s="113">
        <v>0</v>
      </c>
      <c r="CP37" s="111">
        <v>0</v>
      </c>
      <c r="CQ37" s="114">
        <v>119564</v>
      </c>
      <c r="CR37" s="114">
        <v>145636</v>
      </c>
      <c r="CS37" s="114">
        <v>0</v>
      </c>
      <c r="CT37" s="114">
        <v>0</v>
      </c>
      <c r="CU37" s="114">
        <v>0</v>
      </c>
      <c r="CV37" s="113">
        <v>265200</v>
      </c>
      <c r="CW37" s="116">
        <v>265200</v>
      </c>
      <c r="CX37" s="110">
        <v>16226</v>
      </c>
      <c r="CY37" s="114">
        <v>0</v>
      </c>
      <c r="CZ37" s="113">
        <v>16226</v>
      </c>
      <c r="DA37" s="110">
        <v>0</v>
      </c>
      <c r="DB37" s="114">
        <v>0</v>
      </c>
      <c r="DC37" s="114">
        <v>0</v>
      </c>
      <c r="DD37" s="114">
        <v>58629</v>
      </c>
      <c r="DE37" s="114">
        <v>71512</v>
      </c>
      <c r="DF37" s="114">
        <v>0</v>
      </c>
      <c r="DG37" s="113">
        <v>130141</v>
      </c>
      <c r="DH37" s="116">
        <v>146367</v>
      </c>
      <c r="DI37" s="110">
        <v>0</v>
      </c>
      <c r="DJ37" s="114">
        <v>0</v>
      </c>
      <c r="DK37" s="112">
        <v>0</v>
      </c>
      <c r="DL37" s="111">
        <v>0</v>
      </c>
      <c r="DM37" s="114">
        <v>0</v>
      </c>
      <c r="DN37" s="114">
        <v>0</v>
      </c>
      <c r="DO37" s="114">
        <v>30459</v>
      </c>
      <c r="DP37" s="114">
        <v>0</v>
      </c>
      <c r="DQ37" s="114">
        <v>481747</v>
      </c>
      <c r="DR37" s="113">
        <v>512206</v>
      </c>
      <c r="DS37" s="116">
        <v>512206</v>
      </c>
      <c r="DT37" s="110">
        <v>0</v>
      </c>
      <c r="DU37" s="114">
        <v>0</v>
      </c>
      <c r="DV37" s="113">
        <v>0</v>
      </c>
      <c r="DW37" s="110">
        <v>0</v>
      </c>
      <c r="DX37" s="114">
        <v>0</v>
      </c>
      <c r="DY37" s="114">
        <v>0</v>
      </c>
      <c r="DZ37" s="114">
        <v>0</v>
      </c>
      <c r="EA37" s="114">
        <v>0</v>
      </c>
      <c r="EB37" s="114">
        <v>7510</v>
      </c>
      <c r="EC37" s="113">
        <v>7510</v>
      </c>
      <c r="ED37" s="116">
        <v>7510</v>
      </c>
      <c r="EE37" s="110">
        <v>0</v>
      </c>
      <c r="EF37" s="112">
        <v>0</v>
      </c>
      <c r="EG37" s="113">
        <v>0</v>
      </c>
      <c r="EH37" s="110">
        <v>0</v>
      </c>
      <c r="EI37" s="114">
        <v>0</v>
      </c>
      <c r="EJ37" s="114">
        <v>0</v>
      </c>
      <c r="EK37" s="114">
        <v>30459</v>
      </c>
      <c r="EL37" s="114">
        <v>0</v>
      </c>
      <c r="EM37" s="114">
        <v>474237</v>
      </c>
      <c r="EN37" s="112">
        <v>504696</v>
      </c>
      <c r="EO37" s="116">
        <v>504696</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1960</v>
      </c>
      <c r="FM37" s="114">
        <v>0</v>
      </c>
      <c r="FN37" s="113">
        <v>1960</v>
      </c>
      <c r="FO37" s="110">
        <v>0</v>
      </c>
      <c r="FP37" s="114">
        <v>7490</v>
      </c>
      <c r="FQ37" s="114">
        <v>43820</v>
      </c>
      <c r="FR37" s="114">
        <v>18200</v>
      </c>
      <c r="FS37" s="114">
        <v>57743</v>
      </c>
      <c r="FT37" s="114">
        <v>0</v>
      </c>
      <c r="FU37" s="113">
        <v>127253</v>
      </c>
      <c r="FV37" s="116">
        <v>129213</v>
      </c>
      <c r="FW37" s="115">
        <v>1960</v>
      </c>
      <c r="FX37" s="114">
        <v>0</v>
      </c>
      <c r="FY37" s="112">
        <v>1960</v>
      </c>
      <c r="FZ37" s="111">
        <v>0</v>
      </c>
      <c r="GA37" s="114">
        <v>7490</v>
      </c>
      <c r="GB37" s="114">
        <v>43820</v>
      </c>
      <c r="GC37" s="114">
        <v>18200</v>
      </c>
      <c r="GD37" s="114">
        <v>57743</v>
      </c>
      <c r="GE37" s="114">
        <v>0</v>
      </c>
      <c r="GF37" s="113">
        <v>127253</v>
      </c>
      <c r="GG37" s="318">
        <v>12921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45558</v>
      </c>
      <c r="HJ37" s="114">
        <v>177379</v>
      </c>
      <c r="HK37" s="114">
        <v>0</v>
      </c>
      <c r="HL37" s="114">
        <v>198681</v>
      </c>
      <c r="HM37" s="113">
        <v>521618</v>
      </c>
      <c r="HN37" s="109">
        <v>521618</v>
      </c>
      <c r="HO37" s="328"/>
      <c r="HP37" s="329"/>
      <c r="HQ37" s="330"/>
      <c r="HR37" s="331"/>
      <c r="HS37" s="329"/>
      <c r="HT37" s="329"/>
      <c r="HU37" s="329"/>
      <c r="HV37" s="329"/>
      <c r="HW37" s="329"/>
      <c r="HX37" s="332"/>
      <c r="HY37" s="333"/>
      <c r="HZ37" s="131">
        <v>0</v>
      </c>
      <c r="IA37" s="132">
        <v>0</v>
      </c>
      <c r="IB37" s="133">
        <v>0</v>
      </c>
      <c r="IC37" s="146">
        <v>0</v>
      </c>
      <c r="ID37" s="132">
        <v>70742</v>
      </c>
      <c r="IE37" s="147">
        <v>404026</v>
      </c>
      <c r="IF37" s="133">
        <v>458680</v>
      </c>
      <c r="IG37" s="132">
        <v>388584</v>
      </c>
      <c r="IH37" s="133">
        <v>228788</v>
      </c>
      <c r="II37" s="148">
        <v>1550820</v>
      </c>
      <c r="IJ37" s="139">
        <v>1550820</v>
      </c>
      <c r="IK37" s="232">
        <v>0</v>
      </c>
      <c r="IL37" s="236">
        <v>0</v>
      </c>
      <c r="IM37" s="237">
        <v>0</v>
      </c>
      <c r="IN37" s="140"/>
      <c r="IO37" s="119">
        <v>0</v>
      </c>
      <c r="IP37" s="119">
        <v>85568</v>
      </c>
      <c r="IQ37" s="119">
        <v>0</v>
      </c>
      <c r="IR37" s="119">
        <v>0</v>
      </c>
      <c r="IS37" s="119">
        <v>0</v>
      </c>
      <c r="IT37" s="141">
        <v>85568</v>
      </c>
      <c r="IU37" s="320">
        <v>85568</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0</v>
      </c>
      <c r="JL37" s="119">
        <v>26719</v>
      </c>
      <c r="JM37" s="119">
        <v>33304</v>
      </c>
      <c r="JN37" s="119">
        <v>0</v>
      </c>
      <c r="JO37" s="119">
        <v>0</v>
      </c>
      <c r="JP37" s="120">
        <v>60023</v>
      </c>
      <c r="JQ37" s="320">
        <v>60023</v>
      </c>
      <c r="JR37" s="142">
        <v>0</v>
      </c>
      <c r="JS37" s="119">
        <v>0</v>
      </c>
      <c r="JT37" s="141">
        <v>0</v>
      </c>
      <c r="JU37" s="118">
        <v>0</v>
      </c>
      <c r="JV37" s="119">
        <v>70742</v>
      </c>
      <c r="JW37" s="119">
        <v>0</v>
      </c>
      <c r="JX37" s="119">
        <v>0</v>
      </c>
      <c r="JY37" s="119">
        <v>0</v>
      </c>
      <c r="JZ37" s="119">
        <v>0</v>
      </c>
      <c r="KA37" s="120">
        <v>70742</v>
      </c>
      <c r="KB37" s="320">
        <v>70742</v>
      </c>
      <c r="KC37" s="234">
        <v>0</v>
      </c>
      <c r="KD37" s="230">
        <v>0</v>
      </c>
      <c r="KE37" s="120">
        <v>0</v>
      </c>
      <c r="KF37" s="118">
        <v>0</v>
      </c>
      <c r="KG37" s="119">
        <v>0</v>
      </c>
      <c r="KH37" s="119">
        <v>131782</v>
      </c>
      <c r="KI37" s="119">
        <v>0</v>
      </c>
      <c r="KJ37" s="119">
        <v>0</v>
      </c>
      <c r="KK37" s="119">
        <v>0</v>
      </c>
      <c r="KL37" s="120">
        <v>131782</v>
      </c>
      <c r="KM37" s="143">
        <v>131782</v>
      </c>
      <c r="KN37" s="232">
        <v>0</v>
      </c>
      <c r="KO37" s="236">
        <v>0</v>
      </c>
      <c r="KP37" s="237">
        <v>0</v>
      </c>
      <c r="KQ37" s="140"/>
      <c r="KR37" s="119">
        <v>0</v>
      </c>
      <c r="KS37" s="119">
        <v>0</v>
      </c>
      <c r="KT37" s="119">
        <v>425376</v>
      </c>
      <c r="KU37" s="119">
        <v>0</v>
      </c>
      <c r="KV37" s="119">
        <v>228788</v>
      </c>
      <c r="KW37" s="120">
        <v>654164</v>
      </c>
      <c r="KX37" s="320">
        <v>654164</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9957</v>
      </c>
      <c r="LP37" s="119">
        <v>0</v>
      </c>
      <c r="LQ37" s="119">
        <v>388584</v>
      </c>
      <c r="LR37" s="119">
        <v>0</v>
      </c>
      <c r="LS37" s="120">
        <v>548541</v>
      </c>
      <c r="LT37" s="320">
        <v>548541</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535022</v>
      </c>
      <c r="MN37" s="119">
        <v>534227</v>
      </c>
      <c r="MO37" s="120">
        <v>1069249</v>
      </c>
      <c r="MP37" s="143">
        <v>1069249</v>
      </c>
      <c r="MQ37" s="142">
        <v>0</v>
      </c>
      <c r="MR37" s="119">
        <v>0</v>
      </c>
      <c r="MS37" s="120">
        <v>0</v>
      </c>
      <c r="MT37" s="145"/>
      <c r="MU37" s="119">
        <v>0</v>
      </c>
      <c r="MV37" s="119">
        <v>0</v>
      </c>
      <c r="MW37" s="119">
        <v>0</v>
      </c>
      <c r="MX37" s="119">
        <v>239763</v>
      </c>
      <c r="MY37" s="119">
        <v>258913</v>
      </c>
      <c r="MZ37" s="120">
        <v>498676</v>
      </c>
      <c r="NA37" s="143">
        <v>498676</v>
      </c>
      <c r="NB37" s="142">
        <v>0</v>
      </c>
      <c r="NC37" s="119">
        <v>0</v>
      </c>
      <c r="ND37" s="120">
        <v>0</v>
      </c>
      <c r="NE37" s="145"/>
      <c r="NF37" s="119">
        <v>0</v>
      </c>
      <c r="NG37" s="119">
        <v>0</v>
      </c>
      <c r="NH37" s="119">
        <v>0</v>
      </c>
      <c r="NI37" s="119">
        <v>295259</v>
      </c>
      <c r="NJ37" s="119">
        <v>275314</v>
      </c>
      <c r="NK37" s="120">
        <v>570573</v>
      </c>
      <c r="NL37" s="320">
        <v>570573</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40936</v>
      </c>
      <c r="OJ37" s="119">
        <v>0</v>
      </c>
      <c r="OK37" s="141">
        <v>40936</v>
      </c>
      <c r="OL37" s="118">
        <v>0</v>
      </c>
      <c r="OM37" s="119">
        <v>197796</v>
      </c>
      <c r="ON37" s="119">
        <v>818105</v>
      </c>
      <c r="OO37" s="119">
        <v>766839</v>
      </c>
      <c r="OP37" s="119">
        <v>1283623</v>
      </c>
      <c r="OQ37" s="119">
        <v>1457135</v>
      </c>
      <c r="OR37" s="120">
        <v>4523498</v>
      </c>
      <c r="OS37" s="143">
        <v>4564434</v>
      </c>
    </row>
    <row r="38" spans="2:409" ht="21" customHeight="1" x14ac:dyDescent="0.2">
      <c r="B38" s="126" t="s">
        <v>33</v>
      </c>
      <c r="C38" s="110">
        <v>74777</v>
      </c>
      <c r="D38" s="114">
        <v>32492</v>
      </c>
      <c r="E38" s="113">
        <v>107269</v>
      </c>
      <c r="F38" s="109">
        <v>0</v>
      </c>
      <c r="G38" s="114">
        <v>325504</v>
      </c>
      <c r="H38" s="114">
        <v>103515</v>
      </c>
      <c r="I38" s="114">
        <v>385916</v>
      </c>
      <c r="J38" s="114">
        <v>445362</v>
      </c>
      <c r="K38" s="114">
        <v>33236</v>
      </c>
      <c r="L38" s="173">
        <v>1293533</v>
      </c>
      <c r="M38" s="116">
        <v>1400802</v>
      </c>
      <c r="N38" s="110">
        <v>0</v>
      </c>
      <c r="O38" s="114">
        <v>27592</v>
      </c>
      <c r="P38" s="113">
        <v>27592</v>
      </c>
      <c r="Q38" s="110">
        <v>0</v>
      </c>
      <c r="R38" s="114">
        <v>83901</v>
      </c>
      <c r="S38" s="114">
        <v>86715</v>
      </c>
      <c r="T38" s="114">
        <v>130450</v>
      </c>
      <c r="U38" s="114">
        <v>68427</v>
      </c>
      <c r="V38" s="114">
        <v>0</v>
      </c>
      <c r="W38" s="113">
        <v>369493</v>
      </c>
      <c r="X38" s="116">
        <v>397085</v>
      </c>
      <c r="Y38" s="110">
        <v>0</v>
      </c>
      <c r="Z38" s="114">
        <v>0</v>
      </c>
      <c r="AA38" s="113">
        <v>0</v>
      </c>
      <c r="AB38" s="110">
        <v>0</v>
      </c>
      <c r="AC38" s="114">
        <v>41981</v>
      </c>
      <c r="AD38" s="114">
        <v>0</v>
      </c>
      <c r="AE38" s="114">
        <v>0</v>
      </c>
      <c r="AF38" s="114">
        <v>12449</v>
      </c>
      <c r="AG38" s="114">
        <v>0</v>
      </c>
      <c r="AH38" s="113">
        <v>54430</v>
      </c>
      <c r="AI38" s="116">
        <v>54430</v>
      </c>
      <c r="AJ38" s="110">
        <v>0</v>
      </c>
      <c r="AK38" s="114">
        <v>0</v>
      </c>
      <c r="AL38" s="113">
        <v>0</v>
      </c>
      <c r="AM38" s="110">
        <v>0</v>
      </c>
      <c r="AN38" s="114">
        <v>0</v>
      </c>
      <c r="AO38" s="114">
        <v>0</v>
      </c>
      <c r="AP38" s="114">
        <v>29848</v>
      </c>
      <c r="AQ38" s="114">
        <v>0</v>
      </c>
      <c r="AR38" s="114">
        <v>0</v>
      </c>
      <c r="AS38" s="113">
        <v>29848</v>
      </c>
      <c r="AT38" s="116">
        <v>29848</v>
      </c>
      <c r="AU38" s="110">
        <v>0</v>
      </c>
      <c r="AV38" s="114">
        <v>0</v>
      </c>
      <c r="AW38" s="113">
        <v>0</v>
      </c>
      <c r="AX38" s="110">
        <v>0</v>
      </c>
      <c r="AY38" s="114">
        <v>0</v>
      </c>
      <c r="AZ38" s="114">
        <v>27573</v>
      </c>
      <c r="BA38" s="114">
        <v>51044</v>
      </c>
      <c r="BB38" s="114">
        <v>22555</v>
      </c>
      <c r="BC38" s="114">
        <v>0</v>
      </c>
      <c r="BD38" s="113">
        <v>101172</v>
      </c>
      <c r="BE38" s="116">
        <v>101172</v>
      </c>
      <c r="BF38" s="110">
        <v>0</v>
      </c>
      <c r="BG38" s="114">
        <v>27592</v>
      </c>
      <c r="BH38" s="112">
        <v>27592</v>
      </c>
      <c r="BI38" s="111">
        <v>0</v>
      </c>
      <c r="BJ38" s="114">
        <v>40107</v>
      </c>
      <c r="BK38" s="114">
        <v>59142</v>
      </c>
      <c r="BL38" s="114">
        <v>26738</v>
      </c>
      <c r="BM38" s="114">
        <v>33423</v>
      </c>
      <c r="BN38" s="114">
        <v>0</v>
      </c>
      <c r="BO38" s="113">
        <v>159410</v>
      </c>
      <c r="BP38" s="116">
        <v>187002</v>
      </c>
      <c r="BQ38" s="110">
        <v>0</v>
      </c>
      <c r="BR38" s="114">
        <v>0</v>
      </c>
      <c r="BS38" s="113">
        <v>0</v>
      </c>
      <c r="BT38" s="110">
        <v>0</v>
      </c>
      <c r="BU38" s="114">
        <v>1813</v>
      </c>
      <c r="BV38" s="114">
        <v>0</v>
      </c>
      <c r="BW38" s="114">
        <v>22820</v>
      </c>
      <c r="BX38" s="114">
        <v>0</v>
      </c>
      <c r="BY38" s="114">
        <v>0</v>
      </c>
      <c r="BZ38" s="113">
        <v>24633</v>
      </c>
      <c r="CA38" s="116">
        <v>24633</v>
      </c>
      <c r="CB38" s="110">
        <v>17649</v>
      </c>
      <c r="CC38" s="114">
        <v>0</v>
      </c>
      <c r="CD38" s="113">
        <v>17649</v>
      </c>
      <c r="CE38" s="110">
        <v>0</v>
      </c>
      <c r="CF38" s="114">
        <v>100409</v>
      </c>
      <c r="CG38" s="114">
        <v>0</v>
      </c>
      <c r="CH38" s="114">
        <v>0</v>
      </c>
      <c r="CI38" s="114">
        <v>16686</v>
      </c>
      <c r="CJ38" s="114">
        <v>0</v>
      </c>
      <c r="CK38" s="113">
        <v>117095</v>
      </c>
      <c r="CL38" s="116">
        <v>134744</v>
      </c>
      <c r="CM38" s="110">
        <v>0</v>
      </c>
      <c r="CN38" s="114">
        <v>0</v>
      </c>
      <c r="CO38" s="113">
        <v>0</v>
      </c>
      <c r="CP38" s="111">
        <v>0</v>
      </c>
      <c r="CQ38" s="114">
        <v>63976</v>
      </c>
      <c r="CR38" s="114">
        <v>0</v>
      </c>
      <c r="CS38" s="114">
        <v>0</v>
      </c>
      <c r="CT38" s="114">
        <v>0</v>
      </c>
      <c r="CU38" s="114">
        <v>0</v>
      </c>
      <c r="CV38" s="113">
        <v>63976</v>
      </c>
      <c r="CW38" s="116">
        <v>63976</v>
      </c>
      <c r="CX38" s="110">
        <v>17649</v>
      </c>
      <c r="CY38" s="114">
        <v>0</v>
      </c>
      <c r="CZ38" s="113">
        <v>17649</v>
      </c>
      <c r="DA38" s="110">
        <v>0</v>
      </c>
      <c r="DB38" s="114">
        <v>36433</v>
      </c>
      <c r="DC38" s="114">
        <v>0</v>
      </c>
      <c r="DD38" s="114">
        <v>0</v>
      </c>
      <c r="DE38" s="114">
        <v>16686</v>
      </c>
      <c r="DF38" s="114">
        <v>0</v>
      </c>
      <c r="DG38" s="113">
        <v>53119</v>
      </c>
      <c r="DH38" s="116">
        <v>70768</v>
      </c>
      <c r="DI38" s="110">
        <v>0</v>
      </c>
      <c r="DJ38" s="114">
        <v>0</v>
      </c>
      <c r="DK38" s="112">
        <v>0</v>
      </c>
      <c r="DL38" s="111">
        <v>0</v>
      </c>
      <c r="DM38" s="114">
        <v>0</v>
      </c>
      <c r="DN38" s="114">
        <v>0</v>
      </c>
      <c r="DO38" s="114">
        <v>35233</v>
      </c>
      <c r="DP38" s="114">
        <v>155313</v>
      </c>
      <c r="DQ38" s="114">
        <v>0</v>
      </c>
      <c r="DR38" s="113">
        <v>190546</v>
      </c>
      <c r="DS38" s="116">
        <v>190546</v>
      </c>
      <c r="DT38" s="110">
        <v>0</v>
      </c>
      <c r="DU38" s="114">
        <v>0</v>
      </c>
      <c r="DV38" s="113">
        <v>0</v>
      </c>
      <c r="DW38" s="110">
        <v>0</v>
      </c>
      <c r="DX38" s="114">
        <v>0</v>
      </c>
      <c r="DY38" s="114">
        <v>0</v>
      </c>
      <c r="DZ38" s="114">
        <v>0</v>
      </c>
      <c r="EA38" s="114">
        <v>155313</v>
      </c>
      <c r="EB38" s="114">
        <v>0</v>
      </c>
      <c r="EC38" s="113">
        <v>155313</v>
      </c>
      <c r="ED38" s="116">
        <v>155313</v>
      </c>
      <c r="EE38" s="110">
        <v>0</v>
      </c>
      <c r="EF38" s="112">
        <v>0</v>
      </c>
      <c r="EG38" s="113">
        <v>0</v>
      </c>
      <c r="EH38" s="110">
        <v>0</v>
      </c>
      <c r="EI38" s="114">
        <v>0</v>
      </c>
      <c r="EJ38" s="114">
        <v>0</v>
      </c>
      <c r="EK38" s="114">
        <v>35233</v>
      </c>
      <c r="EL38" s="114">
        <v>0</v>
      </c>
      <c r="EM38" s="114">
        <v>0</v>
      </c>
      <c r="EN38" s="112">
        <v>35233</v>
      </c>
      <c r="EO38" s="116">
        <v>35233</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8330</v>
      </c>
      <c r="FM38" s="114">
        <v>4900</v>
      </c>
      <c r="FN38" s="113">
        <v>13230</v>
      </c>
      <c r="FO38" s="110">
        <v>0</v>
      </c>
      <c r="FP38" s="114">
        <v>2940</v>
      </c>
      <c r="FQ38" s="114">
        <v>16800</v>
      </c>
      <c r="FR38" s="114">
        <v>45500</v>
      </c>
      <c r="FS38" s="114">
        <v>8778</v>
      </c>
      <c r="FT38" s="114">
        <v>33236</v>
      </c>
      <c r="FU38" s="113">
        <v>107254</v>
      </c>
      <c r="FV38" s="116">
        <v>120484</v>
      </c>
      <c r="FW38" s="115">
        <v>0</v>
      </c>
      <c r="FX38" s="114">
        <v>4900</v>
      </c>
      <c r="FY38" s="112">
        <v>4900</v>
      </c>
      <c r="FZ38" s="111">
        <v>0</v>
      </c>
      <c r="GA38" s="114">
        <v>2940</v>
      </c>
      <c r="GB38" s="114">
        <v>16800</v>
      </c>
      <c r="GC38" s="114">
        <v>45500</v>
      </c>
      <c r="GD38" s="114">
        <v>8778</v>
      </c>
      <c r="GE38" s="114">
        <v>33236</v>
      </c>
      <c r="GF38" s="113">
        <v>107254</v>
      </c>
      <c r="GG38" s="318">
        <v>112154</v>
      </c>
      <c r="GH38" s="115">
        <v>8330</v>
      </c>
      <c r="GI38" s="114">
        <v>0</v>
      </c>
      <c r="GJ38" s="112">
        <v>8330</v>
      </c>
      <c r="GK38" s="111">
        <v>0</v>
      </c>
      <c r="GL38" s="114">
        <v>0</v>
      </c>
      <c r="GM38" s="114">
        <v>0</v>
      </c>
      <c r="GN38" s="114">
        <v>0</v>
      </c>
      <c r="GO38" s="114">
        <v>0</v>
      </c>
      <c r="GP38" s="114">
        <v>0</v>
      </c>
      <c r="GQ38" s="113">
        <v>0</v>
      </c>
      <c r="GR38" s="116">
        <v>8330</v>
      </c>
      <c r="GS38" s="110">
        <v>0</v>
      </c>
      <c r="GT38" s="114">
        <v>0</v>
      </c>
      <c r="GU38" s="113">
        <v>0</v>
      </c>
      <c r="GV38" s="110">
        <v>0</v>
      </c>
      <c r="GW38" s="114">
        <v>0</v>
      </c>
      <c r="GX38" s="114">
        <v>0</v>
      </c>
      <c r="GY38" s="114">
        <v>0</v>
      </c>
      <c r="GZ38" s="114">
        <v>0</v>
      </c>
      <c r="HA38" s="114">
        <v>0</v>
      </c>
      <c r="HB38" s="112">
        <v>0</v>
      </c>
      <c r="HC38" s="116">
        <v>0</v>
      </c>
      <c r="HD38" s="110">
        <v>48798</v>
      </c>
      <c r="HE38" s="114">
        <v>0</v>
      </c>
      <c r="HF38" s="112">
        <v>48798</v>
      </c>
      <c r="HG38" s="111">
        <v>0</v>
      </c>
      <c r="HH38" s="114">
        <v>138254</v>
      </c>
      <c r="HI38" s="114">
        <v>0</v>
      </c>
      <c r="HJ38" s="114">
        <v>174733</v>
      </c>
      <c r="HK38" s="114">
        <v>196158</v>
      </c>
      <c r="HL38" s="114">
        <v>0</v>
      </c>
      <c r="HM38" s="113">
        <v>509145</v>
      </c>
      <c r="HN38" s="109">
        <v>557943</v>
      </c>
      <c r="HO38" s="328"/>
      <c r="HP38" s="329"/>
      <c r="HQ38" s="330"/>
      <c r="HR38" s="331"/>
      <c r="HS38" s="329"/>
      <c r="HT38" s="329"/>
      <c r="HU38" s="329"/>
      <c r="HV38" s="329"/>
      <c r="HW38" s="329"/>
      <c r="HX38" s="332"/>
      <c r="HY38" s="333"/>
      <c r="HZ38" s="150">
        <v>0</v>
      </c>
      <c r="IA38" s="135">
        <v>0</v>
      </c>
      <c r="IB38" s="150">
        <v>0</v>
      </c>
      <c r="IC38" s="146">
        <v>0</v>
      </c>
      <c r="ID38" s="132">
        <v>38896</v>
      </c>
      <c r="IE38" s="147">
        <v>0</v>
      </c>
      <c r="IF38" s="133">
        <v>115050</v>
      </c>
      <c r="IG38" s="132">
        <v>0</v>
      </c>
      <c r="IH38" s="133">
        <v>174201</v>
      </c>
      <c r="II38" s="148">
        <v>328147</v>
      </c>
      <c r="IJ38" s="150">
        <v>328147</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38896</v>
      </c>
      <c r="JL38" s="119">
        <v>0</v>
      </c>
      <c r="JM38" s="119">
        <v>115050</v>
      </c>
      <c r="JN38" s="119">
        <v>0</v>
      </c>
      <c r="JO38" s="119">
        <v>0</v>
      </c>
      <c r="JP38" s="120">
        <v>153946</v>
      </c>
      <c r="JQ38" s="320">
        <v>153946</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0</v>
      </c>
      <c r="LZ38" s="119">
        <v>0</v>
      </c>
      <c r="MA38" s="119">
        <v>0</v>
      </c>
      <c r="MB38" s="119">
        <v>0</v>
      </c>
      <c r="MC38" s="119">
        <v>174201</v>
      </c>
      <c r="MD38" s="120">
        <v>174201</v>
      </c>
      <c r="ME38" s="121">
        <v>174201</v>
      </c>
      <c r="MF38" s="142">
        <v>0</v>
      </c>
      <c r="MG38" s="119">
        <v>0</v>
      </c>
      <c r="MH38" s="120">
        <v>0</v>
      </c>
      <c r="MI38" s="145"/>
      <c r="MJ38" s="119">
        <v>0</v>
      </c>
      <c r="MK38" s="119">
        <v>0</v>
      </c>
      <c r="ML38" s="119">
        <v>156631</v>
      </c>
      <c r="MM38" s="119">
        <v>614616</v>
      </c>
      <c r="MN38" s="119">
        <v>599288</v>
      </c>
      <c r="MO38" s="120">
        <v>1370535</v>
      </c>
      <c r="MP38" s="143">
        <v>1370535</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156631</v>
      </c>
      <c r="NI38" s="119">
        <v>321865</v>
      </c>
      <c r="NJ38" s="119">
        <v>0</v>
      </c>
      <c r="NK38" s="120">
        <v>478496</v>
      </c>
      <c r="NL38" s="320">
        <v>478496</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292751</v>
      </c>
      <c r="OF38" s="119">
        <v>599288</v>
      </c>
      <c r="OG38" s="120">
        <v>892039</v>
      </c>
      <c r="OH38" s="121">
        <v>892039</v>
      </c>
      <c r="OI38" s="142">
        <v>74777</v>
      </c>
      <c r="OJ38" s="119">
        <v>32492</v>
      </c>
      <c r="OK38" s="141">
        <v>107269</v>
      </c>
      <c r="OL38" s="118">
        <v>0</v>
      </c>
      <c r="OM38" s="119">
        <v>364400</v>
      </c>
      <c r="ON38" s="119">
        <v>103515</v>
      </c>
      <c r="OO38" s="119">
        <v>657597</v>
      </c>
      <c r="OP38" s="119">
        <v>1059978</v>
      </c>
      <c r="OQ38" s="119">
        <v>806725</v>
      </c>
      <c r="OR38" s="120">
        <v>2992215</v>
      </c>
      <c r="OS38" s="143">
        <v>3099484</v>
      </c>
    </row>
    <row r="39" spans="2:409" ht="21" customHeight="1" x14ac:dyDescent="0.2">
      <c r="B39" s="126" t="s">
        <v>34</v>
      </c>
      <c r="C39" s="110">
        <v>0</v>
      </c>
      <c r="D39" s="114">
        <v>0</v>
      </c>
      <c r="E39" s="174">
        <v>0</v>
      </c>
      <c r="F39" s="175">
        <v>0</v>
      </c>
      <c r="G39" s="176">
        <v>33215</v>
      </c>
      <c r="H39" s="176">
        <v>207900</v>
      </c>
      <c r="I39" s="176">
        <v>170856</v>
      </c>
      <c r="J39" s="176">
        <v>0</v>
      </c>
      <c r="K39" s="176">
        <v>7000</v>
      </c>
      <c r="L39" s="177">
        <v>418971</v>
      </c>
      <c r="M39" s="116">
        <v>418971</v>
      </c>
      <c r="N39" s="110">
        <v>0</v>
      </c>
      <c r="O39" s="114">
        <v>0</v>
      </c>
      <c r="P39" s="113">
        <v>0</v>
      </c>
      <c r="Q39" s="110">
        <v>0</v>
      </c>
      <c r="R39" s="114">
        <v>29715</v>
      </c>
      <c r="S39" s="114">
        <v>12572</v>
      </c>
      <c r="T39" s="114">
        <v>0</v>
      </c>
      <c r="U39" s="114">
        <v>0</v>
      </c>
      <c r="V39" s="114">
        <v>0</v>
      </c>
      <c r="W39" s="113">
        <v>42287</v>
      </c>
      <c r="X39" s="116">
        <v>42287</v>
      </c>
      <c r="Y39" s="110">
        <v>0</v>
      </c>
      <c r="Z39" s="114">
        <v>0</v>
      </c>
      <c r="AA39" s="113">
        <v>0</v>
      </c>
      <c r="AB39" s="110">
        <v>0</v>
      </c>
      <c r="AC39" s="114">
        <v>19859</v>
      </c>
      <c r="AD39" s="114">
        <v>0</v>
      </c>
      <c r="AE39" s="114">
        <v>0</v>
      </c>
      <c r="AF39" s="114">
        <v>0</v>
      </c>
      <c r="AG39" s="114">
        <v>0</v>
      </c>
      <c r="AH39" s="113">
        <v>19859</v>
      </c>
      <c r="AI39" s="116">
        <v>19859</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9856</v>
      </c>
      <c r="BV39" s="114">
        <v>12572</v>
      </c>
      <c r="BW39" s="114">
        <v>0</v>
      </c>
      <c r="BX39" s="114">
        <v>0</v>
      </c>
      <c r="BY39" s="114">
        <v>0</v>
      </c>
      <c r="BZ39" s="113">
        <v>22428</v>
      </c>
      <c r="CA39" s="116">
        <v>22428</v>
      </c>
      <c r="CB39" s="110">
        <v>0</v>
      </c>
      <c r="CC39" s="114">
        <v>0</v>
      </c>
      <c r="CD39" s="113">
        <v>0</v>
      </c>
      <c r="CE39" s="110">
        <v>0</v>
      </c>
      <c r="CF39" s="114">
        <v>0</v>
      </c>
      <c r="CG39" s="114">
        <v>42203</v>
      </c>
      <c r="CH39" s="114">
        <v>170856</v>
      </c>
      <c r="CI39" s="114">
        <v>0</v>
      </c>
      <c r="CJ39" s="114">
        <v>0</v>
      </c>
      <c r="CK39" s="113">
        <v>213059</v>
      </c>
      <c r="CL39" s="116">
        <v>213059</v>
      </c>
      <c r="CM39" s="110">
        <v>0</v>
      </c>
      <c r="CN39" s="114">
        <v>0</v>
      </c>
      <c r="CO39" s="113">
        <v>0</v>
      </c>
      <c r="CP39" s="111">
        <v>0</v>
      </c>
      <c r="CQ39" s="114">
        <v>0</v>
      </c>
      <c r="CR39" s="114">
        <v>42203</v>
      </c>
      <c r="CS39" s="114">
        <v>170856</v>
      </c>
      <c r="CT39" s="114">
        <v>0</v>
      </c>
      <c r="CU39" s="114">
        <v>0</v>
      </c>
      <c r="CV39" s="113">
        <v>213059</v>
      </c>
      <c r="CW39" s="116">
        <v>213059</v>
      </c>
      <c r="CX39" s="110">
        <v>0</v>
      </c>
      <c r="CY39" s="114">
        <v>0</v>
      </c>
      <c r="CZ39" s="113">
        <v>0</v>
      </c>
      <c r="DA39" s="110">
        <v>0</v>
      </c>
      <c r="DB39" s="114">
        <v>0</v>
      </c>
      <c r="DC39" s="114">
        <v>0</v>
      </c>
      <c r="DD39" s="114">
        <v>0</v>
      </c>
      <c r="DE39" s="114">
        <v>0</v>
      </c>
      <c r="DF39" s="114">
        <v>0</v>
      </c>
      <c r="DG39" s="113">
        <v>0</v>
      </c>
      <c r="DH39" s="116">
        <v>0</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3500</v>
      </c>
      <c r="FQ39" s="114">
        <v>4200</v>
      </c>
      <c r="FR39" s="114">
        <v>0</v>
      </c>
      <c r="FS39" s="114">
        <v>0</v>
      </c>
      <c r="FT39" s="114">
        <v>7000</v>
      </c>
      <c r="FU39" s="113">
        <v>14700</v>
      </c>
      <c r="FV39" s="116">
        <v>14700</v>
      </c>
      <c r="FW39" s="115">
        <v>0</v>
      </c>
      <c r="FX39" s="114">
        <v>0</v>
      </c>
      <c r="FY39" s="112">
        <v>0</v>
      </c>
      <c r="FZ39" s="111">
        <v>0</v>
      </c>
      <c r="GA39" s="114">
        <v>3500</v>
      </c>
      <c r="GB39" s="114">
        <v>4200</v>
      </c>
      <c r="GC39" s="114">
        <v>0</v>
      </c>
      <c r="GD39" s="114">
        <v>0</v>
      </c>
      <c r="GE39" s="114">
        <v>7000</v>
      </c>
      <c r="GF39" s="113">
        <v>14700</v>
      </c>
      <c r="GG39" s="318">
        <v>14700</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48925</v>
      </c>
      <c r="HJ39" s="114">
        <v>0</v>
      </c>
      <c r="HK39" s="114">
        <v>0</v>
      </c>
      <c r="HL39" s="114">
        <v>0</v>
      </c>
      <c r="HM39" s="113">
        <v>148925</v>
      </c>
      <c r="HN39" s="109">
        <v>148925</v>
      </c>
      <c r="HO39" s="328"/>
      <c r="HP39" s="329"/>
      <c r="HQ39" s="330"/>
      <c r="HR39" s="331"/>
      <c r="HS39" s="329"/>
      <c r="HT39" s="329"/>
      <c r="HU39" s="329"/>
      <c r="HV39" s="329"/>
      <c r="HW39" s="329"/>
      <c r="HX39" s="332"/>
      <c r="HY39" s="333"/>
      <c r="HZ39" s="131">
        <v>0</v>
      </c>
      <c r="IA39" s="132">
        <v>0</v>
      </c>
      <c r="IB39" s="133">
        <v>0</v>
      </c>
      <c r="IC39" s="146">
        <v>0</v>
      </c>
      <c r="ID39" s="132">
        <v>98350</v>
      </c>
      <c r="IE39" s="147">
        <v>158683</v>
      </c>
      <c r="IF39" s="133">
        <v>0</v>
      </c>
      <c r="IG39" s="132">
        <v>0</v>
      </c>
      <c r="IH39" s="133">
        <v>69923</v>
      </c>
      <c r="II39" s="148">
        <v>326956</v>
      </c>
      <c r="IJ39" s="139">
        <v>326956</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0">
        <v>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98350</v>
      </c>
      <c r="KH39" s="119">
        <v>0</v>
      </c>
      <c r="KI39" s="119">
        <v>0</v>
      </c>
      <c r="KJ39" s="119">
        <v>0</v>
      </c>
      <c r="KK39" s="119">
        <v>0</v>
      </c>
      <c r="KL39" s="120">
        <v>98350</v>
      </c>
      <c r="KM39" s="143">
        <v>9835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58683</v>
      </c>
      <c r="MA39" s="119">
        <v>0</v>
      </c>
      <c r="MB39" s="119">
        <v>0</v>
      </c>
      <c r="MC39" s="119">
        <v>69923</v>
      </c>
      <c r="MD39" s="120">
        <v>228606</v>
      </c>
      <c r="ME39" s="121">
        <v>228606</v>
      </c>
      <c r="MF39" s="142">
        <v>0</v>
      </c>
      <c r="MG39" s="119">
        <v>0</v>
      </c>
      <c r="MH39" s="120">
        <v>0</v>
      </c>
      <c r="MI39" s="145"/>
      <c r="MJ39" s="119">
        <v>231812</v>
      </c>
      <c r="MK39" s="119">
        <v>222467</v>
      </c>
      <c r="ML39" s="119">
        <v>0</v>
      </c>
      <c r="MM39" s="119">
        <v>0</v>
      </c>
      <c r="MN39" s="119">
        <v>0</v>
      </c>
      <c r="MO39" s="120">
        <v>454279</v>
      </c>
      <c r="MP39" s="143">
        <v>454279</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231812</v>
      </c>
      <c r="NG39" s="119">
        <v>222467</v>
      </c>
      <c r="NH39" s="119">
        <v>0</v>
      </c>
      <c r="NI39" s="119">
        <v>0</v>
      </c>
      <c r="NJ39" s="119">
        <v>0</v>
      </c>
      <c r="NK39" s="120">
        <v>454279</v>
      </c>
      <c r="NL39" s="320">
        <v>454279</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363377</v>
      </c>
      <c r="ON39" s="119">
        <v>589050</v>
      </c>
      <c r="OO39" s="119">
        <v>170856</v>
      </c>
      <c r="OP39" s="119">
        <v>0</v>
      </c>
      <c r="OQ39" s="119">
        <v>76923</v>
      </c>
      <c r="OR39" s="120">
        <v>1200206</v>
      </c>
      <c r="OS39" s="143">
        <v>1200206</v>
      </c>
    </row>
    <row r="40" spans="2:409" ht="21" customHeight="1" x14ac:dyDescent="0.2">
      <c r="B40" s="126" t="s">
        <v>35</v>
      </c>
      <c r="C40" s="110">
        <v>178875</v>
      </c>
      <c r="D40" s="114">
        <v>135044</v>
      </c>
      <c r="E40" s="113">
        <v>313919</v>
      </c>
      <c r="F40" s="109">
        <v>0</v>
      </c>
      <c r="G40" s="114">
        <v>842002</v>
      </c>
      <c r="H40" s="114">
        <v>740882</v>
      </c>
      <c r="I40" s="114">
        <v>1065851</v>
      </c>
      <c r="J40" s="114">
        <v>1786307</v>
      </c>
      <c r="K40" s="114">
        <v>0</v>
      </c>
      <c r="L40" s="173">
        <v>4435042</v>
      </c>
      <c r="M40" s="116">
        <v>4748961</v>
      </c>
      <c r="N40" s="110">
        <v>31486</v>
      </c>
      <c r="O40" s="114">
        <v>67144</v>
      </c>
      <c r="P40" s="113">
        <v>98630</v>
      </c>
      <c r="Q40" s="110">
        <v>0</v>
      </c>
      <c r="R40" s="114">
        <v>336272</v>
      </c>
      <c r="S40" s="114">
        <v>131558</v>
      </c>
      <c r="T40" s="114">
        <v>251840</v>
      </c>
      <c r="U40" s="114">
        <v>457024</v>
      </c>
      <c r="V40" s="114">
        <v>0</v>
      </c>
      <c r="W40" s="113">
        <v>1176694</v>
      </c>
      <c r="X40" s="116">
        <v>1275324</v>
      </c>
      <c r="Y40" s="110">
        <v>0</v>
      </c>
      <c r="Z40" s="114">
        <v>0</v>
      </c>
      <c r="AA40" s="113">
        <v>0</v>
      </c>
      <c r="AB40" s="110">
        <v>0</v>
      </c>
      <c r="AC40" s="114">
        <v>197714</v>
      </c>
      <c r="AD40" s="114">
        <v>78834</v>
      </c>
      <c r="AE40" s="114">
        <v>188161</v>
      </c>
      <c r="AF40" s="114">
        <v>205346</v>
      </c>
      <c r="AG40" s="114">
        <v>0</v>
      </c>
      <c r="AH40" s="113">
        <v>670055</v>
      </c>
      <c r="AI40" s="116">
        <v>670055</v>
      </c>
      <c r="AJ40" s="110">
        <v>0</v>
      </c>
      <c r="AK40" s="114">
        <v>0</v>
      </c>
      <c r="AL40" s="113">
        <v>0</v>
      </c>
      <c r="AM40" s="110">
        <v>0</v>
      </c>
      <c r="AN40" s="114">
        <v>0</v>
      </c>
      <c r="AO40" s="114">
        <v>0</v>
      </c>
      <c r="AP40" s="114">
        <v>0</v>
      </c>
      <c r="AQ40" s="114">
        <v>0</v>
      </c>
      <c r="AR40" s="114">
        <v>0</v>
      </c>
      <c r="AS40" s="113">
        <v>0</v>
      </c>
      <c r="AT40" s="116">
        <v>0</v>
      </c>
      <c r="AU40" s="110">
        <v>0</v>
      </c>
      <c r="AV40" s="114">
        <v>60858</v>
      </c>
      <c r="AW40" s="113">
        <v>60858</v>
      </c>
      <c r="AX40" s="110">
        <v>0</v>
      </c>
      <c r="AY40" s="114">
        <v>64876</v>
      </c>
      <c r="AZ40" s="114">
        <v>27006</v>
      </c>
      <c r="BA40" s="114">
        <v>11144</v>
      </c>
      <c r="BB40" s="114">
        <v>167118</v>
      </c>
      <c r="BC40" s="114">
        <v>0</v>
      </c>
      <c r="BD40" s="113">
        <v>270144</v>
      </c>
      <c r="BE40" s="116">
        <v>331002</v>
      </c>
      <c r="BF40" s="110">
        <v>0</v>
      </c>
      <c r="BG40" s="114">
        <v>0</v>
      </c>
      <c r="BH40" s="112">
        <v>0</v>
      </c>
      <c r="BI40" s="111">
        <v>0</v>
      </c>
      <c r="BJ40" s="114">
        <v>44828</v>
      </c>
      <c r="BK40" s="114">
        <v>0</v>
      </c>
      <c r="BL40" s="114">
        <v>0</v>
      </c>
      <c r="BM40" s="114">
        <v>0</v>
      </c>
      <c r="BN40" s="114">
        <v>0</v>
      </c>
      <c r="BO40" s="113">
        <v>44828</v>
      </c>
      <c r="BP40" s="116">
        <v>44828</v>
      </c>
      <c r="BQ40" s="110">
        <v>31486</v>
      </c>
      <c r="BR40" s="114">
        <v>6286</v>
      </c>
      <c r="BS40" s="113">
        <v>37772</v>
      </c>
      <c r="BT40" s="110">
        <v>0</v>
      </c>
      <c r="BU40" s="114">
        <v>28854</v>
      </c>
      <c r="BV40" s="114">
        <v>25718</v>
      </c>
      <c r="BW40" s="114">
        <v>52535</v>
      </c>
      <c r="BX40" s="114">
        <v>84560</v>
      </c>
      <c r="BY40" s="114">
        <v>0</v>
      </c>
      <c r="BZ40" s="113">
        <v>191667</v>
      </c>
      <c r="CA40" s="116">
        <v>229439</v>
      </c>
      <c r="CB40" s="110">
        <v>0</v>
      </c>
      <c r="CC40" s="114">
        <v>66500</v>
      </c>
      <c r="CD40" s="113">
        <v>66500</v>
      </c>
      <c r="CE40" s="110">
        <v>0</v>
      </c>
      <c r="CF40" s="114">
        <v>212401</v>
      </c>
      <c r="CG40" s="114">
        <v>192948</v>
      </c>
      <c r="CH40" s="114">
        <v>30184</v>
      </c>
      <c r="CI40" s="114">
        <v>133739</v>
      </c>
      <c r="CJ40" s="114">
        <v>0</v>
      </c>
      <c r="CK40" s="113">
        <v>569272</v>
      </c>
      <c r="CL40" s="116">
        <v>635772</v>
      </c>
      <c r="CM40" s="110">
        <v>0</v>
      </c>
      <c r="CN40" s="114">
        <v>0</v>
      </c>
      <c r="CO40" s="113">
        <v>0</v>
      </c>
      <c r="CP40" s="111">
        <v>0</v>
      </c>
      <c r="CQ40" s="114">
        <v>188496</v>
      </c>
      <c r="CR40" s="114">
        <v>154266</v>
      </c>
      <c r="CS40" s="114">
        <v>30184</v>
      </c>
      <c r="CT40" s="114">
        <v>70938</v>
      </c>
      <c r="CU40" s="114">
        <v>0</v>
      </c>
      <c r="CV40" s="113">
        <v>443884</v>
      </c>
      <c r="CW40" s="116">
        <v>443884</v>
      </c>
      <c r="CX40" s="110">
        <v>0</v>
      </c>
      <c r="CY40" s="114">
        <v>66500</v>
      </c>
      <c r="CZ40" s="113">
        <v>66500</v>
      </c>
      <c r="DA40" s="110">
        <v>0</v>
      </c>
      <c r="DB40" s="114">
        <v>23905</v>
      </c>
      <c r="DC40" s="114">
        <v>38682</v>
      </c>
      <c r="DD40" s="114">
        <v>0</v>
      </c>
      <c r="DE40" s="114">
        <v>62801</v>
      </c>
      <c r="DF40" s="114">
        <v>0</v>
      </c>
      <c r="DG40" s="113">
        <v>125388</v>
      </c>
      <c r="DH40" s="116">
        <v>191888</v>
      </c>
      <c r="DI40" s="110">
        <v>0</v>
      </c>
      <c r="DJ40" s="114">
        <v>0</v>
      </c>
      <c r="DK40" s="112">
        <v>0</v>
      </c>
      <c r="DL40" s="111">
        <v>0</v>
      </c>
      <c r="DM40" s="114">
        <v>19320</v>
      </c>
      <c r="DN40" s="114">
        <v>0</v>
      </c>
      <c r="DO40" s="114">
        <v>0</v>
      </c>
      <c r="DP40" s="114">
        <v>175378</v>
      </c>
      <c r="DQ40" s="114">
        <v>0</v>
      </c>
      <c r="DR40" s="113">
        <v>194698</v>
      </c>
      <c r="DS40" s="116">
        <v>194698</v>
      </c>
      <c r="DT40" s="110">
        <v>0</v>
      </c>
      <c r="DU40" s="114">
        <v>0</v>
      </c>
      <c r="DV40" s="113">
        <v>0</v>
      </c>
      <c r="DW40" s="110">
        <v>0</v>
      </c>
      <c r="DX40" s="114">
        <v>19320</v>
      </c>
      <c r="DY40" s="114">
        <v>0</v>
      </c>
      <c r="DZ40" s="114">
        <v>0</v>
      </c>
      <c r="EA40" s="114">
        <v>175378</v>
      </c>
      <c r="EB40" s="114">
        <v>0</v>
      </c>
      <c r="EC40" s="113">
        <v>194698</v>
      </c>
      <c r="ED40" s="116">
        <v>194698</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4550</v>
      </c>
      <c r="FM40" s="114">
        <v>1400</v>
      </c>
      <c r="FN40" s="113">
        <v>5950</v>
      </c>
      <c r="FO40" s="110">
        <v>0</v>
      </c>
      <c r="FP40" s="114">
        <v>19110</v>
      </c>
      <c r="FQ40" s="114">
        <v>94682</v>
      </c>
      <c r="FR40" s="114">
        <v>95410</v>
      </c>
      <c r="FS40" s="114">
        <v>73220</v>
      </c>
      <c r="FT40" s="114">
        <v>0</v>
      </c>
      <c r="FU40" s="113">
        <v>282422</v>
      </c>
      <c r="FV40" s="116">
        <v>288372</v>
      </c>
      <c r="FW40" s="115">
        <v>4550</v>
      </c>
      <c r="FX40" s="114">
        <v>1400</v>
      </c>
      <c r="FY40" s="112">
        <v>5950</v>
      </c>
      <c r="FZ40" s="111">
        <v>0</v>
      </c>
      <c r="GA40" s="114">
        <v>19110</v>
      </c>
      <c r="GB40" s="114">
        <v>94682</v>
      </c>
      <c r="GC40" s="114">
        <v>95410</v>
      </c>
      <c r="GD40" s="114">
        <v>73220</v>
      </c>
      <c r="GE40" s="114">
        <v>0</v>
      </c>
      <c r="GF40" s="113">
        <v>282422</v>
      </c>
      <c r="GG40" s="318">
        <v>288372</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142839</v>
      </c>
      <c r="HE40" s="114">
        <v>0</v>
      </c>
      <c r="HF40" s="112">
        <v>142839</v>
      </c>
      <c r="HG40" s="111">
        <v>0</v>
      </c>
      <c r="HH40" s="114">
        <v>254899</v>
      </c>
      <c r="HI40" s="114">
        <v>321694</v>
      </c>
      <c r="HJ40" s="114">
        <v>688417</v>
      </c>
      <c r="HK40" s="114">
        <v>946946</v>
      </c>
      <c r="HL40" s="114">
        <v>0</v>
      </c>
      <c r="HM40" s="113">
        <v>2211956</v>
      </c>
      <c r="HN40" s="109">
        <v>2354795</v>
      </c>
      <c r="HO40" s="328"/>
      <c r="HP40" s="329"/>
      <c r="HQ40" s="330"/>
      <c r="HR40" s="331"/>
      <c r="HS40" s="329"/>
      <c r="HT40" s="329"/>
      <c r="HU40" s="329"/>
      <c r="HV40" s="329"/>
      <c r="HW40" s="329"/>
      <c r="HX40" s="332"/>
      <c r="HY40" s="333"/>
      <c r="HZ40" s="150">
        <v>0</v>
      </c>
      <c r="IA40" s="135">
        <v>0</v>
      </c>
      <c r="IB40" s="150">
        <v>0</v>
      </c>
      <c r="IC40" s="146">
        <v>0</v>
      </c>
      <c r="ID40" s="132">
        <v>11802</v>
      </c>
      <c r="IE40" s="147">
        <v>0</v>
      </c>
      <c r="IF40" s="133">
        <v>206560</v>
      </c>
      <c r="IG40" s="132">
        <v>272895</v>
      </c>
      <c r="IH40" s="133">
        <v>0</v>
      </c>
      <c r="II40" s="148">
        <v>491257</v>
      </c>
      <c r="IJ40" s="150">
        <v>491257</v>
      </c>
      <c r="IK40" s="232">
        <v>0</v>
      </c>
      <c r="IL40" s="236">
        <v>0</v>
      </c>
      <c r="IM40" s="237">
        <v>0</v>
      </c>
      <c r="IN40" s="140"/>
      <c r="IO40" s="119">
        <v>0</v>
      </c>
      <c r="IP40" s="119">
        <v>0</v>
      </c>
      <c r="IQ40" s="119">
        <v>0</v>
      </c>
      <c r="IR40" s="119">
        <v>0</v>
      </c>
      <c r="IS40" s="119">
        <v>0</v>
      </c>
      <c r="IT40" s="141">
        <v>0</v>
      </c>
      <c r="IU40" s="320">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1802</v>
      </c>
      <c r="JL40" s="119">
        <v>0</v>
      </c>
      <c r="JM40" s="119">
        <v>206560</v>
      </c>
      <c r="JN40" s="119">
        <v>0</v>
      </c>
      <c r="JO40" s="119">
        <v>0</v>
      </c>
      <c r="JP40" s="120">
        <v>218362</v>
      </c>
      <c r="JQ40" s="320">
        <v>218362</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55153</v>
      </c>
      <c r="KK40" s="119">
        <v>0</v>
      </c>
      <c r="KL40" s="120">
        <v>55153</v>
      </c>
      <c r="KM40" s="143">
        <v>55153</v>
      </c>
      <c r="KN40" s="232">
        <v>0</v>
      </c>
      <c r="KO40" s="236">
        <v>0</v>
      </c>
      <c r="KP40" s="237">
        <v>0</v>
      </c>
      <c r="KQ40" s="140"/>
      <c r="KR40" s="119">
        <v>0</v>
      </c>
      <c r="KS40" s="119">
        <v>0</v>
      </c>
      <c r="KT40" s="119">
        <v>0</v>
      </c>
      <c r="KU40" s="119">
        <v>217742</v>
      </c>
      <c r="KV40" s="119">
        <v>0</v>
      </c>
      <c r="KW40" s="120">
        <v>217742</v>
      </c>
      <c r="KX40" s="320">
        <v>21774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18256</v>
      </c>
      <c r="MM40" s="119">
        <v>294133</v>
      </c>
      <c r="MN40" s="119">
        <v>0</v>
      </c>
      <c r="MO40" s="120">
        <v>275877</v>
      </c>
      <c r="MP40" s="143">
        <v>275877</v>
      </c>
      <c r="MQ40" s="142">
        <v>0</v>
      </c>
      <c r="MR40" s="119">
        <v>0</v>
      </c>
      <c r="MS40" s="120">
        <v>0</v>
      </c>
      <c r="MT40" s="145"/>
      <c r="MU40" s="119">
        <v>0</v>
      </c>
      <c r="MV40" s="119">
        <v>0</v>
      </c>
      <c r="MW40" s="119">
        <v>0</v>
      </c>
      <c r="MX40" s="119">
        <v>294133</v>
      </c>
      <c r="MY40" s="119">
        <v>0</v>
      </c>
      <c r="MZ40" s="120">
        <v>294133</v>
      </c>
      <c r="NA40" s="143">
        <v>294133</v>
      </c>
      <c r="NB40" s="142">
        <v>0</v>
      </c>
      <c r="NC40" s="119">
        <v>0</v>
      </c>
      <c r="ND40" s="120">
        <v>0</v>
      </c>
      <c r="NE40" s="145"/>
      <c r="NF40" s="119">
        <v>0</v>
      </c>
      <c r="NG40" s="119">
        <v>0</v>
      </c>
      <c r="NH40" s="119">
        <v>-18256</v>
      </c>
      <c r="NI40" s="119">
        <v>0</v>
      </c>
      <c r="NJ40" s="119">
        <v>0</v>
      </c>
      <c r="NK40" s="120">
        <v>-18256</v>
      </c>
      <c r="NL40" s="320">
        <v>-18256</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178875</v>
      </c>
      <c r="OJ40" s="119">
        <v>135044</v>
      </c>
      <c r="OK40" s="141">
        <v>313919</v>
      </c>
      <c r="OL40" s="118">
        <v>0</v>
      </c>
      <c r="OM40" s="119">
        <v>853804</v>
      </c>
      <c r="ON40" s="119">
        <v>740882</v>
      </c>
      <c r="OO40" s="119">
        <v>1254155</v>
      </c>
      <c r="OP40" s="119">
        <v>2353335</v>
      </c>
      <c r="OQ40" s="119">
        <v>0</v>
      </c>
      <c r="OR40" s="120">
        <v>5202176</v>
      </c>
      <c r="OS40" s="143">
        <v>5516095</v>
      </c>
    </row>
    <row r="41" spans="2:409" ht="21" customHeight="1" x14ac:dyDescent="0.2">
      <c r="B41" s="126" t="s">
        <v>36</v>
      </c>
      <c r="C41" s="110">
        <v>0</v>
      </c>
      <c r="D41" s="114">
        <v>37366</v>
      </c>
      <c r="E41" s="113">
        <v>37366</v>
      </c>
      <c r="F41" s="109">
        <v>0</v>
      </c>
      <c r="G41" s="114">
        <v>323788</v>
      </c>
      <c r="H41" s="114">
        <v>369475</v>
      </c>
      <c r="I41" s="114">
        <v>682267</v>
      </c>
      <c r="J41" s="114">
        <v>793951</v>
      </c>
      <c r="K41" s="114">
        <v>92223</v>
      </c>
      <c r="L41" s="173">
        <v>2261704</v>
      </c>
      <c r="M41" s="116">
        <v>2299070</v>
      </c>
      <c r="N41" s="110">
        <v>0</v>
      </c>
      <c r="O41" s="114">
        <v>35966</v>
      </c>
      <c r="P41" s="113">
        <v>35966</v>
      </c>
      <c r="Q41" s="110">
        <v>0</v>
      </c>
      <c r="R41" s="114">
        <v>172222</v>
      </c>
      <c r="S41" s="114">
        <v>72077</v>
      </c>
      <c r="T41" s="114">
        <v>95530</v>
      </c>
      <c r="U41" s="114">
        <v>78958</v>
      </c>
      <c r="V41" s="114">
        <v>16086</v>
      </c>
      <c r="W41" s="113">
        <v>434873</v>
      </c>
      <c r="X41" s="116">
        <v>470839</v>
      </c>
      <c r="Y41" s="110">
        <v>0</v>
      </c>
      <c r="Z41" s="114">
        <v>0</v>
      </c>
      <c r="AA41" s="113">
        <v>0</v>
      </c>
      <c r="AB41" s="110">
        <v>0</v>
      </c>
      <c r="AC41" s="114">
        <v>47973</v>
      </c>
      <c r="AD41" s="114">
        <v>1684</v>
      </c>
      <c r="AE41" s="114">
        <v>23821</v>
      </c>
      <c r="AF41" s="114">
        <v>0</v>
      </c>
      <c r="AG41" s="114">
        <v>0</v>
      </c>
      <c r="AH41" s="113">
        <v>73478</v>
      </c>
      <c r="AI41" s="116">
        <v>73478</v>
      </c>
      <c r="AJ41" s="110">
        <v>0</v>
      </c>
      <c r="AK41" s="114">
        <v>0</v>
      </c>
      <c r="AL41" s="113">
        <v>0</v>
      </c>
      <c r="AM41" s="110">
        <v>0</v>
      </c>
      <c r="AN41" s="114">
        <v>18874</v>
      </c>
      <c r="AO41" s="114">
        <v>0</v>
      </c>
      <c r="AP41" s="114">
        <v>0</v>
      </c>
      <c r="AQ41" s="114">
        <v>0</v>
      </c>
      <c r="AR41" s="114">
        <v>0</v>
      </c>
      <c r="AS41" s="113">
        <v>18874</v>
      </c>
      <c r="AT41" s="116">
        <v>18874</v>
      </c>
      <c r="AU41" s="110">
        <v>0</v>
      </c>
      <c r="AV41" s="114">
        <v>35966</v>
      </c>
      <c r="AW41" s="113">
        <v>35966</v>
      </c>
      <c r="AX41" s="110">
        <v>0</v>
      </c>
      <c r="AY41" s="114">
        <v>61567</v>
      </c>
      <c r="AZ41" s="114">
        <v>56855</v>
      </c>
      <c r="BA41" s="114">
        <v>49771</v>
      </c>
      <c r="BB41" s="114">
        <v>31148</v>
      </c>
      <c r="BC41" s="114">
        <v>0</v>
      </c>
      <c r="BD41" s="113">
        <v>199341</v>
      </c>
      <c r="BE41" s="116">
        <v>235307</v>
      </c>
      <c r="BF41" s="110">
        <v>0</v>
      </c>
      <c r="BG41" s="114">
        <v>0</v>
      </c>
      <c r="BH41" s="112">
        <v>0</v>
      </c>
      <c r="BI41" s="111">
        <v>0</v>
      </c>
      <c r="BJ41" s="114">
        <v>40196</v>
      </c>
      <c r="BK41" s="114">
        <v>0</v>
      </c>
      <c r="BL41" s="114">
        <v>0</v>
      </c>
      <c r="BM41" s="114">
        <v>0</v>
      </c>
      <c r="BN41" s="114">
        <v>0</v>
      </c>
      <c r="BO41" s="113">
        <v>40196</v>
      </c>
      <c r="BP41" s="116">
        <v>40196</v>
      </c>
      <c r="BQ41" s="110">
        <v>0</v>
      </c>
      <c r="BR41" s="114">
        <v>0</v>
      </c>
      <c r="BS41" s="113">
        <v>0</v>
      </c>
      <c r="BT41" s="110">
        <v>0</v>
      </c>
      <c r="BU41" s="114">
        <v>3612</v>
      </c>
      <c r="BV41" s="114">
        <v>13538</v>
      </c>
      <c r="BW41" s="114">
        <v>21938</v>
      </c>
      <c r="BX41" s="114">
        <v>47810</v>
      </c>
      <c r="BY41" s="114">
        <v>16086</v>
      </c>
      <c r="BZ41" s="113">
        <v>102984</v>
      </c>
      <c r="CA41" s="116">
        <v>102984</v>
      </c>
      <c r="CB41" s="110">
        <v>0</v>
      </c>
      <c r="CC41" s="114">
        <v>0</v>
      </c>
      <c r="CD41" s="113">
        <v>0</v>
      </c>
      <c r="CE41" s="110">
        <v>0</v>
      </c>
      <c r="CF41" s="114">
        <v>127766</v>
      </c>
      <c r="CG41" s="114">
        <v>29991</v>
      </c>
      <c r="CH41" s="114">
        <v>122978</v>
      </c>
      <c r="CI41" s="114">
        <v>128996</v>
      </c>
      <c r="CJ41" s="114">
        <v>60121</v>
      </c>
      <c r="CK41" s="113">
        <v>469852</v>
      </c>
      <c r="CL41" s="116">
        <v>469852</v>
      </c>
      <c r="CM41" s="110">
        <v>0</v>
      </c>
      <c r="CN41" s="114">
        <v>0</v>
      </c>
      <c r="CO41" s="113">
        <v>0</v>
      </c>
      <c r="CP41" s="111">
        <v>0</v>
      </c>
      <c r="CQ41" s="114">
        <v>109445</v>
      </c>
      <c r="CR41" s="114">
        <v>29991</v>
      </c>
      <c r="CS41" s="114">
        <v>122978</v>
      </c>
      <c r="CT41" s="114">
        <v>128996</v>
      </c>
      <c r="CU41" s="114">
        <v>60121</v>
      </c>
      <c r="CV41" s="113">
        <v>451531</v>
      </c>
      <c r="CW41" s="116">
        <v>451531</v>
      </c>
      <c r="CX41" s="110">
        <v>0</v>
      </c>
      <c r="CY41" s="114">
        <v>0</v>
      </c>
      <c r="CZ41" s="113">
        <v>0</v>
      </c>
      <c r="DA41" s="110">
        <v>0</v>
      </c>
      <c r="DB41" s="114">
        <v>18321</v>
      </c>
      <c r="DC41" s="114">
        <v>0</v>
      </c>
      <c r="DD41" s="114">
        <v>0</v>
      </c>
      <c r="DE41" s="114">
        <v>0</v>
      </c>
      <c r="DF41" s="114">
        <v>0</v>
      </c>
      <c r="DG41" s="113">
        <v>18321</v>
      </c>
      <c r="DH41" s="116">
        <v>18321</v>
      </c>
      <c r="DI41" s="110">
        <v>0</v>
      </c>
      <c r="DJ41" s="114">
        <v>0</v>
      </c>
      <c r="DK41" s="112">
        <v>0</v>
      </c>
      <c r="DL41" s="111">
        <v>0</v>
      </c>
      <c r="DM41" s="114">
        <v>0</v>
      </c>
      <c r="DN41" s="114">
        <v>106904</v>
      </c>
      <c r="DO41" s="114">
        <v>74090</v>
      </c>
      <c r="DP41" s="114">
        <v>0</v>
      </c>
      <c r="DQ41" s="114">
        <v>0</v>
      </c>
      <c r="DR41" s="113">
        <v>180994</v>
      </c>
      <c r="DS41" s="116">
        <v>180994</v>
      </c>
      <c r="DT41" s="110">
        <v>0</v>
      </c>
      <c r="DU41" s="114">
        <v>0</v>
      </c>
      <c r="DV41" s="113">
        <v>0</v>
      </c>
      <c r="DW41" s="110">
        <v>0</v>
      </c>
      <c r="DX41" s="114">
        <v>0</v>
      </c>
      <c r="DY41" s="114">
        <v>106904</v>
      </c>
      <c r="DZ41" s="114">
        <v>74090</v>
      </c>
      <c r="EA41" s="114">
        <v>0</v>
      </c>
      <c r="EB41" s="114">
        <v>0</v>
      </c>
      <c r="EC41" s="113">
        <v>180994</v>
      </c>
      <c r="ED41" s="116">
        <v>180994</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1400</v>
      </c>
      <c r="FN41" s="113">
        <v>1400</v>
      </c>
      <c r="FO41" s="110">
        <v>0</v>
      </c>
      <c r="FP41" s="114">
        <v>23800</v>
      </c>
      <c r="FQ41" s="114">
        <v>7385</v>
      </c>
      <c r="FR41" s="114">
        <v>41062</v>
      </c>
      <c r="FS41" s="114">
        <v>27286</v>
      </c>
      <c r="FT41" s="114">
        <v>16016</v>
      </c>
      <c r="FU41" s="113">
        <v>115549</v>
      </c>
      <c r="FV41" s="116">
        <v>116949</v>
      </c>
      <c r="FW41" s="115">
        <v>0</v>
      </c>
      <c r="FX41" s="114">
        <v>1400</v>
      </c>
      <c r="FY41" s="112">
        <v>1400</v>
      </c>
      <c r="FZ41" s="111">
        <v>0</v>
      </c>
      <c r="GA41" s="114">
        <v>23800</v>
      </c>
      <c r="GB41" s="114">
        <v>7385</v>
      </c>
      <c r="GC41" s="114">
        <v>41062</v>
      </c>
      <c r="GD41" s="114">
        <v>27286</v>
      </c>
      <c r="GE41" s="114">
        <v>16016</v>
      </c>
      <c r="GF41" s="113">
        <v>115549</v>
      </c>
      <c r="GG41" s="318">
        <v>116949</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153118</v>
      </c>
      <c r="HJ41" s="114">
        <v>348607</v>
      </c>
      <c r="HK41" s="114">
        <v>558711</v>
      </c>
      <c r="HL41" s="114">
        <v>0</v>
      </c>
      <c r="HM41" s="113">
        <v>1060436</v>
      </c>
      <c r="HN41" s="109">
        <v>1060436</v>
      </c>
      <c r="HO41" s="328"/>
      <c r="HP41" s="329"/>
      <c r="HQ41" s="330"/>
      <c r="HR41" s="331"/>
      <c r="HS41" s="329"/>
      <c r="HT41" s="329"/>
      <c r="HU41" s="329"/>
      <c r="HV41" s="329"/>
      <c r="HW41" s="329"/>
      <c r="HX41" s="332"/>
      <c r="HY41" s="333"/>
      <c r="HZ41" s="131">
        <v>0</v>
      </c>
      <c r="IA41" s="132">
        <v>0</v>
      </c>
      <c r="IB41" s="133">
        <v>0</v>
      </c>
      <c r="IC41" s="146">
        <v>0</v>
      </c>
      <c r="ID41" s="132">
        <v>435818</v>
      </c>
      <c r="IE41" s="147">
        <v>8277</v>
      </c>
      <c r="IF41" s="133">
        <v>0</v>
      </c>
      <c r="IG41" s="132">
        <v>119651</v>
      </c>
      <c r="IH41" s="133">
        <v>231672</v>
      </c>
      <c r="II41" s="148">
        <v>795418</v>
      </c>
      <c r="IJ41" s="139">
        <v>795418</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0752</v>
      </c>
      <c r="JL41" s="119">
        <v>8277</v>
      </c>
      <c r="JM41" s="119">
        <v>0</v>
      </c>
      <c r="JN41" s="119">
        <v>119651</v>
      </c>
      <c r="JO41" s="119">
        <v>0</v>
      </c>
      <c r="JP41" s="120">
        <v>148680</v>
      </c>
      <c r="JQ41" s="320">
        <v>148680</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415066</v>
      </c>
      <c r="KS41" s="119">
        <v>0</v>
      </c>
      <c r="KT41" s="119">
        <v>0</v>
      </c>
      <c r="KU41" s="119">
        <v>0</v>
      </c>
      <c r="KV41" s="119">
        <v>231672</v>
      </c>
      <c r="KW41" s="120">
        <v>646738</v>
      </c>
      <c r="KX41" s="320">
        <v>64673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194719</v>
      </c>
      <c r="MK41" s="119">
        <v>0</v>
      </c>
      <c r="ML41" s="119">
        <v>627881</v>
      </c>
      <c r="MM41" s="119">
        <v>936679</v>
      </c>
      <c r="MN41" s="119">
        <v>502994</v>
      </c>
      <c r="MO41" s="120">
        <v>2262273</v>
      </c>
      <c r="MP41" s="143">
        <v>2262273</v>
      </c>
      <c r="MQ41" s="142">
        <v>0</v>
      </c>
      <c r="MR41" s="119">
        <v>0</v>
      </c>
      <c r="MS41" s="120">
        <v>0</v>
      </c>
      <c r="MT41" s="145"/>
      <c r="MU41" s="119">
        <v>0</v>
      </c>
      <c r="MV41" s="119">
        <v>0</v>
      </c>
      <c r="MW41" s="119">
        <v>399500</v>
      </c>
      <c r="MX41" s="119">
        <v>0</v>
      </c>
      <c r="MY41" s="119">
        <v>502994</v>
      </c>
      <c r="MZ41" s="120">
        <v>902494</v>
      </c>
      <c r="NA41" s="143">
        <v>902494</v>
      </c>
      <c r="NB41" s="142">
        <v>0</v>
      </c>
      <c r="NC41" s="119">
        <v>0</v>
      </c>
      <c r="ND41" s="120">
        <v>0</v>
      </c>
      <c r="NE41" s="145"/>
      <c r="NF41" s="119">
        <v>194719</v>
      </c>
      <c r="NG41" s="119">
        <v>0</v>
      </c>
      <c r="NH41" s="119">
        <v>228381</v>
      </c>
      <c r="NI41" s="119">
        <v>936679</v>
      </c>
      <c r="NJ41" s="119">
        <v>0</v>
      </c>
      <c r="NK41" s="120">
        <v>1359779</v>
      </c>
      <c r="NL41" s="320">
        <v>1359779</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0</v>
      </c>
      <c r="OJ41" s="119">
        <v>37366</v>
      </c>
      <c r="OK41" s="141">
        <v>37366</v>
      </c>
      <c r="OL41" s="118">
        <v>0</v>
      </c>
      <c r="OM41" s="119">
        <v>954325</v>
      </c>
      <c r="ON41" s="119">
        <v>377752</v>
      </c>
      <c r="OO41" s="119">
        <v>1310148</v>
      </c>
      <c r="OP41" s="119">
        <v>1850281</v>
      </c>
      <c r="OQ41" s="119">
        <v>826889</v>
      </c>
      <c r="OR41" s="120">
        <v>5319395</v>
      </c>
      <c r="OS41" s="143">
        <v>5356761</v>
      </c>
    </row>
    <row r="42" spans="2:409" ht="21" customHeight="1" thickBot="1" x14ac:dyDescent="0.25">
      <c r="B42" s="127" t="s">
        <v>37</v>
      </c>
      <c r="C42" s="117">
        <v>0</v>
      </c>
      <c r="D42" s="178">
        <v>0</v>
      </c>
      <c r="E42" s="179">
        <v>0</v>
      </c>
      <c r="F42" s="180">
        <v>0</v>
      </c>
      <c r="G42" s="178">
        <v>0</v>
      </c>
      <c r="H42" s="178">
        <v>0</v>
      </c>
      <c r="I42" s="178">
        <v>0</v>
      </c>
      <c r="J42" s="178">
        <v>194465</v>
      </c>
      <c r="K42" s="178">
        <v>175939</v>
      </c>
      <c r="L42" s="180">
        <v>370404</v>
      </c>
      <c r="M42" s="181">
        <v>370404</v>
      </c>
      <c r="N42" s="117">
        <v>0</v>
      </c>
      <c r="O42" s="178">
        <v>0</v>
      </c>
      <c r="P42" s="179">
        <v>0</v>
      </c>
      <c r="Q42" s="117">
        <v>0</v>
      </c>
      <c r="R42" s="178">
        <v>0</v>
      </c>
      <c r="S42" s="178">
        <v>0</v>
      </c>
      <c r="T42" s="178">
        <v>0</v>
      </c>
      <c r="U42" s="178">
        <v>8400</v>
      </c>
      <c r="V42" s="178">
        <v>122049</v>
      </c>
      <c r="W42" s="179">
        <v>130449</v>
      </c>
      <c r="X42" s="181">
        <v>130449</v>
      </c>
      <c r="Y42" s="117">
        <v>0</v>
      </c>
      <c r="Z42" s="178">
        <v>0</v>
      </c>
      <c r="AA42" s="179">
        <v>0</v>
      </c>
      <c r="AB42" s="117">
        <v>0</v>
      </c>
      <c r="AC42" s="178">
        <v>0</v>
      </c>
      <c r="AD42" s="178">
        <v>0</v>
      </c>
      <c r="AE42" s="178">
        <v>0</v>
      </c>
      <c r="AF42" s="178">
        <v>0</v>
      </c>
      <c r="AG42" s="178">
        <v>87595</v>
      </c>
      <c r="AH42" s="179">
        <v>87595</v>
      </c>
      <c r="AI42" s="181">
        <v>87595</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23044</v>
      </c>
      <c r="BD42" s="179">
        <v>23044</v>
      </c>
      <c r="BE42" s="181">
        <v>23044</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11410</v>
      </c>
      <c r="BZ42" s="179">
        <v>19810</v>
      </c>
      <c r="CA42" s="181">
        <v>19810</v>
      </c>
      <c r="CB42" s="117">
        <v>0</v>
      </c>
      <c r="CC42" s="178">
        <v>0</v>
      </c>
      <c r="CD42" s="179">
        <v>0</v>
      </c>
      <c r="CE42" s="117">
        <v>0</v>
      </c>
      <c r="CF42" s="178">
        <v>0</v>
      </c>
      <c r="CG42" s="178">
        <v>0</v>
      </c>
      <c r="CH42" s="178">
        <v>0</v>
      </c>
      <c r="CI42" s="178">
        <v>0</v>
      </c>
      <c r="CJ42" s="178">
        <v>0</v>
      </c>
      <c r="CK42" s="179">
        <v>0</v>
      </c>
      <c r="CL42" s="181">
        <v>0</v>
      </c>
      <c r="CM42" s="117">
        <v>0</v>
      </c>
      <c r="CN42" s="178">
        <v>0</v>
      </c>
      <c r="CO42" s="179">
        <v>0</v>
      </c>
      <c r="CP42" s="182">
        <v>0</v>
      </c>
      <c r="CQ42" s="178">
        <v>0</v>
      </c>
      <c r="CR42" s="178">
        <v>0</v>
      </c>
      <c r="CS42" s="178">
        <v>0</v>
      </c>
      <c r="CT42" s="178">
        <v>0</v>
      </c>
      <c r="CU42" s="178">
        <v>0</v>
      </c>
      <c r="CV42" s="179">
        <v>0</v>
      </c>
      <c r="CW42" s="181">
        <v>0</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21130</v>
      </c>
      <c r="DR42" s="179">
        <v>21130</v>
      </c>
      <c r="DS42" s="181">
        <v>2113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21130</v>
      </c>
      <c r="EN42" s="183">
        <v>21130</v>
      </c>
      <c r="EO42" s="181">
        <v>2113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2760</v>
      </c>
      <c r="FU42" s="179">
        <v>32760</v>
      </c>
      <c r="FV42" s="181">
        <v>32760</v>
      </c>
      <c r="FW42" s="184">
        <v>0</v>
      </c>
      <c r="FX42" s="178">
        <v>0</v>
      </c>
      <c r="FY42" s="183">
        <v>0</v>
      </c>
      <c r="FZ42" s="182">
        <v>0</v>
      </c>
      <c r="GA42" s="178">
        <v>0</v>
      </c>
      <c r="GB42" s="178">
        <v>0</v>
      </c>
      <c r="GC42" s="178">
        <v>0</v>
      </c>
      <c r="GD42" s="178">
        <v>0</v>
      </c>
      <c r="GE42" s="178">
        <v>32760</v>
      </c>
      <c r="GF42" s="179">
        <v>32760</v>
      </c>
      <c r="GG42" s="319">
        <v>327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6065</v>
      </c>
      <c r="HL42" s="178">
        <v>0</v>
      </c>
      <c r="HM42" s="179">
        <v>186065</v>
      </c>
      <c r="HN42" s="180">
        <v>186065</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101867</v>
      </c>
      <c r="II42" s="158">
        <v>101867</v>
      </c>
      <c r="IJ42" s="159">
        <v>101867</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01867</v>
      </c>
      <c r="JP42" s="165">
        <v>101867</v>
      </c>
      <c r="JQ42" s="321">
        <v>101867</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270376</v>
      </c>
      <c r="MO42" s="165">
        <v>270376</v>
      </c>
      <c r="MP42" s="167">
        <v>270376</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270376</v>
      </c>
      <c r="OG42" s="165">
        <v>270376</v>
      </c>
      <c r="OH42" s="166">
        <v>270376</v>
      </c>
      <c r="OI42" s="163">
        <v>0</v>
      </c>
      <c r="OJ42" s="161">
        <v>0</v>
      </c>
      <c r="OK42" s="162">
        <v>0</v>
      </c>
      <c r="OL42" s="164">
        <v>0</v>
      </c>
      <c r="OM42" s="161">
        <v>0</v>
      </c>
      <c r="ON42" s="161">
        <v>0</v>
      </c>
      <c r="OO42" s="161">
        <v>0</v>
      </c>
      <c r="OP42" s="161">
        <v>194465</v>
      </c>
      <c r="OQ42" s="161">
        <v>548182</v>
      </c>
      <c r="OR42" s="165">
        <v>742647</v>
      </c>
      <c r="OS42" s="167">
        <v>742647</v>
      </c>
    </row>
    <row r="43" spans="2:409" x14ac:dyDescent="0.2">
      <c r="B43" s="44" t="s">
        <v>84</v>
      </c>
    </row>
  </sheetData>
  <mergeCells count="158">
    <mergeCell ref="G1:H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1" customWidth="1"/>
    <col min="2" max="2" width="9" style="291" customWidth="1"/>
    <col min="3" max="4" width="9.21875" style="291" bestFit="1" customWidth="1"/>
    <col min="5" max="5" width="10.77734375" style="291" bestFit="1" customWidth="1"/>
    <col min="6" max="6" width="7.109375" style="291" customWidth="1"/>
    <col min="7" max="11" width="10.44140625" style="291" bestFit="1" customWidth="1"/>
    <col min="12" max="13" width="11.6640625" style="291" bestFit="1" customWidth="1"/>
    <col min="14" max="16" width="9.21875" style="291" bestFit="1" customWidth="1"/>
    <col min="17" max="17" width="7.44140625" style="291" customWidth="1"/>
    <col min="18" max="18" width="9.21875" style="291" bestFit="1" customWidth="1"/>
    <col min="19" max="22" width="10.44140625" style="291" bestFit="1" customWidth="1"/>
    <col min="23" max="24" width="11.6640625" style="291" bestFit="1" customWidth="1"/>
    <col min="25" max="27" width="9.109375" style="291" bestFit="1" customWidth="1"/>
    <col min="28" max="28" width="7" style="291" customWidth="1"/>
    <col min="29" max="30" width="9.109375" style="291" bestFit="1" customWidth="1"/>
    <col min="31" max="32" width="9.6640625" style="291" bestFit="1" customWidth="1"/>
    <col min="33" max="33" width="9.109375" style="291" bestFit="1" customWidth="1"/>
    <col min="34" max="35" width="9.6640625" style="291" bestFit="1" customWidth="1"/>
    <col min="36" max="38" width="9.109375" style="291" bestFit="1" customWidth="1"/>
    <col min="39" max="39" width="7.33203125" style="291" customWidth="1"/>
    <col min="40" max="49" width="9.109375" style="291" bestFit="1" customWidth="1"/>
    <col min="50" max="50" width="7.33203125" style="291" customWidth="1"/>
    <col min="51" max="60" width="9.109375" style="291" bestFit="1" customWidth="1"/>
    <col min="61" max="61" width="7.77734375" style="291" customWidth="1"/>
    <col min="62" max="71" width="9.109375" style="291" bestFit="1" customWidth="1"/>
    <col min="72" max="72" width="7.77734375" style="291" customWidth="1"/>
    <col min="73" max="77" width="9.109375" style="291" bestFit="1" customWidth="1"/>
    <col min="78" max="79" width="9.6640625" style="291" bestFit="1" customWidth="1"/>
    <col min="80" max="82" width="9.109375" style="291" bestFit="1" customWidth="1"/>
    <col min="83" max="83" width="7.88671875" style="291" customWidth="1"/>
    <col min="84" max="93" width="9.109375" style="291" bestFit="1" customWidth="1"/>
    <col min="94" max="94" width="8" style="291" customWidth="1"/>
    <col min="95" max="104" width="9.109375" style="291" bestFit="1" customWidth="1"/>
    <col min="105" max="105" width="8" style="291" customWidth="1"/>
    <col min="106" max="115" width="9.109375" style="291" bestFit="1" customWidth="1"/>
    <col min="116" max="116" width="7.6640625" style="291" customWidth="1"/>
    <col min="117" max="117" width="9.109375" style="291" bestFit="1" customWidth="1"/>
    <col min="118" max="121" width="9.6640625" style="291" bestFit="1" customWidth="1"/>
    <col min="122" max="123" width="10.6640625" style="291" bestFit="1" customWidth="1"/>
    <col min="124" max="126" width="9.109375" style="291" bestFit="1" customWidth="1"/>
    <col min="127" max="127" width="7.44140625" style="291" customWidth="1"/>
    <col min="128" max="129" width="9.109375" style="291" bestFit="1" customWidth="1"/>
    <col min="130" max="134" width="9.6640625" style="291" bestFit="1" customWidth="1"/>
    <col min="135" max="137" width="9.109375" style="291" bestFit="1" customWidth="1"/>
    <col min="138" max="138" width="7.6640625" style="291" customWidth="1"/>
    <col min="139" max="148" width="9.109375" style="291" bestFit="1" customWidth="1"/>
    <col min="149" max="149" width="7.77734375" style="291" customWidth="1"/>
    <col min="150" max="159" width="9.109375" style="291" bestFit="1" customWidth="1"/>
    <col min="160" max="160" width="7.77734375" style="291" customWidth="1"/>
    <col min="161" max="170" width="9.109375" style="291" bestFit="1" customWidth="1"/>
    <col min="171" max="171" width="7.33203125" style="291" customWidth="1"/>
    <col min="172" max="181" width="9.109375" style="291" bestFit="1" customWidth="1"/>
    <col min="182" max="182" width="8" style="291" customWidth="1"/>
    <col min="183" max="188" width="9.109375" style="291" bestFit="1" customWidth="1"/>
    <col min="189" max="189" width="9.6640625" style="291" bestFit="1" customWidth="1"/>
    <col min="190" max="192" width="9.109375" style="291" bestFit="1" customWidth="1"/>
    <col min="193" max="193" width="7.44140625" style="291" customWidth="1"/>
    <col min="194" max="203" width="9.109375" style="291" bestFit="1" customWidth="1"/>
    <col min="204" max="204" width="7.88671875" style="291" customWidth="1"/>
    <col min="205" max="214" width="9.109375" style="291" bestFit="1" customWidth="1"/>
    <col min="215" max="215" width="7.88671875" style="291" customWidth="1"/>
    <col min="216" max="225" width="9.109375" style="291" bestFit="1" customWidth="1"/>
    <col min="226" max="226" width="7.6640625" style="291" customWidth="1"/>
    <col min="227" max="229" width="9.6640625" style="291" bestFit="1" customWidth="1"/>
    <col min="230" max="230" width="10.6640625" style="291" bestFit="1" customWidth="1"/>
    <col min="231" max="231" width="9.6640625" style="291" bestFit="1" customWidth="1"/>
    <col min="232" max="233" width="10.6640625" style="291" bestFit="1" customWidth="1"/>
    <col min="234" max="16384" width="9" style="291"/>
  </cols>
  <sheetData>
    <row r="1" spans="2:233" s="1" customFormat="1" ht="24" customHeight="1" x14ac:dyDescent="0.2">
      <c r="B1" s="20" t="s">
        <v>0</v>
      </c>
      <c r="C1" s="39"/>
      <c r="D1" s="39"/>
      <c r="E1" s="500">
        <f>第１表!F2</f>
        <v>5</v>
      </c>
      <c r="F1" s="501">
        <f>第１表!G2</f>
        <v>3</v>
      </c>
      <c r="G1" s="674">
        <f>IF(F1&lt;3,F1-2+12,F1-2)</f>
        <v>1</v>
      </c>
      <c r="H1" s="674"/>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21" customHeight="1" thickBot="1" x14ac:dyDescent="0.25">
      <c r="B3" s="742"/>
      <c r="C3" s="755" t="s">
        <v>116</v>
      </c>
      <c r="D3" s="756"/>
      <c r="E3" s="756"/>
      <c r="F3" s="756"/>
      <c r="G3" s="756"/>
      <c r="H3" s="756"/>
      <c r="I3" s="756"/>
      <c r="J3" s="756"/>
      <c r="K3" s="756"/>
      <c r="L3" s="756"/>
      <c r="M3" s="756"/>
      <c r="N3" s="507"/>
      <c r="O3" s="507"/>
      <c r="P3" s="507"/>
      <c r="Q3" s="507"/>
      <c r="R3" s="507"/>
      <c r="S3" s="507"/>
      <c r="T3" s="507"/>
      <c r="U3" s="507"/>
      <c r="V3" s="507"/>
      <c r="W3" s="507"/>
      <c r="X3" s="507"/>
      <c r="Y3" s="507"/>
      <c r="Z3" s="507"/>
      <c r="AA3" s="507"/>
      <c r="AB3" s="507"/>
      <c r="AC3" s="507"/>
      <c r="AD3" s="507"/>
      <c r="AE3" s="507"/>
      <c r="AF3" s="507"/>
      <c r="AG3" s="507"/>
      <c r="AH3" s="507"/>
      <c r="AI3" s="507"/>
      <c r="AJ3" s="507"/>
      <c r="AK3" s="507"/>
      <c r="AL3" s="507"/>
      <c r="AM3" s="507"/>
      <c r="AN3" s="507"/>
      <c r="AO3" s="507"/>
      <c r="AP3" s="507"/>
      <c r="AQ3" s="507"/>
      <c r="AR3" s="507"/>
      <c r="AS3" s="507"/>
      <c r="AT3" s="507"/>
      <c r="AU3" s="507"/>
      <c r="AV3" s="507"/>
      <c r="AW3" s="507"/>
      <c r="AX3" s="507"/>
      <c r="AY3" s="507"/>
      <c r="AZ3" s="507"/>
      <c r="BA3" s="507"/>
      <c r="BB3" s="507"/>
      <c r="BC3" s="507"/>
      <c r="BD3" s="507"/>
      <c r="BE3" s="507"/>
      <c r="BF3" s="507"/>
      <c r="BG3" s="507"/>
      <c r="BH3" s="507"/>
      <c r="BI3" s="507"/>
      <c r="BJ3" s="507"/>
      <c r="BK3" s="507"/>
      <c r="BL3" s="507"/>
      <c r="BM3" s="507"/>
      <c r="BN3" s="507"/>
      <c r="BO3" s="507"/>
      <c r="BP3" s="507"/>
      <c r="BQ3" s="507"/>
      <c r="BR3" s="507"/>
      <c r="BS3" s="507"/>
      <c r="BT3" s="507"/>
      <c r="BU3" s="507"/>
      <c r="BV3" s="507"/>
      <c r="BW3" s="507"/>
      <c r="BX3" s="507"/>
      <c r="BY3" s="507"/>
      <c r="BZ3" s="507"/>
      <c r="CA3" s="507"/>
      <c r="CB3" s="507"/>
      <c r="CC3" s="507"/>
      <c r="CD3" s="507"/>
      <c r="CE3" s="507"/>
      <c r="CF3" s="507"/>
      <c r="CG3" s="507"/>
      <c r="CH3" s="507"/>
      <c r="CI3" s="507"/>
      <c r="CJ3" s="507"/>
      <c r="CK3" s="507"/>
      <c r="CL3" s="507"/>
      <c r="CM3" s="507"/>
      <c r="CN3" s="507"/>
      <c r="CO3" s="507"/>
      <c r="CP3" s="507"/>
      <c r="CQ3" s="507"/>
      <c r="CR3" s="507"/>
      <c r="CS3" s="507"/>
      <c r="CT3" s="507"/>
      <c r="CU3" s="507"/>
      <c r="CV3" s="507"/>
      <c r="CW3" s="507"/>
      <c r="CX3" s="507"/>
      <c r="CY3" s="507"/>
      <c r="CZ3" s="507"/>
      <c r="DA3" s="507"/>
      <c r="DB3" s="507"/>
      <c r="DC3" s="507"/>
      <c r="DD3" s="507"/>
      <c r="DE3" s="507"/>
      <c r="DF3" s="507"/>
      <c r="DG3" s="507"/>
      <c r="DH3" s="508"/>
      <c r="DI3" s="755" t="s">
        <v>118</v>
      </c>
      <c r="DJ3" s="756"/>
      <c r="DK3" s="756"/>
      <c r="DL3" s="756"/>
      <c r="DM3" s="756"/>
      <c r="DN3" s="756"/>
      <c r="DO3" s="756"/>
      <c r="DP3" s="756"/>
      <c r="DQ3" s="756"/>
      <c r="DR3" s="756"/>
      <c r="DS3" s="756"/>
      <c r="DT3" s="756"/>
      <c r="DU3" s="756"/>
      <c r="DV3" s="756"/>
      <c r="DW3" s="756"/>
      <c r="DX3" s="756"/>
      <c r="DY3" s="756"/>
      <c r="DZ3" s="756"/>
      <c r="EA3" s="756"/>
      <c r="EB3" s="756"/>
      <c r="EC3" s="756"/>
      <c r="ED3" s="756"/>
      <c r="EE3" s="756"/>
      <c r="EF3" s="756"/>
      <c r="EG3" s="756"/>
      <c r="EH3" s="756"/>
      <c r="EI3" s="756"/>
      <c r="EJ3" s="756"/>
      <c r="EK3" s="756"/>
      <c r="EL3" s="756"/>
      <c r="EM3" s="756"/>
      <c r="EN3" s="756"/>
      <c r="EO3" s="756"/>
      <c r="EP3" s="756"/>
      <c r="EQ3" s="756"/>
      <c r="ER3" s="756"/>
      <c r="ES3" s="756"/>
      <c r="ET3" s="756"/>
      <c r="EU3" s="756"/>
      <c r="EV3" s="756"/>
      <c r="EW3" s="756"/>
      <c r="EX3" s="756"/>
      <c r="EY3" s="756"/>
      <c r="EZ3" s="756"/>
      <c r="FA3" s="756"/>
      <c r="FB3" s="756"/>
      <c r="FC3" s="756"/>
      <c r="FD3" s="756"/>
      <c r="FE3" s="756"/>
      <c r="FF3" s="756"/>
      <c r="FG3" s="756"/>
      <c r="FH3" s="756"/>
      <c r="FI3" s="756"/>
      <c r="FJ3" s="756"/>
      <c r="FK3" s="756"/>
      <c r="FL3" s="756"/>
      <c r="FM3" s="756"/>
      <c r="FN3" s="756"/>
      <c r="FO3" s="756"/>
      <c r="FP3" s="756"/>
      <c r="FQ3" s="756"/>
      <c r="FR3" s="756"/>
      <c r="FS3" s="756"/>
      <c r="FT3" s="756"/>
      <c r="FU3" s="756"/>
      <c r="FV3" s="756"/>
      <c r="FW3" s="756"/>
      <c r="FX3" s="756"/>
      <c r="FY3" s="756"/>
      <c r="FZ3" s="756"/>
      <c r="GA3" s="756"/>
      <c r="GB3" s="756"/>
      <c r="GC3" s="756"/>
      <c r="GD3" s="756"/>
      <c r="GE3" s="756"/>
      <c r="GF3" s="756"/>
      <c r="GG3" s="756"/>
      <c r="GH3" s="756"/>
      <c r="GI3" s="756"/>
      <c r="GJ3" s="756"/>
      <c r="GK3" s="756"/>
      <c r="GL3" s="756"/>
      <c r="GM3" s="756"/>
      <c r="GN3" s="756"/>
      <c r="GO3" s="756"/>
      <c r="GP3" s="756"/>
      <c r="GQ3" s="756"/>
      <c r="GR3" s="756"/>
      <c r="GS3" s="756"/>
      <c r="GT3" s="756"/>
      <c r="GU3" s="756"/>
      <c r="GV3" s="756"/>
      <c r="GW3" s="756"/>
      <c r="GX3" s="756"/>
      <c r="GY3" s="756"/>
      <c r="GZ3" s="756"/>
      <c r="HA3" s="756"/>
      <c r="HB3" s="756"/>
      <c r="HC3" s="756"/>
      <c r="HD3" s="756"/>
      <c r="HE3" s="756"/>
      <c r="HF3" s="756"/>
      <c r="HG3" s="756"/>
      <c r="HH3" s="756"/>
      <c r="HI3" s="756"/>
      <c r="HJ3" s="756"/>
      <c r="HK3" s="756"/>
      <c r="HL3" s="756"/>
      <c r="HM3" s="756"/>
      <c r="HN3" s="757"/>
      <c r="HO3" s="749" t="s">
        <v>60</v>
      </c>
      <c r="HP3" s="750"/>
      <c r="HQ3" s="750"/>
      <c r="HR3" s="750"/>
      <c r="HS3" s="750"/>
      <c r="HT3" s="750"/>
      <c r="HU3" s="750"/>
      <c r="HV3" s="750"/>
      <c r="HW3" s="750"/>
      <c r="HX3" s="750"/>
      <c r="HY3" s="751"/>
    </row>
    <row r="4" spans="2:233" ht="21" customHeight="1" thickBot="1" x14ac:dyDescent="0.25">
      <c r="B4" s="743"/>
      <c r="C4" s="730"/>
      <c r="D4" s="731"/>
      <c r="E4" s="731"/>
      <c r="F4" s="731"/>
      <c r="G4" s="731"/>
      <c r="H4" s="731"/>
      <c r="I4" s="731"/>
      <c r="J4" s="731"/>
      <c r="K4" s="731"/>
      <c r="L4" s="731"/>
      <c r="M4" s="758"/>
      <c r="N4" s="745" t="s">
        <v>57</v>
      </c>
      <c r="O4" s="746"/>
      <c r="P4" s="746"/>
      <c r="Q4" s="746"/>
      <c r="R4" s="746"/>
      <c r="S4" s="746"/>
      <c r="T4" s="746"/>
      <c r="U4" s="746"/>
      <c r="V4" s="746"/>
      <c r="W4" s="746"/>
      <c r="X4" s="747"/>
      <c r="Y4" s="745" t="s">
        <v>58</v>
      </c>
      <c r="Z4" s="746"/>
      <c r="AA4" s="746"/>
      <c r="AB4" s="746"/>
      <c r="AC4" s="746"/>
      <c r="AD4" s="746"/>
      <c r="AE4" s="746"/>
      <c r="AF4" s="746"/>
      <c r="AG4" s="746"/>
      <c r="AH4" s="746"/>
      <c r="AI4" s="747"/>
      <c r="AJ4" s="745" t="s">
        <v>59</v>
      </c>
      <c r="AK4" s="746"/>
      <c r="AL4" s="746"/>
      <c r="AM4" s="746"/>
      <c r="AN4" s="746"/>
      <c r="AO4" s="746"/>
      <c r="AP4" s="746"/>
      <c r="AQ4" s="746"/>
      <c r="AR4" s="746"/>
      <c r="AS4" s="746"/>
      <c r="AT4" s="747"/>
      <c r="AU4" s="745" t="s">
        <v>151</v>
      </c>
      <c r="AV4" s="746"/>
      <c r="AW4" s="746"/>
      <c r="AX4" s="746"/>
      <c r="AY4" s="746"/>
      <c r="AZ4" s="746"/>
      <c r="BA4" s="746"/>
      <c r="BB4" s="746"/>
      <c r="BC4" s="746"/>
      <c r="BD4" s="746"/>
      <c r="BE4" s="747"/>
      <c r="BF4" s="745" t="s">
        <v>117</v>
      </c>
      <c r="BG4" s="746"/>
      <c r="BH4" s="746"/>
      <c r="BI4" s="746"/>
      <c r="BJ4" s="746"/>
      <c r="BK4" s="746"/>
      <c r="BL4" s="746"/>
      <c r="BM4" s="746"/>
      <c r="BN4" s="746"/>
      <c r="BO4" s="746"/>
      <c r="BP4" s="747"/>
      <c r="BQ4" s="745" t="s">
        <v>77</v>
      </c>
      <c r="BR4" s="746"/>
      <c r="BS4" s="746"/>
      <c r="BT4" s="746"/>
      <c r="BU4" s="746"/>
      <c r="BV4" s="746"/>
      <c r="BW4" s="746"/>
      <c r="BX4" s="746"/>
      <c r="BY4" s="746"/>
      <c r="BZ4" s="746"/>
      <c r="CA4" s="747"/>
      <c r="CB4" s="745" t="s">
        <v>78</v>
      </c>
      <c r="CC4" s="746"/>
      <c r="CD4" s="746"/>
      <c r="CE4" s="746"/>
      <c r="CF4" s="746"/>
      <c r="CG4" s="746"/>
      <c r="CH4" s="746"/>
      <c r="CI4" s="746"/>
      <c r="CJ4" s="746"/>
      <c r="CK4" s="746"/>
      <c r="CL4" s="747"/>
      <c r="CM4" s="745" t="s">
        <v>79</v>
      </c>
      <c r="CN4" s="746"/>
      <c r="CO4" s="746"/>
      <c r="CP4" s="746"/>
      <c r="CQ4" s="746"/>
      <c r="CR4" s="746"/>
      <c r="CS4" s="746"/>
      <c r="CT4" s="746"/>
      <c r="CU4" s="746"/>
      <c r="CV4" s="746"/>
      <c r="CW4" s="747"/>
      <c r="CX4" s="745" t="s">
        <v>152</v>
      </c>
      <c r="CY4" s="746"/>
      <c r="CZ4" s="746"/>
      <c r="DA4" s="746"/>
      <c r="DB4" s="746"/>
      <c r="DC4" s="746"/>
      <c r="DD4" s="746"/>
      <c r="DE4" s="746"/>
      <c r="DF4" s="746"/>
      <c r="DG4" s="746"/>
      <c r="DH4" s="747"/>
      <c r="DI4" s="730"/>
      <c r="DJ4" s="731"/>
      <c r="DK4" s="731"/>
      <c r="DL4" s="731"/>
      <c r="DM4" s="731"/>
      <c r="DN4" s="731"/>
      <c r="DO4" s="731"/>
      <c r="DP4" s="731"/>
      <c r="DQ4" s="731"/>
      <c r="DR4" s="731"/>
      <c r="DS4" s="732"/>
      <c r="DT4" s="745" t="s">
        <v>57</v>
      </c>
      <c r="DU4" s="746"/>
      <c r="DV4" s="746"/>
      <c r="DW4" s="746"/>
      <c r="DX4" s="746"/>
      <c r="DY4" s="746"/>
      <c r="DZ4" s="746"/>
      <c r="EA4" s="746"/>
      <c r="EB4" s="746"/>
      <c r="EC4" s="746"/>
      <c r="ED4" s="747"/>
      <c r="EE4" s="745" t="s">
        <v>58</v>
      </c>
      <c r="EF4" s="746"/>
      <c r="EG4" s="746"/>
      <c r="EH4" s="746"/>
      <c r="EI4" s="746"/>
      <c r="EJ4" s="746"/>
      <c r="EK4" s="746"/>
      <c r="EL4" s="746"/>
      <c r="EM4" s="746"/>
      <c r="EN4" s="746"/>
      <c r="EO4" s="747"/>
      <c r="EP4" s="745" t="s">
        <v>59</v>
      </c>
      <c r="EQ4" s="746"/>
      <c r="ER4" s="746"/>
      <c r="ES4" s="746"/>
      <c r="ET4" s="746"/>
      <c r="EU4" s="746"/>
      <c r="EV4" s="746"/>
      <c r="EW4" s="746"/>
      <c r="EX4" s="746"/>
      <c r="EY4" s="746"/>
      <c r="EZ4" s="747"/>
      <c r="FA4" s="745" t="s">
        <v>151</v>
      </c>
      <c r="FB4" s="746"/>
      <c r="FC4" s="746"/>
      <c r="FD4" s="746"/>
      <c r="FE4" s="746"/>
      <c r="FF4" s="746"/>
      <c r="FG4" s="746"/>
      <c r="FH4" s="746"/>
      <c r="FI4" s="746"/>
      <c r="FJ4" s="746"/>
      <c r="FK4" s="747"/>
      <c r="FL4" s="745" t="s">
        <v>117</v>
      </c>
      <c r="FM4" s="746"/>
      <c r="FN4" s="746"/>
      <c r="FO4" s="746"/>
      <c r="FP4" s="746"/>
      <c r="FQ4" s="746"/>
      <c r="FR4" s="746"/>
      <c r="FS4" s="746"/>
      <c r="FT4" s="746"/>
      <c r="FU4" s="746"/>
      <c r="FV4" s="747"/>
      <c r="FW4" s="745" t="s">
        <v>77</v>
      </c>
      <c r="FX4" s="746"/>
      <c r="FY4" s="746"/>
      <c r="FZ4" s="746"/>
      <c r="GA4" s="746"/>
      <c r="GB4" s="746"/>
      <c r="GC4" s="746"/>
      <c r="GD4" s="746"/>
      <c r="GE4" s="746"/>
      <c r="GF4" s="746"/>
      <c r="GG4" s="747"/>
      <c r="GH4" s="745" t="s">
        <v>78</v>
      </c>
      <c r="GI4" s="746"/>
      <c r="GJ4" s="746"/>
      <c r="GK4" s="746"/>
      <c r="GL4" s="746"/>
      <c r="GM4" s="746"/>
      <c r="GN4" s="746"/>
      <c r="GO4" s="746"/>
      <c r="GP4" s="746"/>
      <c r="GQ4" s="746"/>
      <c r="GR4" s="747"/>
      <c r="GS4" s="745" t="s">
        <v>79</v>
      </c>
      <c r="GT4" s="746"/>
      <c r="GU4" s="746"/>
      <c r="GV4" s="746"/>
      <c r="GW4" s="746"/>
      <c r="GX4" s="746"/>
      <c r="GY4" s="746"/>
      <c r="GZ4" s="746"/>
      <c r="HA4" s="746"/>
      <c r="HB4" s="746"/>
      <c r="HC4" s="747"/>
      <c r="HD4" s="745" t="s">
        <v>152</v>
      </c>
      <c r="HE4" s="746"/>
      <c r="HF4" s="746"/>
      <c r="HG4" s="746"/>
      <c r="HH4" s="746"/>
      <c r="HI4" s="746"/>
      <c r="HJ4" s="746"/>
      <c r="HK4" s="746"/>
      <c r="HL4" s="746"/>
      <c r="HM4" s="746"/>
      <c r="HN4" s="747"/>
      <c r="HO4" s="752"/>
      <c r="HP4" s="753"/>
      <c r="HQ4" s="753"/>
      <c r="HR4" s="753"/>
      <c r="HS4" s="753"/>
      <c r="HT4" s="753"/>
      <c r="HU4" s="753"/>
      <c r="HV4" s="753"/>
      <c r="HW4" s="753"/>
      <c r="HX4" s="753"/>
      <c r="HY4" s="754"/>
    </row>
    <row r="5" spans="2:233" ht="21" customHeight="1" x14ac:dyDescent="0.2">
      <c r="B5" s="743"/>
      <c r="C5" s="735" t="s">
        <v>61</v>
      </c>
      <c r="D5" s="736"/>
      <c r="E5" s="737"/>
      <c r="F5" s="738" t="s">
        <v>62</v>
      </c>
      <c r="G5" s="736"/>
      <c r="H5" s="736"/>
      <c r="I5" s="736"/>
      <c r="J5" s="736"/>
      <c r="K5" s="736"/>
      <c r="L5" s="739"/>
      <c r="M5" s="748" t="s">
        <v>52</v>
      </c>
      <c r="N5" s="730" t="s">
        <v>61</v>
      </c>
      <c r="O5" s="731"/>
      <c r="P5" s="732"/>
      <c r="Q5" s="733" t="s">
        <v>62</v>
      </c>
      <c r="R5" s="731"/>
      <c r="S5" s="731"/>
      <c r="T5" s="731"/>
      <c r="U5" s="731"/>
      <c r="V5" s="731"/>
      <c r="W5" s="734"/>
      <c r="X5" s="630" t="s">
        <v>52</v>
      </c>
      <c r="Y5" s="730" t="s">
        <v>61</v>
      </c>
      <c r="Z5" s="731"/>
      <c r="AA5" s="732"/>
      <c r="AB5" s="733" t="s">
        <v>62</v>
      </c>
      <c r="AC5" s="731"/>
      <c r="AD5" s="731"/>
      <c r="AE5" s="731"/>
      <c r="AF5" s="731"/>
      <c r="AG5" s="731"/>
      <c r="AH5" s="734"/>
      <c r="AI5" s="630" t="s">
        <v>52</v>
      </c>
      <c r="AJ5" s="730" t="s">
        <v>61</v>
      </c>
      <c r="AK5" s="731"/>
      <c r="AL5" s="732"/>
      <c r="AM5" s="733" t="s">
        <v>62</v>
      </c>
      <c r="AN5" s="731"/>
      <c r="AO5" s="731"/>
      <c r="AP5" s="731"/>
      <c r="AQ5" s="731"/>
      <c r="AR5" s="731"/>
      <c r="AS5" s="734"/>
      <c r="AT5" s="630" t="s">
        <v>52</v>
      </c>
      <c r="AU5" s="730" t="s">
        <v>61</v>
      </c>
      <c r="AV5" s="731"/>
      <c r="AW5" s="732"/>
      <c r="AX5" s="733" t="s">
        <v>62</v>
      </c>
      <c r="AY5" s="731"/>
      <c r="AZ5" s="731"/>
      <c r="BA5" s="731"/>
      <c r="BB5" s="731"/>
      <c r="BC5" s="731"/>
      <c r="BD5" s="734"/>
      <c r="BE5" s="630" t="s">
        <v>52</v>
      </c>
      <c r="BF5" s="730" t="s">
        <v>61</v>
      </c>
      <c r="BG5" s="731"/>
      <c r="BH5" s="732"/>
      <c r="BI5" s="733" t="s">
        <v>62</v>
      </c>
      <c r="BJ5" s="731"/>
      <c r="BK5" s="731"/>
      <c r="BL5" s="731"/>
      <c r="BM5" s="731"/>
      <c r="BN5" s="731"/>
      <c r="BO5" s="734"/>
      <c r="BP5" s="630" t="s">
        <v>52</v>
      </c>
      <c r="BQ5" s="730" t="s">
        <v>61</v>
      </c>
      <c r="BR5" s="731"/>
      <c r="BS5" s="732"/>
      <c r="BT5" s="733" t="s">
        <v>62</v>
      </c>
      <c r="BU5" s="731"/>
      <c r="BV5" s="731"/>
      <c r="BW5" s="731"/>
      <c r="BX5" s="731"/>
      <c r="BY5" s="731"/>
      <c r="BZ5" s="734"/>
      <c r="CA5" s="630" t="s">
        <v>52</v>
      </c>
      <c r="CB5" s="730" t="s">
        <v>61</v>
      </c>
      <c r="CC5" s="731"/>
      <c r="CD5" s="732"/>
      <c r="CE5" s="733" t="s">
        <v>62</v>
      </c>
      <c r="CF5" s="731"/>
      <c r="CG5" s="731"/>
      <c r="CH5" s="731"/>
      <c r="CI5" s="731"/>
      <c r="CJ5" s="731"/>
      <c r="CK5" s="734"/>
      <c r="CL5" s="630" t="s">
        <v>52</v>
      </c>
      <c r="CM5" s="730" t="s">
        <v>61</v>
      </c>
      <c r="CN5" s="731"/>
      <c r="CO5" s="732"/>
      <c r="CP5" s="733" t="s">
        <v>62</v>
      </c>
      <c r="CQ5" s="731"/>
      <c r="CR5" s="731"/>
      <c r="CS5" s="731"/>
      <c r="CT5" s="731"/>
      <c r="CU5" s="731"/>
      <c r="CV5" s="734"/>
      <c r="CW5" s="630" t="s">
        <v>52</v>
      </c>
      <c r="CX5" s="730" t="s">
        <v>61</v>
      </c>
      <c r="CY5" s="731"/>
      <c r="CZ5" s="732"/>
      <c r="DA5" s="733" t="s">
        <v>62</v>
      </c>
      <c r="DB5" s="731"/>
      <c r="DC5" s="731"/>
      <c r="DD5" s="731"/>
      <c r="DE5" s="731"/>
      <c r="DF5" s="731"/>
      <c r="DG5" s="734"/>
      <c r="DH5" s="630" t="s">
        <v>52</v>
      </c>
      <c r="DI5" s="735" t="s">
        <v>61</v>
      </c>
      <c r="DJ5" s="736"/>
      <c r="DK5" s="737"/>
      <c r="DL5" s="738" t="s">
        <v>62</v>
      </c>
      <c r="DM5" s="736"/>
      <c r="DN5" s="736"/>
      <c r="DO5" s="736"/>
      <c r="DP5" s="736"/>
      <c r="DQ5" s="736"/>
      <c r="DR5" s="739"/>
      <c r="DS5" s="740" t="s">
        <v>52</v>
      </c>
      <c r="DT5" s="730" t="s">
        <v>61</v>
      </c>
      <c r="DU5" s="731"/>
      <c r="DV5" s="732"/>
      <c r="DW5" s="733" t="s">
        <v>62</v>
      </c>
      <c r="DX5" s="731"/>
      <c r="DY5" s="731"/>
      <c r="DZ5" s="731"/>
      <c r="EA5" s="731"/>
      <c r="EB5" s="731"/>
      <c r="EC5" s="734"/>
      <c r="ED5" s="630" t="s">
        <v>52</v>
      </c>
      <c r="EE5" s="730" t="s">
        <v>61</v>
      </c>
      <c r="EF5" s="731"/>
      <c r="EG5" s="732"/>
      <c r="EH5" s="733" t="s">
        <v>62</v>
      </c>
      <c r="EI5" s="731"/>
      <c r="EJ5" s="731"/>
      <c r="EK5" s="731"/>
      <c r="EL5" s="731"/>
      <c r="EM5" s="731"/>
      <c r="EN5" s="734"/>
      <c r="EO5" s="630" t="s">
        <v>52</v>
      </c>
      <c r="EP5" s="730" t="s">
        <v>61</v>
      </c>
      <c r="EQ5" s="731"/>
      <c r="ER5" s="732"/>
      <c r="ES5" s="733" t="s">
        <v>62</v>
      </c>
      <c r="ET5" s="731"/>
      <c r="EU5" s="731"/>
      <c r="EV5" s="731"/>
      <c r="EW5" s="731"/>
      <c r="EX5" s="731"/>
      <c r="EY5" s="734"/>
      <c r="EZ5" s="630" t="s">
        <v>52</v>
      </c>
      <c r="FA5" s="730" t="s">
        <v>61</v>
      </c>
      <c r="FB5" s="731"/>
      <c r="FC5" s="732"/>
      <c r="FD5" s="733" t="s">
        <v>62</v>
      </c>
      <c r="FE5" s="731"/>
      <c r="FF5" s="731"/>
      <c r="FG5" s="731"/>
      <c r="FH5" s="731"/>
      <c r="FI5" s="731"/>
      <c r="FJ5" s="734"/>
      <c r="FK5" s="630" t="s">
        <v>52</v>
      </c>
      <c r="FL5" s="730" t="s">
        <v>61</v>
      </c>
      <c r="FM5" s="731"/>
      <c r="FN5" s="732"/>
      <c r="FO5" s="733" t="s">
        <v>62</v>
      </c>
      <c r="FP5" s="731"/>
      <c r="FQ5" s="731"/>
      <c r="FR5" s="731"/>
      <c r="FS5" s="731"/>
      <c r="FT5" s="731"/>
      <c r="FU5" s="734"/>
      <c r="FV5" s="630" t="s">
        <v>52</v>
      </c>
      <c r="FW5" s="730" t="s">
        <v>61</v>
      </c>
      <c r="FX5" s="731"/>
      <c r="FY5" s="732"/>
      <c r="FZ5" s="733" t="s">
        <v>62</v>
      </c>
      <c r="GA5" s="731"/>
      <c r="GB5" s="731"/>
      <c r="GC5" s="731"/>
      <c r="GD5" s="731"/>
      <c r="GE5" s="731"/>
      <c r="GF5" s="734"/>
      <c r="GG5" s="630" t="s">
        <v>52</v>
      </c>
      <c r="GH5" s="730" t="s">
        <v>61</v>
      </c>
      <c r="GI5" s="731"/>
      <c r="GJ5" s="732"/>
      <c r="GK5" s="733" t="s">
        <v>62</v>
      </c>
      <c r="GL5" s="731"/>
      <c r="GM5" s="731"/>
      <c r="GN5" s="731"/>
      <c r="GO5" s="731"/>
      <c r="GP5" s="731"/>
      <c r="GQ5" s="734"/>
      <c r="GR5" s="630" t="s">
        <v>52</v>
      </c>
      <c r="GS5" s="730" t="s">
        <v>61</v>
      </c>
      <c r="GT5" s="731"/>
      <c r="GU5" s="732"/>
      <c r="GV5" s="733" t="s">
        <v>62</v>
      </c>
      <c r="GW5" s="731"/>
      <c r="GX5" s="731"/>
      <c r="GY5" s="731"/>
      <c r="GZ5" s="731"/>
      <c r="HA5" s="731"/>
      <c r="HB5" s="734"/>
      <c r="HC5" s="630" t="s">
        <v>52</v>
      </c>
      <c r="HD5" s="730" t="s">
        <v>61</v>
      </c>
      <c r="HE5" s="731"/>
      <c r="HF5" s="732"/>
      <c r="HG5" s="733" t="s">
        <v>62</v>
      </c>
      <c r="HH5" s="731"/>
      <c r="HI5" s="731"/>
      <c r="HJ5" s="731"/>
      <c r="HK5" s="731"/>
      <c r="HL5" s="731"/>
      <c r="HM5" s="734"/>
      <c r="HN5" s="630" t="s">
        <v>52</v>
      </c>
      <c r="HO5" s="730" t="s">
        <v>61</v>
      </c>
      <c r="HP5" s="731"/>
      <c r="HQ5" s="732"/>
      <c r="HR5" s="733" t="s">
        <v>62</v>
      </c>
      <c r="HS5" s="731"/>
      <c r="HT5" s="731"/>
      <c r="HU5" s="731"/>
      <c r="HV5" s="731"/>
      <c r="HW5" s="731"/>
      <c r="HX5" s="734"/>
      <c r="HY5" s="630" t="s">
        <v>52</v>
      </c>
    </row>
    <row r="6" spans="2:233" ht="30" customHeight="1" thickBot="1" x14ac:dyDescent="0.25">
      <c r="B6" s="744"/>
      <c r="C6" s="371" t="s">
        <v>119</v>
      </c>
      <c r="D6" s="372" t="s">
        <v>44</v>
      </c>
      <c r="E6" s="379" t="s">
        <v>45</v>
      </c>
      <c r="F6" s="380" t="s">
        <v>83</v>
      </c>
      <c r="G6" s="372" t="s">
        <v>47</v>
      </c>
      <c r="H6" s="372" t="s">
        <v>48</v>
      </c>
      <c r="I6" s="372" t="s">
        <v>49</v>
      </c>
      <c r="J6" s="372" t="s">
        <v>50</v>
      </c>
      <c r="K6" s="372" t="s">
        <v>51</v>
      </c>
      <c r="L6" s="381" t="s">
        <v>45</v>
      </c>
      <c r="M6" s="729"/>
      <c r="N6" s="371" t="s">
        <v>119</v>
      </c>
      <c r="O6" s="372" t="s">
        <v>44</v>
      </c>
      <c r="P6" s="379" t="s">
        <v>45</v>
      </c>
      <c r="Q6" s="380" t="s">
        <v>83</v>
      </c>
      <c r="R6" s="372" t="s">
        <v>47</v>
      </c>
      <c r="S6" s="372" t="s">
        <v>48</v>
      </c>
      <c r="T6" s="372" t="s">
        <v>49</v>
      </c>
      <c r="U6" s="372" t="s">
        <v>50</v>
      </c>
      <c r="V6" s="372" t="s">
        <v>51</v>
      </c>
      <c r="W6" s="381" t="s">
        <v>45</v>
      </c>
      <c r="X6" s="729"/>
      <c r="Y6" s="371" t="s">
        <v>119</v>
      </c>
      <c r="Z6" s="372" t="s">
        <v>44</v>
      </c>
      <c r="AA6" s="379" t="s">
        <v>45</v>
      </c>
      <c r="AB6" s="380" t="s">
        <v>83</v>
      </c>
      <c r="AC6" s="372" t="s">
        <v>47</v>
      </c>
      <c r="AD6" s="372" t="s">
        <v>48</v>
      </c>
      <c r="AE6" s="372" t="s">
        <v>49</v>
      </c>
      <c r="AF6" s="372" t="s">
        <v>50</v>
      </c>
      <c r="AG6" s="372" t="s">
        <v>51</v>
      </c>
      <c r="AH6" s="381" t="s">
        <v>45</v>
      </c>
      <c r="AI6" s="729"/>
      <c r="AJ6" s="371" t="s">
        <v>119</v>
      </c>
      <c r="AK6" s="372" t="s">
        <v>44</v>
      </c>
      <c r="AL6" s="379" t="s">
        <v>45</v>
      </c>
      <c r="AM6" s="380" t="s">
        <v>83</v>
      </c>
      <c r="AN6" s="372" t="s">
        <v>47</v>
      </c>
      <c r="AO6" s="372" t="s">
        <v>48</v>
      </c>
      <c r="AP6" s="372" t="s">
        <v>49</v>
      </c>
      <c r="AQ6" s="372" t="s">
        <v>50</v>
      </c>
      <c r="AR6" s="372" t="s">
        <v>51</v>
      </c>
      <c r="AS6" s="381" t="s">
        <v>45</v>
      </c>
      <c r="AT6" s="729"/>
      <c r="AU6" s="371" t="s">
        <v>119</v>
      </c>
      <c r="AV6" s="372" t="s">
        <v>44</v>
      </c>
      <c r="AW6" s="379" t="s">
        <v>45</v>
      </c>
      <c r="AX6" s="380" t="s">
        <v>83</v>
      </c>
      <c r="AY6" s="372" t="s">
        <v>47</v>
      </c>
      <c r="AZ6" s="372" t="s">
        <v>48</v>
      </c>
      <c r="BA6" s="372" t="s">
        <v>49</v>
      </c>
      <c r="BB6" s="372" t="s">
        <v>50</v>
      </c>
      <c r="BC6" s="372" t="s">
        <v>51</v>
      </c>
      <c r="BD6" s="381" t="s">
        <v>45</v>
      </c>
      <c r="BE6" s="729"/>
      <c r="BF6" s="371" t="s">
        <v>119</v>
      </c>
      <c r="BG6" s="372" t="s">
        <v>44</v>
      </c>
      <c r="BH6" s="379" t="s">
        <v>45</v>
      </c>
      <c r="BI6" s="380" t="s">
        <v>83</v>
      </c>
      <c r="BJ6" s="372" t="s">
        <v>47</v>
      </c>
      <c r="BK6" s="372" t="s">
        <v>48</v>
      </c>
      <c r="BL6" s="372" t="s">
        <v>49</v>
      </c>
      <c r="BM6" s="372" t="s">
        <v>50</v>
      </c>
      <c r="BN6" s="372" t="s">
        <v>51</v>
      </c>
      <c r="BO6" s="381" t="s">
        <v>45</v>
      </c>
      <c r="BP6" s="729"/>
      <c r="BQ6" s="371" t="s">
        <v>119</v>
      </c>
      <c r="BR6" s="372" t="s">
        <v>44</v>
      </c>
      <c r="BS6" s="379" t="s">
        <v>45</v>
      </c>
      <c r="BT6" s="380" t="s">
        <v>83</v>
      </c>
      <c r="BU6" s="372" t="s">
        <v>47</v>
      </c>
      <c r="BV6" s="372" t="s">
        <v>48</v>
      </c>
      <c r="BW6" s="372" t="s">
        <v>49</v>
      </c>
      <c r="BX6" s="372" t="s">
        <v>50</v>
      </c>
      <c r="BY6" s="372" t="s">
        <v>51</v>
      </c>
      <c r="BZ6" s="381" t="s">
        <v>45</v>
      </c>
      <c r="CA6" s="729"/>
      <c r="CB6" s="371" t="s">
        <v>119</v>
      </c>
      <c r="CC6" s="372" t="s">
        <v>44</v>
      </c>
      <c r="CD6" s="379" t="s">
        <v>45</v>
      </c>
      <c r="CE6" s="380" t="s">
        <v>83</v>
      </c>
      <c r="CF6" s="372" t="s">
        <v>47</v>
      </c>
      <c r="CG6" s="372" t="s">
        <v>48</v>
      </c>
      <c r="CH6" s="372" t="s">
        <v>49</v>
      </c>
      <c r="CI6" s="372" t="s">
        <v>50</v>
      </c>
      <c r="CJ6" s="372" t="s">
        <v>51</v>
      </c>
      <c r="CK6" s="381" t="s">
        <v>45</v>
      </c>
      <c r="CL6" s="729"/>
      <c r="CM6" s="371" t="s">
        <v>119</v>
      </c>
      <c r="CN6" s="372" t="s">
        <v>44</v>
      </c>
      <c r="CO6" s="379" t="s">
        <v>45</v>
      </c>
      <c r="CP6" s="380" t="s">
        <v>83</v>
      </c>
      <c r="CQ6" s="372" t="s">
        <v>47</v>
      </c>
      <c r="CR6" s="372" t="s">
        <v>48</v>
      </c>
      <c r="CS6" s="372" t="s">
        <v>49</v>
      </c>
      <c r="CT6" s="372" t="s">
        <v>50</v>
      </c>
      <c r="CU6" s="372" t="s">
        <v>51</v>
      </c>
      <c r="CV6" s="381" t="s">
        <v>45</v>
      </c>
      <c r="CW6" s="729"/>
      <c r="CX6" s="371" t="s">
        <v>119</v>
      </c>
      <c r="CY6" s="372" t="s">
        <v>44</v>
      </c>
      <c r="CZ6" s="379" t="s">
        <v>45</v>
      </c>
      <c r="DA6" s="380" t="s">
        <v>83</v>
      </c>
      <c r="DB6" s="372" t="s">
        <v>47</v>
      </c>
      <c r="DC6" s="372" t="s">
        <v>48</v>
      </c>
      <c r="DD6" s="372" t="s">
        <v>49</v>
      </c>
      <c r="DE6" s="372" t="s">
        <v>50</v>
      </c>
      <c r="DF6" s="372" t="s">
        <v>51</v>
      </c>
      <c r="DG6" s="381" t="s">
        <v>45</v>
      </c>
      <c r="DH6" s="729"/>
      <c r="DI6" s="371" t="s">
        <v>119</v>
      </c>
      <c r="DJ6" s="372" t="s">
        <v>44</v>
      </c>
      <c r="DK6" s="379" t="s">
        <v>45</v>
      </c>
      <c r="DL6" s="380" t="s">
        <v>83</v>
      </c>
      <c r="DM6" s="372" t="s">
        <v>47</v>
      </c>
      <c r="DN6" s="372" t="s">
        <v>48</v>
      </c>
      <c r="DO6" s="372" t="s">
        <v>49</v>
      </c>
      <c r="DP6" s="372" t="s">
        <v>50</v>
      </c>
      <c r="DQ6" s="372" t="s">
        <v>51</v>
      </c>
      <c r="DR6" s="381" t="s">
        <v>45</v>
      </c>
      <c r="DS6" s="741"/>
      <c r="DT6" s="371" t="s">
        <v>119</v>
      </c>
      <c r="DU6" s="372" t="s">
        <v>44</v>
      </c>
      <c r="DV6" s="379" t="s">
        <v>45</v>
      </c>
      <c r="DW6" s="380" t="s">
        <v>83</v>
      </c>
      <c r="DX6" s="372" t="s">
        <v>47</v>
      </c>
      <c r="DY6" s="372" t="s">
        <v>48</v>
      </c>
      <c r="DZ6" s="372" t="s">
        <v>49</v>
      </c>
      <c r="EA6" s="372" t="s">
        <v>50</v>
      </c>
      <c r="EB6" s="372" t="s">
        <v>51</v>
      </c>
      <c r="EC6" s="381" t="s">
        <v>45</v>
      </c>
      <c r="ED6" s="729"/>
      <c r="EE6" s="371" t="s">
        <v>119</v>
      </c>
      <c r="EF6" s="372" t="s">
        <v>44</v>
      </c>
      <c r="EG6" s="379" t="s">
        <v>45</v>
      </c>
      <c r="EH6" s="380" t="s">
        <v>83</v>
      </c>
      <c r="EI6" s="372" t="s">
        <v>47</v>
      </c>
      <c r="EJ6" s="372" t="s">
        <v>48</v>
      </c>
      <c r="EK6" s="372" t="s">
        <v>49</v>
      </c>
      <c r="EL6" s="372" t="s">
        <v>50</v>
      </c>
      <c r="EM6" s="372" t="s">
        <v>51</v>
      </c>
      <c r="EN6" s="381" t="s">
        <v>45</v>
      </c>
      <c r="EO6" s="729"/>
      <c r="EP6" s="371" t="s">
        <v>119</v>
      </c>
      <c r="EQ6" s="372" t="s">
        <v>44</v>
      </c>
      <c r="ER6" s="379" t="s">
        <v>45</v>
      </c>
      <c r="ES6" s="380" t="s">
        <v>83</v>
      </c>
      <c r="ET6" s="372" t="s">
        <v>47</v>
      </c>
      <c r="EU6" s="372" t="s">
        <v>48</v>
      </c>
      <c r="EV6" s="372" t="s">
        <v>49</v>
      </c>
      <c r="EW6" s="372" t="s">
        <v>50</v>
      </c>
      <c r="EX6" s="372" t="s">
        <v>51</v>
      </c>
      <c r="EY6" s="381" t="s">
        <v>45</v>
      </c>
      <c r="EZ6" s="729"/>
      <c r="FA6" s="371" t="s">
        <v>119</v>
      </c>
      <c r="FB6" s="372" t="s">
        <v>44</v>
      </c>
      <c r="FC6" s="379" t="s">
        <v>45</v>
      </c>
      <c r="FD6" s="380" t="s">
        <v>83</v>
      </c>
      <c r="FE6" s="372" t="s">
        <v>47</v>
      </c>
      <c r="FF6" s="372" t="s">
        <v>48</v>
      </c>
      <c r="FG6" s="372" t="s">
        <v>49</v>
      </c>
      <c r="FH6" s="372" t="s">
        <v>50</v>
      </c>
      <c r="FI6" s="372" t="s">
        <v>51</v>
      </c>
      <c r="FJ6" s="381" t="s">
        <v>45</v>
      </c>
      <c r="FK6" s="729"/>
      <c r="FL6" s="371" t="s">
        <v>119</v>
      </c>
      <c r="FM6" s="372" t="s">
        <v>44</v>
      </c>
      <c r="FN6" s="379" t="s">
        <v>45</v>
      </c>
      <c r="FO6" s="380" t="s">
        <v>83</v>
      </c>
      <c r="FP6" s="372" t="s">
        <v>47</v>
      </c>
      <c r="FQ6" s="372" t="s">
        <v>48</v>
      </c>
      <c r="FR6" s="372" t="s">
        <v>49</v>
      </c>
      <c r="FS6" s="372" t="s">
        <v>50</v>
      </c>
      <c r="FT6" s="372" t="s">
        <v>51</v>
      </c>
      <c r="FU6" s="381" t="s">
        <v>45</v>
      </c>
      <c r="FV6" s="729"/>
      <c r="FW6" s="371" t="s">
        <v>119</v>
      </c>
      <c r="FX6" s="372" t="s">
        <v>44</v>
      </c>
      <c r="FY6" s="379" t="s">
        <v>45</v>
      </c>
      <c r="FZ6" s="380" t="s">
        <v>83</v>
      </c>
      <c r="GA6" s="372" t="s">
        <v>47</v>
      </c>
      <c r="GB6" s="372" t="s">
        <v>48</v>
      </c>
      <c r="GC6" s="372" t="s">
        <v>49</v>
      </c>
      <c r="GD6" s="372" t="s">
        <v>50</v>
      </c>
      <c r="GE6" s="372" t="s">
        <v>51</v>
      </c>
      <c r="GF6" s="381" t="s">
        <v>45</v>
      </c>
      <c r="GG6" s="729"/>
      <c r="GH6" s="371" t="s">
        <v>119</v>
      </c>
      <c r="GI6" s="372" t="s">
        <v>44</v>
      </c>
      <c r="GJ6" s="379" t="s">
        <v>45</v>
      </c>
      <c r="GK6" s="380" t="s">
        <v>83</v>
      </c>
      <c r="GL6" s="372" t="s">
        <v>47</v>
      </c>
      <c r="GM6" s="372" t="s">
        <v>48</v>
      </c>
      <c r="GN6" s="372" t="s">
        <v>49</v>
      </c>
      <c r="GO6" s="372" t="s">
        <v>50</v>
      </c>
      <c r="GP6" s="372" t="s">
        <v>51</v>
      </c>
      <c r="GQ6" s="381" t="s">
        <v>45</v>
      </c>
      <c r="GR6" s="729"/>
      <c r="GS6" s="371" t="s">
        <v>119</v>
      </c>
      <c r="GT6" s="372" t="s">
        <v>44</v>
      </c>
      <c r="GU6" s="379" t="s">
        <v>45</v>
      </c>
      <c r="GV6" s="380" t="s">
        <v>83</v>
      </c>
      <c r="GW6" s="372" t="s">
        <v>47</v>
      </c>
      <c r="GX6" s="372" t="s">
        <v>48</v>
      </c>
      <c r="GY6" s="372" t="s">
        <v>49</v>
      </c>
      <c r="GZ6" s="372" t="s">
        <v>50</v>
      </c>
      <c r="HA6" s="372" t="s">
        <v>51</v>
      </c>
      <c r="HB6" s="381" t="s">
        <v>45</v>
      </c>
      <c r="HC6" s="729"/>
      <c r="HD6" s="371" t="s">
        <v>119</v>
      </c>
      <c r="HE6" s="372" t="s">
        <v>44</v>
      </c>
      <c r="HF6" s="379" t="s">
        <v>45</v>
      </c>
      <c r="HG6" s="380" t="s">
        <v>83</v>
      </c>
      <c r="HH6" s="372" t="s">
        <v>47</v>
      </c>
      <c r="HI6" s="372" t="s">
        <v>48</v>
      </c>
      <c r="HJ6" s="372" t="s">
        <v>49</v>
      </c>
      <c r="HK6" s="372" t="s">
        <v>50</v>
      </c>
      <c r="HL6" s="372" t="s">
        <v>51</v>
      </c>
      <c r="HM6" s="381" t="s">
        <v>45</v>
      </c>
      <c r="HN6" s="729"/>
      <c r="HO6" s="371" t="s">
        <v>119</v>
      </c>
      <c r="HP6" s="372" t="s">
        <v>44</v>
      </c>
      <c r="HQ6" s="379" t="s">
        <v>45</v>
      </c>
      <c r="HR6" s="380" t="s">
        <v>83</v>
      </c>
      <c r="HS6" s="372" t="s">
        <v>47</v>
      </c>
      <c r="HT6" s="372" t="s">
        <v>48</v>
      </c>
      <c r="HU6" s="372" t="s">
        <v>49</v>
      </c>
      <c r="HV6" s="372" t="s">
        <v>50</v>
      </c>
      <c r="HW6" s="372" t="s">
        <v>51</v>
      </c>
      <c r="HX6" s="381" t="s">
        <v>45</v>
      </c>
      <c r="HY6" s="729"/>
    </row>
    <row r="7" spans="2:233" s="490" customFormat="1" ht="21" customHeight="1" x14ac:dyDescent="0.2">
      <c r="B7" s="481" t="s">
        <v>4</v>
      </c>
      <c r="C7" s="482">
        <v>22215</v>
      </c>
      <c r="D7" s="483">
        <v>96973</v>
      </c>
      <c r="E7" s="484">
        <v>119188</v>
      </c>
      <c r="F7" s="485">
        <v>0</v>
      </c>
      <c r="G7" s="483">
        <v>16998280</v>
      </c>
      <c r="H7" s="483">
        <v>39785767</v>
      </c>
      <c r="I7" s="483">
        <v>119610079</v>
      </c>
      <c r="J7" s="483">
        <v>157405484</v>
      </c>
      <c r="K7" s="483">
        <v>100781852</v>
      </c>
      <c r="L7" s="486">
        <v>434581462</v>
      </c>
      <c r="M7" s="487">
        <v>434700650</v>
      </c>
      <c r="N7" s="482">
        <v>0</v>
      </c>
      <c r="O7" s="483">
        <v>0</v>
      </c>
      <c r="P7" s="484">
        <v>0</v>
      </c>
      <c r="Q7" s="488"/>
      <c r="R7" s="483">
        <v>4544075</v>
      </c>
      <c r="S7" s="483">
        <v>12957490</v>
      </c>
      <c r="T7" s="483">
        <v>81546398</v>
      </c>
      <c r="U7" s="483">
        <v>114874497</v>
      </c>
      <c r="V7" s="483">
        <v>76943424</v>
      </c>
      <c r="W7" s="486">
        <v>290865884</v>
      </c>
      <c r="X7" s="487">
        <v>290865884</v>
      </c>
      <c r="Y7" s="482">
        <v>0</v>
      </c>
      <c r="Z7" s="483">
        <v>0</v>
      </c>
      <c r="AA7" s="484">
        <v>0</v>
      </c>
      <c r="AB7" s="488"/>
      <c r="AC7" s="483">
        <v>10418682</v>
      </c>
      <c r="AD7" s="483">
        <v>21985825</v>
      </c>
      <c r="AE7" s="483">
        <v>27230511</v>
      </c>
      <c r="AF7" s="483">
        <v>30737271</v>
      </c>
      <c r="AG7" s="483">
        <v>15196512</v>
      </c>
      <c r="AH7" s="486">
        <v>105568801</v>
      </c>
      <c r="AI7" s="487">
        <v>105568801</v>
      </c>
      <c r="AJ7" s="482">
        <v>0</v>
      </c>
      <c r="AK7" s="483">
        <v>0</v>
      </c>
      <c r="AL7" s="484">
        <v>0</v>
      </c>
      <c r="AM7" s="488"/>
      <c r="AN7" s="483">
        <v>0</v>
      </c>
      <c r="AO7" s="483">
        <v>0</v>
      </c>
      <c r="AP7" s="483">
        <v>18535</v>
      </c>
      <c r="AQ7" s="483">
        <v>756540</v>
      </c>
      <c r="AR7" s="483">
        <v>897205</v>
      </c>
      <c r="AS7" s="486">
        <v>1672280</v>
      </c>
      <c r="AT7" s="487">
        <v>1672280</v>
      </c>
      <c r="AU7" s="482">
        <v>0</v>
      </c>
      <c r="AV7" s="483">
        <v>0</v>
      </c>
      <c r="AW7" s="484">
        <v>0</v>
      </c>
      <c r="AX7" s="488"/>
      <c r="AY7" s="483">
        <v>122760</v>
      </c>
      <c r="AZ7" s="483">
        <v>203595</v>
      </c>
      <c r="BA7" s="483">
        <v>406045</v>
      </c>
      <c r="BB7" s="483">
        <v>1791380</v>
      </c>
      <c r="BC7" s="483">
        <v>2735099</v>
      </c>
      <c r="BD7" s="486">
        <v>5258879</v>
      </c>
      <c r="BE7" s="487">
        <v>5258879</v>
      </c>
      <c r="BF7" s="482">
        <v>0</v>
      </c>
      <c r="BG7" s="483">
        <v>0</v>
      </c>
      <c r="BH7" s="484">
        <v>0</v>
      </c>
      <c r="BI7" s="488"/>
      <c r="BJ7" s="483">
        <v>130665</v>
      </c>
      <c r="BK7" s="483">
        <v>297290</v>
      </c>
      <c r="BL7" s="483">
        <v>1563325</v>
      </c>
      <c r="BM7" s="483">
        <v>1942030</v>
      </c>
      <c r="BN7" s="483">
        <v>1291215</v>
      </c>
      <c r="BO7" s="486">
        <v>5224525</v>
      </c>
      <c r="BP7" s="487">
        <v>5224525</v>
      </c>
      <c r="BQ7" s="482">
        <v>22215</v>
      </c>
      <c r="BR7" s="483">
        <v>96973</v>
      </c>
      <c r="BS7" s="484">
        <v>119188</v>
      </c>
      <c r="BT7" s="485">
        <v>0</v>
      </c>
      <c r="BU7" s="483">
        <v>1697790</v>
      </c>
      <c r="BV7" s="483">
        <v>4126150</v>
      </c>
      <c r="BW7" s="483">
        <v>8549732</v>
      </c>
      <c r="BX7" s="483">
        <v>6935607</v>
      </c>
      <c r="BY7" s="483">
        <v>3471270</v>
      </c>
      <c r="BZ7" s="486">
        <v>24780549</v>
      </c>
      <c r="CA7" s="487">
        <v>24899737</v>
      </c>
      <c r="CB7" s="482">
        <v>0</v>
      </c>
      <c r="CC7" s="483">
        <v>0</v>
      </c>
      <c r="CD7" s="484">
        <v>0</v>
      </c>
      <c r="CE7" s="485">
        <v>0</v>
      </c>
      <c r="CF7" s="483">
        <v>84308</v>
      </c>
      <c r="CG7" s="483">
        <v>215417</v>
      </c>
      <c r="CH7" s="483">
        <v>294953</v>
      </c>
      <c r="CI7" s="483">
        <v>368159</v>
      </c>
      <c r="CJ7" s="483">
        <v>247127</v>
      </c>
      <c r="CK7" s="486">
        <v>1209964</v>
      </c>
      <c r="CL7" s="487">
        <v>1209964</v>
      </c>
      <c r="CM7" s="482">
        <v>0</v>
      </c>
      <c r="CN7" s="483">
        <v>0</v>
      </c>
      <c r="CO7" s="484">
        <v>0</v>
      </c>
      <c r="CP7" s="485">
        <v>0</v>
      </c>
      <c r="CQ7" s="483">
        <v>0</v>
      </c>
      <c r="CR7" s="483">
        <v>0</v>
      </c>
      <c r="CS7" s="483">
        <v>0</v>
      </c>
      <c r="CT7" s="483">
        <v>0</v>
      </c>
      <c r="CU7" s="483">
        <v>0</v>
      </c>
      <c r="CV7" s="486">
        <v>0</v>
      </c>
      <c r="CW7" s="487">
        <v>0</v>
      </c>
      <c r="CX7" s="482">
        <v>0</v>
      </c>
      <c r="CY7" s="483">
        <v>0</v>
      </c>
      <c r="CZ7" s="484">
        <v>0</v>
      </c>
      <c r="DA7" s="488"/>
      <c r="DB7" s="483">
        <v>0</v>
      </c>
      <c r="DC7" s="483">
        <v>0</v>
      </c>
      <c r="DD7" s="483">
        <v>580</v>
      </c>
      <c r="DE7" s="483">
        <v>0</v>
      </c>
      <c r="DF7" s="483">
        <v>0</v>
      </c>
      <c r="DG7" s="486">
        <v>580</v>
      </c>
      <c r="DH7" s="487">
        <v>580</v>
      </c>
      <c r="DI7" s="482">
        <v>32100</v>
      </c>
      <c r="DJ7" s="483">
        <v>160946</v>
      </c>
      <c r="DK7" s="484">
        <v>193046</v>
      </c>
      <c r="DL7" s="485">
        <v>0</v>
      </c>
      <c r="DM7" s="483">
        <v>11345925</v>
      </c>
      <c r="DN7" s="483">
        <v>31612102</v>
      </c>
      <c r="DO7" s="483">
        <v>128801858</v>
      </c>
      <c r="DP7" s="483">
        <v>166070979</v>
      </c>
      <c r="DQ7" s="483">
        <v>104794483</v>
      </c>
      <c r="DR7" s="486">
        <v>442625347</v>
      </c>
      <c r="DS7" s="489">
        <v>442818393</v>
      </c>
      <c r="DT7" s="482">
        <v>0</v>
      </c>
      <c r="DU7" s="483">
        <v>0</v>
      </c>
      <c r="DV7" s="484">
        <v>0</v>
      </c>
      <c r="DW7" s="488"/>
      <c r="DX7" s="483">
        <v>5919456</v>
      </c>
      <c r="DY7" s="483">
        <v>18787959</v>
      </c>
      <c r="DZ7" s="483">
        <v>106638152</v>
      </c>
      <c r="EA7" s="483">
        <v>144803492</v>
      </c>
      <c r="EB7" s="483">
        <v>92663031</v>
      </c>
      <c r="EC7" s="486">
        <v>368812090</v>
      </c>
      <c r="ED7" s="487">
        <v>368812090</v>
      </c>
      <c r="EE7" s="482">
        <v>0</v>
      </c>
      <c r="EF7" s="483">
        <v>0</v>
      </c>
      <c r="EG7" s="484">
        <v>0</v>
      </c>
      <c r="EH7" s="488"/>
      <c r="EI7" s="483">
        <v>2460039</v>
      </c>
      <c r="EJ7" s="483">
        <v>5687117</v>
      </c>
      <c r="EK7" s="483">
        <v>6622894</v>
      </c>
      <c r="EL7" s="483">
        <v>6786078</v>
      </c>
      <c r="EM7" s="483">
        <v>3977168</v>
      </c>
      <c r="EN7" s="486">
        <v>25533296</v>
      </c>
      <c r="EO7" s="487">
        <v>25533296</v>
      </c>
      <c r="EP7" s="482">
        <v>0</v>
      </c>
      <c r="EQ7" s="483">
        <v>0</v>
      </c>
      <c r="ER7" s="484">
        <v>0</v>
      </c>
      <c r="ES7" s="488"/>
      <c r="ET7" s="483">
        <v>0</v>
      </c>
      <c r="EU7" s="483">
        <v>0</v>
      </c>
      <c r="EV7" s="483">
        <v>23591</v>
      </c>
      <c r="EW7" s="483">
        <v>134780</v>
      </c>
      <c r="EX7" s="483">
        <v>185665</v>
      </c>
      <c r="EY7" s="486">
        <v>344036</v>
      </c>
      <c r="EZ7" s="487">
        <v>344036</v>
      </c>
      <c r="FA7" s="482">
        <v>0</v>
      </c>
      <c r="FB7" s="483">
        <v>0</v>
      </c>
      <c r="FC7" s="484">
        <v>0</v>
      </c>
      <c r="FD7" s="488"/>
      <c r="FE7" s="483">
        <v>12395</v>
      </c>
      <c r="FF7" s="483">
        <v>48197</v>
      </c>
      <c r="FG7" s="483">
        <v>61522</v>
      </c>
      <c r="FH7" s="483">
        <v>275928</v>
      </c>
      <c r="FI7" s="483">
        <v>416481</v>
      </c>
      <c r="FJ7" s="486">
        <v>814523</v>
      </c>
      <c r="FK7" s="487">
        <v>814523</v>
      </c>
      <c r="FL7" s="482">
        <v>0</v>
      </c>
      <c r="FM7" s="483">
        <v>0</v>
      </c>
      <c r="FN7" s="484">
        <v>0</v>
      </c>
      <c r="FO7" s="488"/>
      <c r="FP7" s="483">
        <v>196602</v>
      </c>
      <c r="FQ7" s="483">
        <v>385020</v>
      </c>
      <c r="FR7" s="483">
        <v>2634537</v>
      </c>
      <c r="FS7" s="483">
        <v>3584494</v>
      </c>
      <c r="FT7" s="483">
        <v>2071845</v>
      </c>
      <c r="FU7" s="486">
        <v>8872498</v>
      </c>
      <c r="FV7" s="487">
        <v>8872498</v>
      </c>
      <c r="FW7" s="482">
        <v>32100</v>
      </c>
      <c r="FX7" s="483">
        <v>160946</v>
      </c>
      <c r="FY7" s="484">
        <v>193046</v>
      </c>
      <c r="FZ7" s="485">
        <v>0</v>
      </c>
      <c r="GA7" s="483">
        <v>2696782</v>
      </c>
      <c r="GB7" s="483">
        <v>6590178</v>
      </c>
      <c r="GC7" s="483">
        <v>12635402</v>
      </c>
      <c r="GD7" s="483">
        <v>10257740</v>
      </c>
      <c r="GE7" s="483">
        <v>5324826</v>
      </c>
      <c r="GF7" s="486">
        <v>37504928</v>
      </c>
      <c r="GG7" s="487">
        <v>37697974</v>
      </c>
      <c r="GH7" s="482">
        <v>0</v>
      </c>
      <c r="GI7" s="483">
        <v>0</v>
      </c>
      <c r="GJ7" s="484">
        <v>0</v>
      </c>
      <c r="GK7" s="485">
        <v>0</v>
      </c>
      <c r="GL7" s="483">
        <v>60651</v>
      </c>
      <c r="GM7" s="483">
        <v>113631</v>
      </c>
      <c r="GN7" s="483">
        <v>185725</v>
      </c>
      <c r="GO7" s="483">
        <v>228467</v>
      </c>
      <c r="GP7" s="483">
        <v>155467</v>
      </c>
      <c r="GQ7" s="486">
        <v>743941</v>
      </c>
      <c r="GR7" s="487">
        <v>743941</v>
      </c>
      <c r="GS7" s="482">
        <v>0</v>
      </c>
      <c r="GT7" s="483">
        <v>0</v>
      </c>
      <c r="GU7" s="484">
        <v>0</v>
      </c>
      <c r="GV7" s="485">
        <v>0</v>
      </c>
      <c r="GW7" s="483">
        <v>0</v>
      </c>
      <c r="GX7" s="483">
        <v>0</v>
      </c>
      <c r="GY7" s="483">
        <v>0</v>
      </c>
      <c r="GZ7" s="483">
        <v>0</v>
      </c>
      <c r="HA7" s="483">
        <v>0</v>
      </c>
      <c r="HB7" s="486">
        <v>0</v>
      </c>
      <c r="HC7" s="487">
        <v>0</v>
      </c>
      <c r="HD7" s="482">
        <v>0</v>
      </c>
      <c r="HE7" s="483">
        <v>0</v>
      </c>
      <c r="HF7" s="484">
        <v>0</v>
      </c>
      <c r="HG7" s="488"/>
      <c r="HH7" s="483">
        <v>0</v>
      </c>
      <c r="HI7" s="483">
        <v>0</v>
      </c>
      <c r="HJ7" s="483">
        <v>35</v>
      </c>
      <c r="HK7" s="483">
        <v>0</v>
      </c>
      <c r="HL7" s="483">
        <v>0</v>
      </c>
      <c r="HM7" s="486">
        <v>35</v>
      </c>
      <c r="HN7" s="487">
        <v>35</v>
      </c>
      <c r="HO7" s="482">
        <v>54315</v>
      </c>
      <c r="HP7" s="483">
        <v>257919</v>
      </c>
      <c r="HQ7" s="484">
        <v>312234</v>
      </c>
      <c r="HR7" s="485">
        <v>0</v>
      </c>
      <c r="HS7" s="483">
        <v>28344205</v>
      </c>
      <c r="HT7" s="483">
        <v>71397869</v>
      </c>
      <c r="HU7" s="483">
        <v>248411937</v>
      </c>
      <c r="HV7" s="483">
        <v>323476463</v>
      </c>
      <c r="HW7" s="483">
        <v>205576335</v>
      </c>
      <c r="HX7" s="486">
        <v>877206809</v>
      </c>
      <c r="HY7" s="487">
        <v>877519043</v>
      </c>
    </row>
    <row r="8" spans="2:233" s="490" customFormat="1" ht="21" customHeight="1" x14ac:dyDescent="0.2">
      <c r="B8" s="491" t="s">
        <v>5</v>
      </c>
      <c r="C8" s="492">
        <v>7020</v>
      </c>
      <c r="D8" s="493">
        <v>45382</v>
      </c>
      <c r="E8" s="494">
        <v>52402</v>
      </c>
      <c r="F8" s="495">
        <v>0</v>
      </c>
      <c r="G8" s="493">
        <v>6787111</v>
      </c>
      <c r="H8" s="493">
        <v>19866488</v>
      </c>
      <c r="I8" s="493">
        <v>50235285</v>
      </c>
      <c r="J8" s="493">
        <v>66070050</v>
      </c>
      <c r="K8" s="493">
        <v>42436442</v>
      </c>
      <c r="L8" s="496">
        <v>185395376</v>
      </c>
      <c r="M8" s="497">
        <v>185447778</v>
      </c>
      <c r="N8" s="492">
        <v>0</v>
      </c>
      <c r="O8" s="493">
        <v>0</v>
      </c>
      <c r="P8" s="494">
        <v>0</v>
      </c>
      <c r="Q8" s="498"/>
      <c r="R8" s="493">
        <v>2469050</v>
      </c>
      <c r="S8" s="493">
        <v>8353184</v>
      </c>
      <c r="T8" s="493">
        <v>34752160</v>
      </c>
      <c r="U8" s="493">
        <v>49717786</v>
      </c>
      <c r="V8" s="493">
        <v>32508575</v>
      </c>
      <c r="W8" s="496">
        <v>127800755</v>
      </c>
      <c r="X8" s="497">
        <v>127800755</v>
      </c>
      <c r="Y8" s="492">
        <v>0</v>
      </c>
      <c r="Z8" s="493">
        <v>0</v>
      </c>
      <c r="AA8" s="494">
        <v>0</v>
      </c>
      <c r="AB8" s="498"/>
      <c r="AC8" s="493">
        <v>3736151</v>
      </c>
      <c r="AD8" s="493">
        <v>9581521</v>
      </c>
      <c r="AE8" s="493">
        <v>11580050</v>
      </c>
      <c r="AF8" s="493">
        <v>12846042</v>
      </c>
      <c r="AG8" s="493">
        <v>7168142</v>
      </c>
      <c r="AH8" s="496">
        <v>44911906</v>
      </c>
      <c r="AI8" s="497">
        <v>44911906</v>
      </c>
      <c r="AJ8" s="492">
        <v>0</v>
      </c>
      <c r="AK8" s="493">
        <v>0</v>
      </c>
      <c r="AL8" s="494">
        <v>0</v>
      </c>
      <c r="AM8" s="498"/>
      <c r="AN8" s="493">
        <v>0</v>
      </c>
      <c r="AO8" s="493">
        <v>0</v>
      </c>
      <c r="AP8" s="493">
        <v>0</v>
      </c>
      <c r="AQ8" s="493">
        <v>152735</v>
      </c>
      <c r="AR8" s="493">
        <v>275765</v>
      </c>
      <c r="AS8" s="496">
        <v>428500</v>
      </c>
      <c r="AT8" s="497">
        <v>428500</v>
      </c>
      <c r="AU8" s="492">
        <v>0</v>
      </c>
      <c r="AV8" s="493">
        <v>0</v>
      </c>
      <c r="AW8" s="494">
        <v>0</v>
      </c>
      <c r="AX8" s="498"/>
      <c r="AY8" s="493">
        <v>0</v>
      </c>
      <c r="AZ8" s="493">
        <v>97420</v>
      </c>
      <c r="BA8" s="493">
        <v>76570</v>
      </c>
      <c r="BB8" s="493">
        <v>357465</v>
      </c>
      <c r="BC8" s="493">
        <v>561850</v>
      </c>
      <c r="BD8" s="496">
        <v>1093305</v>
      </c>
      <c r="BE8" s="497">
        <v>1093305</v>
      </c>
      <c r="BF8" s="492">
        <v>0</v>
      </c>
      <c r="BG8" s="493">
        <v>0</v>
      </c>
      <c r="BH8" s="494">
        <v>0</v>
      </c>
      <c r="BI8" s="498"/>
      <c r="BJ8" s="493">
        <v>100750</v>
      </c>
      <c r="BK8" s="493">
        <v>109275</v>
      </c>
      <c r="BL8" s="493">
        <v>301105</v>
      </c>
      <c r="BM8" s="493">
        <v>201190</v>
      </c>
      <c r="BN8" s="493">
        <v>138725</v>
      </c>
      <c r="BO8" s="496">
        <v>851045</v>
      </c>
      <c r="BP8" s="497">
        <v>851045</v>
      </c>
      <c r="BQ8" s="492">
        <v>7020</v>
      </c>
      <c r="BR8" s="493">
        <v>45382</v>
      </c>
      <c r="BS8" s="494">
        <v>52402</v>
      </c>
      <c r="BT8" s="495">
        <v>0</v>
      </c>
      <c r="BU8" s="493">
        <v>433558</v>
      </c>
      <c r="BV8" s="493">
        <v>1598631</v>
      </c>
      <c r="BW8" s="493">
        <v>3327013</v>
      </c>
      <c r="BX8" s="493">
        <v>2577952</v>
      </c>
      <c r="BY8" s="493">
        <v>1626666</v>
      </c>
      <c r="BZ8" s="496">
        <v>9563820</v>
      </c>
      <c r="CA8" s="497">
        <v>9616222</v>
      </c>
      <c r="CB8" s="492">
        <v>0</v>
      </c>
      <c r="CC8" s="493">
        <v>0</v>
      </c>
      <c r="CD8" s="494">
        <v>0</v>
      </c>
      <c r="CE8" s="495">
        <v>0</v>
      </c>
      <c r="CF8" s="493">
        <v>47602</v>
      </c>
      <c r="CG8" s="493">
        <v>126457</v>
      </c>
      <c r="CH8" s="493">
        <v>198387</v>
      </c>
      <c r="CI8" s="493">
        <v>216880</v>
      </c>
      <c r="CJ8" s="493">
        <v>156719</v>
      </c>
      <c r="CK8" s="496">
        <v>746045</v>
      </c>
      <c r="CL8" s="497">
        <v>746045</v>
      </c>
      <c r="CM8" s="492">
        <v>0</v>
      </c>
      <c r="CN8" s="493">
        <v>0</v>
      </c>
      <c r="CO8" s="494">
        <v>0</v>
      </c>
      <c r="CP8" s="495">
        <v>0</v>
      </c>
      <c r="CQ8" s="493">
        <v>0</v>
      </c>
      <c r="CR8" s="493">
        <v>0</v>
      </c>
      <c r="CS8" s="493">
        <v>0</v>
      </c>
      <c r="CT8" s="493">
        <v>0</v>
      </c>
      <c r="CU8" s="493">
        <v>0</v>
      </c>
      <c r="CV8" s="496">
        <v>0</v>
      </c>
      <c r="CW8" s="497">
        <v>0</v>
      </c>
      <c r="CX8" s="492">
        <v>0</v>
      </c>
      <c r="CY8" s="493">
        <v>0</v>
      </c>
      <c r="CZ8" s="494">
        <v>0</v>
      </c>
      <c r="DA8" s="498"/>
      <c r="DB8" s="493">
        <v>0</v>
      </c>
      <c r="DC8" s="493">
        <v>0</v>
      </c>
      <c r="DD8" s="493">
        <v>0</v>
      </c>
      <c r="DE8" s="493">
        <v>0</v>
      </c>
      <c r="DF8" s="493">
        <v>0</v>
      </c>
      <c r="DG8" s="496">
        <v>0</v>
      </c>
      <c r="DH8" s="497">
        <v>0</v>
      </c>
      <c r="DI8" s="492">
        <v>11704</v>
      </c>
      <c r="DJ8" s="493">
        <v>63027</v>
      </c>
      <c r="DK8" s="494">
        <v>74731</v>
      </c>
      <c r="DL8" s="495">
        <v>0</v>
      </c>
      <c r="DM8" s="493">
        <v>5778478</v>
      </c>
      <c r="DN8" s="493">
        <v>18332256</v>
      </c>
      <c r="DO8" s="493">
        <v>55855376</v>
      </c>
      <c r="DP8" s="493">
        <v>71526714</v>
      </c>
      <c r="DQ8" s="493">
        <v>46385871</v>
      </c>
      <c r="DR8" s="496">
        <v>197878695</v>
      </c>
      <c r="DS8" s="499">
        <v>197953426</v>
      </c>
      <c r="DT8" s="492">
        <v>0</v>
      </c>
      <c r="DU8" s="493">
        <v>0</v>
      </c>
      <c r="DV8" s="494">
        <v>0</v>
      </c>
      <c r="DW8" s="498"/>
      <c r="DX8" s="493">
        <v>3579717</v>
      </c>
      <c r="DY8" s="493">
        <v>12154881</v>
      </c>
      <c r="DZ8" s="493">
        <v>46627805</v>
      </c>
      <c r="EA8" s="493">
        <v>63534315</v>
      </c>
      <c r="EB8" s="493">
        <v>40793102</v>
      </c>
      <c r="EC8" s="496">
        <v>166689820</v>
      </c>
      <c r="ED8" s="497">
        <v>166689820</v>
      </c>
      <c r="EE8" s="492">
        <v>0</v>
      </c>
      <c r="EF8" s="493">
        <v>0</v>
      </c>
      <c r="EG8" s="494">
        <v>0</v>
      </c>
      <c r="EH8" s="498"/>
      <c r="EI8" s="493">
        <v>1221393</v>
      </c>
      <c r="EJ8" s="493">
        <v>3093608</v>
      </c>
      <c r="EK8" s="493">
        <v>3633183</v>
      </c>
      <c r="EL8" s="493">
        <v>3432172</v>
      </c>
      <c r="EM8" s="493">
        <v>2510438</v>
      </c>
      <c r="EN8" s="496">
        <v>13890794</v>
      </c>
      <c r="EO8" s="497">
        <v>13890794</v>
      </c>
      <c r="EP8" s="492">
        <v>0</v>
      </c>
      <c r="EQ8" s="493">
        <v>0</v>
      </c>
      <c r="ER8" s="494">
        <v>0</v>
      </c>
      <c r="ES8" s="498"/>
      <c r="ET8" s="493">
        <v>0</v>
      </c>
      <c r="EU8" s="493">
        <v>0</v>
      </c>
      <c r="EV8" s="493">
        <v>11470</v>
      </c>
      <c r="EW8" s="493">
        <v>25474</v>
      </c>
      <c r="EX8" s="493">
        <v>27539</v>
      </c>
      <c r="EY8" s="496">
        <v>64483</v>
      </c>
      <c r="EZ8" s="497">
        <v>64483</v>
      </c>
      <c r="FA8" s="492">
        <v>0</v>
      </c>
      <c r="FB8" s="493">
        <v>0</v>
      </c>
      <c r="FC8" s="494">
        <v>0</v>
      </c>
      <c r="FD8" s="498"/>
      <c r="FE8" s="493">
        <v>0</v>
      </c>
      <c r="FF8" s="493">
        <v>23738</v>
      </c>
      <c r="FG8" s="493">
        <v>12338</v>
      </c>
      <c r="FH8" s="493">
        <v>51844</v>
      </c>
      <c r="FI8" s="493">
        <v>145500</v>
      </c>
      <c r="FJ8" s="496">
        <v>233420</v>
      </c>
      <c r="FK8" s="497">
        <v>233420</v>
      </c>
      <c r="FL8" s="492">
        <v>0</v>
      </c>
      <c r="FM8" s="493">
        <v>0</v>
      </c>
      <c r="FN8" s="494">
        <v>0</v>
      </c>
      <c r="FO8" s="498"/>
      <c r="FP8" s="493">
        <v>131874</v>
      </c>
      <c r="FQ8" s="493">
        <v>123070</v>
      </c>
      <c r="FR8" s="493">
        <v>451546</v>
      </c>
      <c r="FS8" s="493">
        <v>362824</v>
      </c>
      <c r="FT8" s="493">
        <v>239754</v>
      </c>
      <c r="FU8" s="496">
        <v>1309068</v>
      </c>
      <c r="FV8" s="497">
        <v>1309068</v>
      </c>
      <c r="FW8" s="492">
        <v>11704</v>
      </c>
      <c r="FX8" s="493">
        <v>63027</v>
      </c>
      <c r="FY8" s="494">
        <v>74731</v>
      </c>
      <c r="FZ8" s="495">
        <v>0</v>
      </c>
      <c r="GA8" s="493">
        <v>800401</v>
      </c>
      <c r="GB8" s="493">
        <v>2863236</v>
      </c>
      <c r="GC8" s="493">
        <v>4999547</v>
      </c>
      <c r="GD8" s="493">
        <v>4021023</v>
      </c>
      <c r="GE8" s="493">
        <v>2548994</v>
      </c>
      <c r="GF8" s="496">
        <v>15233201</v>
      </c>
      <c r="GG8" s="497">
        <v>15307932</v>
      </c>
      <c r="GH8" s="492">
        <v>0</v>
      </c>
      <c r="GI8" s="493">
        <v>0</v>
      </c>
      <c r="GJ8" s="494">
        <v>0</v>
      </c>
      <c r="GK8" s="495">
        <v>0</v>
      </c>
      <c r="GL8" s="493">
        <v>45093</v>
      </c>
      <c r="GM8" s="493">
        <v>73723</v>
      </c>
      <c r="GN8" s="493">
        <v>119487</v>
      </c>
      <c r="GO8" s="493">
        <v>99062</v>
      </c>
      <c r="GP8" s="493">
        <v>120544</v>
      </c>
      <c r="GQ8" s="496">
        <v>457909</v>
      </c>
      <c r="GR8" s="497">
        <v>457909</v>
      </c>
      <c r="GS8" s="492">
        <v>0</v>
      </c>
      <c r="GT8" s="493">
        <v>0</v>
      </c>
      <c r="GU8" s="494">
        <v>0</v>
      </c>
      <c r="GV8" s="495">
        <v>0</v>
      </c>
      <c r="GW8" s="493">
        <v>0</v>
      </c>
      <c r="GX8" s="493">
        <v>0</v>
      </c>
      <c r="GY8" s="493">
        <v>0</v>
      </c>
      <c r="GZ8" s="493">
        <v>0</v>
      </c>
      <c r="HA8" s="493">
        <v>0</v>
      </c>
      <c r="HB8" s="496">
        <v>0</v>
      </c>
      <c r="HC8" s="497">
        <v>0</v>
      </c>
      <c r="HD8" s="492">
        <v>0</v>
      </c>
      <c r="HE8" s="493">
        <v>0</v>
      </c>
      <c r="HF8" s="494">
        <v>0</v>
      </c>
      <c r="HG8" s="498"/>
      <c r="HH8" s="493">
        <v>0</v>
      </c>
      <c r="HI8" s="493">
        <v>0</v>
      </c>
      <c r="HJ8" s="493">
        <v>0</v>
      </c>
      <c r="HK8" s="493">
        <v>0</v>
      </c>
      <c r="HL8" s="493">
        <v>0</v>
      </c>
      <c r="HM8" s="496">
        <v>0</v>
      </c>
      <c r="HN8" s="497">
        <v>0</v>
      </c>
      <c r="HO8" s="492">
        <v>18724</v>
      </c>
      <c r="HP8" s="493">
        <v>108409</v>
      </c>
      <c r="HQ8" s="494">
        <v>127133</v>
      </c>
      <c r="HR8" s="495">
        <v>0</v>
      </c>
      <c r="HS8" s="493">
        <v>12565589</v>
      </c>
      <c r="HT8" s="493">
        <v>38198744</v>
      </c>
      <c r="HU8" s="493">
        <v>106090661</v>
      </c>
      <c r="HV8" s="493">
        <v>137596764</v>
      </c>
      <c r="HW8" s="493">
        <v>88822313</v>
      </c>
      <c r="HX8" s="496">
        <v>383274071</v>
      </c>
      <c r="HY8" s="497">
        <v>383401204</v>
      </c>
    </row>
    <row r="9" spans="2:233" ht="21" customHeight="1" x14ac:dyDescent="0.2">
      <c r="B9" s="292" t="s">
        <v>6</v>
      </c>
      <c r="C9" s="294">
        <v>0</v>
      </c>
      <c r="D9" s="295">
        <v>11976</v>
      </c>
      <c r="E9" s="296">
        <v>11976</v>
      </c>
      <c r="F9" s="297">
        <v>0</v>
      </c>
      <c r="G9" s="295">
        <v>2615619</v>
      </c>
      <c r="H9" s="295">
        <v>4437802</v>
      </c>
      <c r="I9" s="295">
        <v>15854538</v>
      </c>
      <c r="J9" s="295">
        <v>22581819</v>
      </c>
      <c r="K9" s="295">
        <v>14767421</v>
      </c>
      <c r="L9" s="298">
        <v>60257199</v>
      </c>
      <c r="M9" s="299">
        <v>60269175</v>
      </c>
      <c r="N9" s="294">
        <v>0</v>
      </c>
      <c r="O9" s="295">
        <v>0</v>
      </c>
      <c r="P9" s="296">
        <v>0</v>
      </c>
      <c r="Q9" s="300"/>
      <c r="R9" s="295">
        <v>1113165</v>
      </c>
      <c r="S9" s="295">
        <v>1394520</v>
      </c>
      <c r="T9" s="295">
        <v>11122102</v>
      </c>
      <c r="U9" s="295">
        <v>15467262</v>
      </c>
      <c r="V9" s="295">
        <v>10940685</v>
      </c>
      <c r="W9" s="298">
        <v>40037734</v>
      </c>
      <c r="X9" s="299">
        <v>40037734</v>
      </c>
      <c r="Y9" s="294">
        <v>0</v>
      </c>
      <c r="Z9" s="295">
        <v>0</v>
      </c>
      <c r="AA9" s="296">
        <v>0</v>
      </c>
      <c r="AB9" s="300"/>
      <c r="AC9" s="295">
        <v>1186780</v>
      </c>
      <c r="AD9" s="295">
        <v>2481420</v>
      </c>
      <c r="AE9" s="295">
        <v>3522958</v>
      </c>
      <c r="AF9" s="295">
        <v>4928694</v>
      </c>
      <c r="AG9" s="295">
        <v>2384465</v>
      </c>
      <c r="AH9" s="298">
        <v>14504317</v>
      </c>
      <c r="AI9" s="299">
        <v>14504317</v>
      </c>
      <c r="AJ9" s="294">
        <v>0</v>
      </c>
      <c r="AK9" s="295">
        <v>0</v>
      </c>
      <c r="AL9" s="296">
        <v>0</v>
      </c>
      <c r="AM9" s="300"/>
      <c r="AN9" s="295">
        <v>0</v>
      </c>
      <c r="AO9" s="295">
        <v>0</v>
      </c>
      <c r="AP9" s="295">
        <v>15900</v>
      </c>
      <c r="AQ9" s="295">
        <v>338510</v>
      </c>
      <c r="AR9" s="295">
        <v>356095</v>
      </c>
      <c r="AS9" s="298">
        <v>710505</v>
      </c>
      <c r="AT9" s="299">
        <v>710505</v>
      </c>
      <c r="AU9" s="294">
        <v>0</v>
      </c>
      <c r="AV9" s="295">
        <v>0</v>
      </c>
      <c r="AW9" s="296">
        <v>0</v>
      </c>
      <c r="AX9" s="300"/>
      <c r="AY9" s="295">
        <v>0</v>
      </c>
      <c r="AZ9" s="295">
        <v>0</v>
      </c>
      <c r="BA9" s="295">
        <v>7905</v>
      </c>
      <c r="BB9" s="295">
        <v>271785</v>
      </c>
      <c r="BC9" s="295">
        <v>361299</v>
      </c>
      <c r="BD9" s="298">
        <v>640989</v>
      </c>
      <c r="BE9" s="299">
        <v>640989</v>
      </c>
      <c r="BF9" s="294">
        <v>0</v>
      </c>
      <c r="BG9" s="295">
        <v>0</v>
      </c>
      <c r="BH9" s="296">
        <v>0</v>
      </c>
      <c r="BI9" s="300"/>
      <c r="BJ9" s="295">
        <v>29915</v>
      </c>
      <c r="BK9" s="295">
        <v>100905</v>
      </c>
      <c r="BL9" s="295">
        <v>312335</v>
      </c>
      <c r="BM9" s="295">
        <v>464035</v>
      </c>
      <c r="BN9" s="295">
        <v>255395</v>
      </c>
      <c r="BO9" s="298">
        <v>1162585</v>
      </c>
      <c r="BP9" s="299">
        <v>1162585</v>
      </c>
      <c r="BQ9" s="294">
        <v>0</v>
      </c>
      <c r="BR9" s="295">
        <v>11976</v>
      </c>
      <c r="BS9" s="296">
        <v>11976</v>
      </c>
      <c r="BT9" s="297">
        <v>0</v>
      </c>
      <c r="BU9" s="295">
        <v>280534</v>
      </c>
      <c r="BV9" s="295">
        <v>441907</v>
      </c>
      <c r="BW9" s="295">
        <v>855298</v>
      </c>
      <c r="BX9" s="295">
        <v>1030353</v>
      </c>
      <c r="BY9" s="295">
        <v>438412</v>
      </c>
      <c r="BZ9" s="298">
        <v>3046504</v>
      </c>
      <c r="CA9" s="299">
        <v>3058480</v>
      </c>
      <c r="CB9" s="294">
        <v>0</v>
      </c>
      <c r="CC9" s="295">
        <v>0</v>
      </c>
      <c r="CD9" s="296">
        <v>0</v>
      </c>
      <c r="CE9" s="297">
        <v>0</v>
      </c>
      <c r="CF9" s="295">
        <v>5225</v>
      </c>
      <c r="CG9" s="295">
        <v>19050</v>
      </c>
      <c r="CH9" s="295">
        <v>18040</v>
      </c>
      <c r="CI9" s="295">
        <v>81180</v>
      </c>
      <c r="CJ9" s="295">
        <v>31070</v>
      </c>
      <c r="CK9" s="298">
        <v>154565</v>
      </c>
      <c r="CL9" s="299">
        <v>154565</v>
      </c>
      <c r="CM9" s="294">
        <v>0</v>
      </c>
      <c r="CN9" s="295">
        <v>0</v>
      </c>
      <c r="CO9" s="296">
        <v>0</v>
      </c>
      <c r="CP9" s="297">
        <v>0</v>
      </c>
      <c r="CQ9" s="295">
        <v>0</v>
      </c>
      <c r="CR9" s="295">
        <v>0</v>
      </c>
      <c r="CS9" s="295">
        <v>0</v>
      </c>
      <c r="CT9" s="295">
        <v>0</v>
      </c>
      <c r="CU9" s="295">
        <v>0</v>
      </c>
      <c r="CV9" s="298">
        <v>0</v>
      </c>
      <c r="CW9" s="299">
        <v>0</v>
      </c>
      <c r="CX9" s="294">
        <v>0</v>
      </c>
      <c r="CY9" s="295">
        <v>0</v>
      </c>
      <c r="CZ9" s="296">
        <v>0</v>
      </c>
      <c r="DA9" s="300"/>
      <c r="DB9" s="295">
        <v>0</v>
      </c>
      <c r="DC9" s="295">
        <v>0</v>
      </c>
      <c r="DD9" s="295">
        <v>0</v>
      </c>
      <c r="DE9" s="295">
        <v>0</v>
      </c>
      <c r="DF9" s="295">
        <v>0</v>
      </c>
      <c r="DG9" s="298">
        <v>0</v>
      </c>
      <c r="DH9" s="299">
        <v>0</v>
      </c>
      <c r="DI9" s="294">
        <v>0</v>
      </c>
      <c r="DJ9" s="295">
        <v>23513</v>
      </c>
      <c r="DK9" s="296">
        <v>23513</v>
      </c>
      <c r="DL9" s="297">
        <v>0</v>
      </c>
      <c r="DM9" s="295">
        <v>1629319</v>
      </c>
      <c r="DN9" s="295">
        <v>3330181</v>
      </c>
      <c r="DO9" s="295">
        <v>14855896</v>
      </c>
      <c r="DP9" s="295">
        <v>20367330</v>
      </c>
      <c r="DQ9" s="295">
        <v>12940005</v>
      </c>
      <c r="DR9" s="298">
        <v>53122731</v>
      </c>
      <c r="DS9" s="301">
        <v>53146244</v>
      </c>
      <c r="DT9" s="294">
        <v>0</v>
      </c>
      <c r="DU9" s="295">
        <v>0</v>
      </c>
      <c r="DV9" s="296">
        <v>0</v>
      </c>
      <c r="DW9" s="300"/>
      <c r="DX9" s="295">
        <v>925513</v>
      </c>
      <c r="DY9" s="295">
        <v>1788284</v>
      </c>
      <c r="DZ9" s="295">
        <v>12151235</v>
      </c>
      <c r="EA9" s="295">
        <v>16528431</v>
      </c>
      <c r="EB9" s="295">
        <v>11126521</v>
      </c>
      <c r="EC9" s="298">
        <v>42519984</v>
      </c>
      <c r="ED9" s="299">
        <v>42519984</v>
      </c>
      <c r="EE9" s="294">
        <v>0</v>
      </c>
      <c r="EF9" s="295">
        <v>0</v>
      </c>
      <c r="EG9" s="296">
        <v>0</v>
      </c>
      <c r="EH9" s="300"/>
      <c r="EI9" s="295">
        <v>264913</v>
      </c>
      <c r="EJ9" s="295">
        <v>864917</v>
      </c>
      <c r="EK9" s="295">
        <v>940651</v>
      </c>
      <c r="EL9" s="295">
        <v>1205819</v>
      </c>
      <c r="EM9" s="295">
        <v>545564</v>
      </c>
      <c r="EN9" s="298">
        <v>3821864</v>
      </c>
      <c r="EO9" s="299">
        <v>3821864</v>
      </c>
      <c r="EP9" s="294">
        <v>0</v>
      </c>
      <c r="EQ9" s="295">
        <v>0</v>
      </c>
      <c r="ER9" s="296">
        <v>0</v>
      </c>
      <c r="ES9" s="300"/>
      <c r="ET9" s="295">
        <v>0</v>
      </c>
      <c r="EU9" s="295">
        <v>0</v>
      </c>
      <c r="EV9" s="295">
        <v>11904</v>
      </c>
      <c r="EW9" s="295">
        <v>73811</v>
      </c>
      <c r="EX9" s="295">
        <v>99531</v>
      </c>
      <c r="EY9" s="298">
        <v>185246</v>
      </c>
      <c r="EZ9" s="299">
        <v>185246</v>
      </c>
      <c r="FA9" s="294">
        <v>0</v>
      </c>
      <c r="FB9" s="295">
        <v>0</v>
      </c>
      <c r="FC9" s="296">
        <v>0</v>
      </c>
      <c r="FD9" s="300"/>
      <c r="FE9" s="295">
        <v>0</v>
      </c>
      <c r="FF9" s="295">
        <v>0</v>
      </c>
      <c r="FG9" s="295">
        <v>434</v>
      </c>
      <c r="FH9" s="295">
        <v>60479</v>
      </c>
      <c r="FI9" s="295">
        <v>43224</v>
      </c>
      <c r="FJ9" s="298">
        <v>104137</v>
      </c>
      <c r="FK9" s="299">
        <v>104137</v>
      </c>
      <c r="FL9" s="294">
        <v>0</v>
      </c>
      <c r="FM9" s="295">
        <v>0</v>
      </c>
      <c r="FN9" s="296">
        <v>0</v>
      </c>
      <c r="FO9" s="300"/>
      <c r="FP9" s="295">
        <v>64728</v>
      </c>
      <c r="FQ9" s="295">
        <v>100037</v>
      </c>
      <c r="FR9" s="295">
        <v>522627</v>
      </c>
      <c r="FS9" s="295">
        <v>1087718</v>
      </c>
      <c r="FT9" s="295">
        <v>446897</v>
      </c>
      <c r="FU9" s="298">
        <v>2222007</v>
      </c>
      <c r="FV9" s="299">
        <v>2222007</v>
      </c>
      <c r="FW9" s="294">
        <v>0</v>
      </c>
      <c r="FX9" s="295">
        <v>23513</v>
      </c>
      <c r="FY9" s="296">
        <v>23513</v>
      </c>
      <c r="FZ9" s="297">
        <v>0</v>
      </c>
      <c r="GA9" s="295">
        <v>362385</v>
      </c>
      <c r="GB9" s="295">
        <v>571169</v>
      </c>
      <c r="GC9" s="295">
        <v>1202599</v>
      </c>
      <c r="GD9" s="295">
        <v>1314671</v>
      </c>
      <c r="GE9" s="295">
        <v>661927</v>
      </c>
      <c r="GF9" s="298">
        <v>4112751</v>
      </c>
      <c r="GG9" s="299">
        <v>4136264</v>
      </c>
      <c r="GH9" s="294">
        <v>0</v>
      </c>
      <c r="GI9" s="295">
        <v>0</v>
      </c>
      <c r="GJ9" s="296">
        <v>0</v>
      </c>
      <c r="GK9" s="297">
        <v>0</v>
      </c>
      <c r="GL9" s="295">
        <v>11780</v>
      </c>
      <c r="GM9" s="295">
        <v>5774</v>
      </c>
      <c r="GN9" s="295">
        <v>26446</v>
      </c>
      <c r="GO9" s="295">
        <v>96401</v>
      </c>
      <c r="GP9" s="295">
        <v>16341</v>
      </c>
      <c r="GQ9" s="298">
        <v>156742</v>
      </c>
      <c r="GR9" s="299">
        <v>156742</v>
      </c>
      <c r="GS9" s="294">
        <v>0</v>
      </c>
      <c r="GT9" s="295">
        <v>0</v>
      </c>
      <c r="GU9" s="296">
        <v>0</v>
      </c>
      <c r="GV9" s="297">
        <v>0</v>
      </c>
      <c r="GW9" s="295">
        <v>0</v>
      </c>
      <c r="GX9" s="295">
        <v>0</v>
      </c>
      <c r="GY9" s="295">
        <v>0</v>
      </c>
      <c r="GZ9" s="295">
        <v>0</v>
      </c>
      <c r="HA9" s="295">
        <v>0</v>
      </c>
      <c r="HB9" s="298">
        <v>0</v>
      </c>
      <c r="HC9" s="299">
        <v>0</v>
      </c>
      <c r="HD9" s="294">
        <v>0</v>
      </c>
      <c r="HE9" s="295">
        <v>0</v>
      </c>
      <c r="HF9" s="296">
        <v>0</v>
      </c>
      <c r="HG9" s="300"/>
      <c r="HH9" s="295">
        <v>0</v>
      </c>
      <c r="HI9" s="295">
        <v>0</v>
      </c>
      <c r="HJ9" s="295">
        <v>0</v>
      </c>
      <c r="HK9" s="295">
        <v>0</v>
      </c>
      <c r="HL9" s="295">
        <v>0</v>
      </c>
      <c r="HM9" s="298">
        <v>0</v>
      </c>
      <c r="HN9" s="299">
        <v>0</v>
      </c>
      <c r="HO9" s="294">
        <v>0</v>
      </c>
      <c r="HP9" s="295">
        <v>35489</v>
      </c>
      <c r="HQ9" s="296">
        <v>35489</v>
      </c>
      <c r="HR9" s="297">
        <v>0</v>
      </c>
      <c r="HS9" s="295">
        <v>4244938</v>
      </c>
      <c r="HT9" s="295">
        <v>7767983</v>
      </c>
      <c r="HU9" s="295">
        <v>30710434</v>
      </c>
      <c r="HV9" s="295">
        <v>42949149</v>
      </c>
      <c r="HW9" s="295">
        <v>27707426</v>
      </c>
      <c r="HX9" s="298">
        <v>113379930</v>
      </c>
      <c r="HY9" s="299">
        <v>113415419</v>
      </c>
    </row>
    <row r="10" spans="2:233" ht="21" customHeight="1" x14ac:dyDescent="0.2">
      <c r="B10" s="292" t="s">
        <v>14</v>
      </c>
      <c r="C10" s="294">
        <v>1445</v>
      </c>
      <c r="D10" s="295">
        <v>2755</v>
      </c>
      <c r="E10" s="296">
        <v>4200</v>
      </c>
      <c r="F10" s="297">
        <v>0</v>
      </c>
      <c r="G10" s="295">
        <v>723678</v>
      </c>
      <c r="H10" s="295">
        <v>2211754</v>
      </c>
      <c r="I10" s="295">
        <v>8525614</v>
      </c>
      <c r="J10" s="295">
        <v>13714487</v>
      </c>
      <c r="K10" s="295">
        <v>7795955</v>
      </c>
      <c r="L10" s="298">
        <v>32971488</v>
      </c>
      <c r="M10" s="299">
        <v>32975688</v>
      </c>
      <c r="N10" s="294">
        <v>0</v>
      </c>
      <c r="O10" s="295">
        <v>0</v>
      </c>
      <c r="P10" s="296">
        <v>0</v>
      </c>
      <c r="Q10" s="300"/>
      <c r="R10" s="295">
        <v>89900</v>
      </c>
      <c r="S10" s="295">
        <v>386291</v>
      </c>
      <c r="T10" s="295">
        <v>6028410</v>
      </c>
      <c r="U10" s="295">
        <v>9650484</v>
      </c>
      <c r="V10" s="295">
        <v>5737535</v>
      </c>
      <c r="W10" s="298">
        <v>21892620</v>
      </c>
      <c r="X10" s="299">
        <v>21892620</v>
      </c>
      <c r="Y10" s="294">
        <v>0</v>
      </c>
      <c r="Z10" s="295">
        <v>0</v>
      </c>
      <c r="AA10" s="296">
        <v>0</v>
      </c>
      <c r="AB10" s="300"/>
      <c r="AC10" s="295">
        <v>555232</v>
      </c>
      <c r="AD10" s="295">
        <v>1482800</v>
      </c>
      <c r="AE10" s="295">
        <v>1805271</v>
      </c>
      <c r="AF10" s="295">
        <v>2420533</v>
      </c>
      <c r="AG10" s="295">
        <v>933840</v>
      </c>
      <c r="AH10" s="298">
        <v>7197676</v>
      </c>
      <c r="AI10" s="299">
        <v>7197676</v>
      </c>
      <c r="AJ10" s="294">
        <v>0</v>
      </c>
      <c r="AK10" s="295">
        <v>0</v>
      </c>
      <c r="AL10" s="296">
        <v>0</v>
      </c>
      <c r="AM10" s="300"/>
      <c r="AN10" s="295">
        <v>0</v>
      </c>
      <c r="AO10" s="295">
        <v>0</v>
      </c>
      <c r="AP10" s="295">
        <v>0</v>
      </c>
      <c r="AQ10" s="295">
        <v>195040</v>
      </c>
      <c r="AR10" s="295">
        <v>136925</v>
      </c>
      <c r="AS10" s="298">
        <v>331965</v>
      </c>
      <c r="AT10" s="299">
        <v>331965</v>
      </c>
      <c r="AU10" s="294">
        <v>0</v>
      </c>
      <c r="AV10" s="295">
        <v>0</v>
      </c>
      <c r="AW10" s="296">
        <v>0</v>
      </c>
      <c r="AX10" s="300"/>
      <c r="AY10" s="295">
        <v>0</v>
      </c>
      <c r="AZ10" s="295">
        <v>0</v>
      </c>
      <c r="BA10" s="295">
        <v>57520</v>
      </c>
      <c r="BB10" s="295">
        <v>500535</v>
      </c>
      <c r="BC10" s="295">
        <v>489325</v>
      </c>
      <c r="BD10" s="298">
        <v>1047380</v>
      </c>
      <c r="BE10" s="299">
        <v>1047380</v>
      </c>
      <c r="BF10" s="294">
        <v>0</v>
      </c>
      <c r="BG10" s="295">
        <v>0</v>
      </c>
      <c r="BH10" s="296">
        <v>0</v>
      </c>
      <c r="BI10" s="300"/>
      <c r="BJ10" s="295">
        <v>0</v>
      </c>
      <c r="BK10" s="295">
        <v>24645</v>
      </c>
      <c r="BL10" s="295">
        <v>15045</v>
      </c>
      <c r="BM10" s="295">
        <v>158130</v>
      </c>
      <c r="BN10" s="295">
        <v>95325</v>
      </c>
      <c r="BO10" s="298">
        <v>293145</v>
      </c>
      <c r="BP10" s="299">
        <v>293145</v>
      </c>
      <c r="BQ10" s="294">
        <v>1445</v>
      </c>
      <c r="BR10" s="295">
        <v>2755</v>
      </c>
      <c r="BS10" s="296">
        <v>4200</v>
      </c>
      <c r="BT10" s="297">
        <v>0</v>
      </c>
      <c r="BU10" s="295">
        <v>78546</v>
      </c>
      <c r="BV10" s="295">
        <v>318018</v>
      </c>
      <c r="BW10" s="295">
        <v>615453</v>
      </c>
      <c r="BX10" s="295">
        <v>789765</v>
      </c>
      <c r="BY10" s="295">
        <v>403005</v>
      </c>
      <c r="BZ10" s="298">
        <v>2204787</v>
      </c>
      <c r="CA10" s="299">
        <v>2208987</v>
      </c>
      <c r="CB10" s="294">
        <v>0</v>
      </c>
      <c r="CC10" s="295">
        <v>0</v>
      </c>
      <c r="CD10" s="296">
        <v>0</v>
      </c>
      <c r="CE10" s="297">
        <v>0</v>
      </c>
      <c r="CF10" s="295">
        <v>0</v>
      </c>
      <c r="CG10" s="295">
        <v>0</v>
      </c>
      <c r="CH10" s="295">
        <v>3915</v>
      </c>
      <c r="CI10" s="295">
        <v>0</v>
      </c>
      <c r="CJ10" s="295">
        <v>0</v>
      </c>
      <c r="CK10" s="298">
        <v>3915</v>
      </c>
      <c r="CL10" s="299">
        <v>3915</v>
      </c>
      <c r="CM10" s="294">
        <v>0</v>
      </c>
      <c r="CN10" s="295">
        <v>0</v>
      </c>
      <c r="CO10" s="296">
        <v>0</v>
      </c>
      <c r="CP10" s="297">
        <v>0</v>
      </c>
      <c r="CQ10" s="295">
        <v>0</v>
      </c>
      <c r="CR10" s="295">
        <v>0</v>
      </c>
      <c r="CS10" s="295">
        <v>0</v>
      </c>
      <c r="CT10" s="295">
        <v>0</v>
      </c>
      <c r="CU10" s="295">
        <v>0</v>
      </c>
      <c r="CV10" s="298">
        <v>0</v>
      </c>
      <c r="CW10" s="299">
        <v>0</v>
      </c>
      <c r="CX10" s="294">
        <v>0</v>
      </c>
      <c r="CY10" s="295">
        <v>0</v>
      </c>
      <c r="CZ10" s="296">
        <v>0</v>
      </c>
      <c r="DA10" s="300"/>
      <c r="DB10" s="295">
        <v>0</v>
      </c>
      <c r="DC10" s="295">
        <v>0</v>
      </c>
      <c r="DD10" s="295">
        <v>0</v>
      </c>
      <c r="DE10" s="295">
        <v>0</v>
      </c>
      <c r="DF10" s="295">
        <v>0</v>
      </c>
      <c r="DG10" s="298">
        <v>0</v>
      </c>
      <c r="DH10" s="299">
        <v>0</v>
      </c>
      <c r="DI10" s="294">
        <v>1502</v>
      </c>
      <c r="DJ10" s="295">
        <v>13944</v>
      </c>
      <c r="DK10" s="296">
        <v>15446</v>
      </c>
      <c r="DL10" s="297">
        <v>0</v>
      </c>
      <c r="DM10" s="295">
        <v>305927</v>
      </c>
      <c r="DN10" s="295">
        <v>1456867</v>
      </c>
      <c r="DO10" s="295">
        <v>10035614</v>
      </c>
      <c r="DP10" s="295">
        <v>14671806</v>
      </c>
      <c r="DQ10" s="295">
        <v>7965014</v>
      </c>
      <c r="DR10" s="298">
        <v>34435228</v>
      </c>
      <c r="DS10" s="301">
        <v>34450674</v>
      </c>
      <c r="DT10" s="294">
        <v>0</v>
      </c>
      <c r="DU10" s="295">
        <v>0</v>
      </c>
      <c r="DV10" s="296">
        <v>0</v>
      </c>
      <c r="DW10" s="300"/>
      <c r="DX10" s="295">
        <v>138105</v>
      </c>
      <c r="DY10" s="295">
        <v>643119</v>
      </c>
      <c r="DZ10" s="295">
        <v>8655558</v>
      </c>
      <c r="EA10" s="295">
        <v>12795149</v>
      </c>
      <c r="EB10" s="295">
        <v>6991599</v>
      </c>
      <c r="EC10" s="298">
        <v>29223530</v>
      </c>
      <c r="ED10" s="299">
        <v>29223530</v>
      </c>
      <c r="EE10" s="294">
        <v>0</v>
      </c>
      <c r="EF10" s="295">
        <v>0</v>
      </c>
      <c r="EG10" s="296">
        <v>0</v>
      </c>
      <c r="EH10" s="300"/>
      <c r="EI10" s="295">
        <v>30373</v>
      </c>
      <c r="EJ10" s="295">
        <v>294233</v>
      </c>
      <c r="EK10" s="295">
        <v>260042</v>
      </c>
      <c r="EL10" s="295">
        <v>468350</v>
      </c>
      <c r="EM10" s="295">
        <v>138186</v>
      </c>
      <c r="EN10" s="298">
        <v>1191184</v>
      </c>
      <c r="EO10" s="299">
        <v>1191184</v>
      </c>
      <c r="EP10" s="294">
        <v>0</v>
      </c>
      <c r="EQ10" s="295">
        <v>0</v>
      </c>
      <c r="ER10" s="296">
        <v>0</v>
      </c>
      <c r="ES10" s="300"/>
      <c r="ET10" s="295">
        <v>0</v>
      </c>
      <c r="EU10" s="295">
        <v>0</v>
      </c>
      <c r="EV10" s="295">
        <v>0</v>
      </c>
      <c r="EW10" s="295">
        <v>34844</v>
      </c>
      <c r="EX10" s="295">
        <v>23213</v>
      </c>
      <c r="EY10" s="298">
        <v>58057</v>
      </c>
      <c r="EZ10" s="299">
        <v>58057</v>
      </c>
      <c r="FA10" s="294">
        <v>0</v>
      </c>
      <c r="FB10" s="295">
        <v>0</v>
      </c>
      <c r="FC10" s="296">
        <v>0</v>
      </c>
      <c r="FD10" s="300"/>
      <c r="FE10" s="295">
        <v>0</v>
      </c>
      <c r="FF10" s="295">
        <v>0</v>
      </c>
      <c r="FG10" s="295">
        <v>518</v>
      </c>
      <c r="FH10" s="295">
        <v>75197</v>
      </c>
      <c r="FI10" s="295">
        <v>86167</v>
      </c>
      <c r="FJ10" s="298">
        <v>161882</v>
      </c>
      <c r="FK10" s="299">
        <v>161882</v>
      </c>
      <c r="FL10" s="294">
        <v>0</v>
      </c>
      <c r="FM10" s="295">
        <v>0</v>
      </c>
      <c r="FN10" s="296">
        <v>0</v>
      </c>
      <c r="FO10" s="300"/>
      <c r="FP10" s="295">
        <v>0</v>
      </c>
      <c r="FQ10" s="295">
        <v>21576</v>
      </c>
      <c r="FR10" s="295">
        <v>117347</v>
      </c>
      <c r="FS10" s="295">
        <v>263930</v>
      </c>
      <c r="FT10" s="295">
        <v>138260</v>
      </c>
      <c r="FU10" s="298">
        <v>541113</v>
      </c>
      <c r="FV10" s="299">
        <v>541113</v>
      </c>
      <c r="FW10" s="294">
        <v>1502</v>
      </c>
      <c r="FX10" s="295">
        <v>13944</v>
      </c>
      <c r="FY10" s="296">
        <v>15446</v>
      </c>
      <c r="FZ10" s="297">
        <v>0</v>
      </c>
      <c r="GA10" s="295">
        <v>137449</v>
      </c>
      <c r="GB10" s="295">
        <v>497939</v>
      </c>
      <c r="GC10" s="295">
        <v>992483</v>
      </c>
      <c r="GD10" s="295">
        <v>1034336</v>
      </c>
      <c r="GE10" s="295">
        <v>587589</v>
      </c>
      <c r="GF10" s="298">
        <v>3249796</v>
      </c>
      <c r="GG10" s="299">
        <v>3265242</v>
      </c>
      <c r="GH10" s="294">
        <v>0</v>
      </c>
      <c r="GI10" s="295">
        <v>0</v>
      </c>
      <c r="GJ10" s="296">
        <v>0</v>
      </c>
      <c r="GK10" s="297">
        <v>0</v>
      </c>
      <c r="GL10" s="295">
        <v>0</v>
      </c>
      <c r="GM10" s="295">
        <v>0</v>
      </c>
      <c r="GN10" s="295">
        <v>9666</v>
      </c>
      <c r="GO10" s="295">
        <v>0</v>
      </c>
      <c r="GP10" s="295">
        <v>0</v>
      </c>
      <c r="GQ10" s="298">
        <v>9666</v>
      </c>
      <c r="GR10" s="299">
        <v>9666</v>
      </c>
      <c r="GS10" s="294">
        <v>0</v>
      </c>
      <c r="GT10" s="295">
        <v>0</v>
      </c>
      <c r="GU10" s="296">
        <v>0</v>
      </c>
      <c r="GV10" s="297">
        <v>0</v>
      </c>
      <c r="GW10" s="295">
        <v>0</v>
      </c>
      <c r="GX10" s="295">
        <v>0</v>
      </c>
      <c r="GY10" s="295">
        <v>0</v>
      </c>
      <c r="GZ10" s="295">
        <v>0</v>
      </c>
      <c r="HA10" s="295">
        <v>0</v>
      </c>
      <c r="HB10" s="298">
        <v>0</v>
      </c>
      <c r="HC10" s="299">
        <v>0</v>
      </c>
      <c r="HD10" s="294">
        <v>0</v>
      </c>
      <c r="HE10" s="295">
        <v>0</v>
      </c>
      <c r="HF10" s="296">
        <v>0</v>
      </c>
      <c r="HG10" s="300"/>
      <c r="HH10" s="295">
        <v>0</v>
      </c>
      <c r="HI10" s="295">
        <v>0</v>
      </c>
      <c r="HJ10" s="295">
        <v>0</v>
      </c>
      <c r="HK10" s="295">
        <v>0</v>
      </c>
      <c r="HL10" s="295">
        <v>0</v>
      </c>
      <c r="HM10" s="298">
        <v>0</v>
      </c>
      <c r="HN10" s="299">
        <v>0</v>
      </c>
      <c r="HO10" s="294">
        <v>2947</v>
      </c>
      <c r="HP10" s="295">
        <v>16699</v>
      </c>
      <c r="HQ10" s="296">
        <v>19646</v>
      </c>
      <c r="HR10" s="297">
        <v>0</v>
      </c>
      <c r="HS10" s="295">
        <v>1029605</v>
      </c>
      <c r="HT10" s="295">
        <v>3668621</v>
      </c>
      <c r="HU10" s="295">
        <v>18561228</v>
      </c>
      <c r="HV10" s="295">
        <v>28386293</v>
      </c>
      <c r="HW10" s="295">
        <v>15760969</v>
      </c>
      <c r="HX10" s="298">
        <v>67406716</v>
      </c>
      <c r="HY10" s="299">
        <v>67426362</v>
      </c>
    </row>
    <row r="11" spans="2:233" ht="21" customHeight="1" x14ac:dyDescent="0.2">
      <c r="B11" s="292" t="s">
        <v>7</v>
      </c>
      <c r="C11" s="294">
        <v>435</v>
      </c>
      <c r="D11" s="295">
        <v>245</v>
      </c>
      <c r="E11" s="296">
        <v>680</v>
      </c>
      <c r="F11" s="297">
        <v>0</v>
      </c>
      <c r="G11" s="295">
        <v>1594935</v>
      </c>
      <c r="H11" s="295">
        <v>2081086</v>
      </c>
      <c r="I11" s="295">
        <v>6593704</v>
      </c>
      <c r="J11" s="295">
        <v>9497850</v>
      </c>
      <c r="K11" s="295">
        <v>4488056</v>
      </c>
      <c r="L11" s="298">
        <v>24255631</v>
      </c>
      <c r="M11" s="299">
        <v>24256311</v>
      </c>
      <c r="N11" s="294">
        <v>0</v>
      </c>
      <c r="O11" s="295">
        <v>0</v>
      </c>
      <c r="P11" s="296">
        <v>0</v>
      </c>
      <c r="Q11" s="300"/>
      <c r="R11" s="295">
        <v>144115</v>
      </c>
      <c r="S11" s="295">
        <v>444120</v>
      </c>
      <c r="T11" s="295">
        <v>4818814</v>
      </c>
      <c r="U11" s="295">
        <v>7456652</v>
      </c>
      <c r="V11" s="295">
        <v>3975432</v>
      </c>
      <c r="W11" s="298">
        <v>16839133</v>
      </c>
      <c r="X11" s="299">
        <v>16839133</v>
      </c>
      <c r="Y11" s="294">
        <v>0</v>
      </c>
      <c r="Z11" s="295">
        <v>0</v>
      </c>
      <c r="AA11" s="296">
        <v>0</v>
      </c>
      <c r="AB11" s="300"/>
      <c r="AC11" s="295">
        <v>1226840</v>
      </c>
      <c r="AD11" s="295">
        <v>1280636</v>
      </c>
      <c r="AE11" s="295">
        <v>1364991</v>
      </c>
      <c r="AF11" s="295">
        <v>1651943</v>
      </c>
      <c r="AG11" s="295">
        <v>420015</v>
      </c>
      <c r="AH11" s="298">
        <v>5944425</v>
      </c>
      <c r="AI11" s="299">
        <v>5944425</v>
      </c>
      <c r="AJ11" s="294">
        <v>0</v>
      </c>
      <c r="AK11" s="295">
        <v>0</v>
      </c>
      <c r="AL11" s="296">
        <v>0</v>
      </c>
      <c r="AM11" s="300"/>
      <c r="AN11" s="295">
        <v>0</v>
      </c>
      <c r="AO11" s="295">
        <v>0</v>
      </c>
      <c r="AP11" s="295">
        <v>0</v>
      </c>
      <c r="AQ11" s="295">
        <v>32705</v>
      </c>
      <c r="AR11" s="295">
        <v>5270</v>
      </c>
      <c r="AS11" s="298">
        <v>37975</v>
      </c>
      <c r="AT11" s="299">
        <v>37975</v>
      </c>
      <c r="AU11" s="294">
        <v>0</v>
      </c>
      <c r="AV11" s="295">
        <v>0</v>
      </c>
      <c r="AW11" s="296">
        <v>0</v>
      </c>
      <c r="AX11" s="300"/>
      <c r="AY11" s="295">
        <v>0</v>
      </c>
      <c r="AZ11" s="295">
        <v>0</v>
      </c>
      <c r="BA11" s="295">
        <v>0</v>
      </c>
      <c r="BB11" s="295">
        <v>35340</v>
      </c>
      <c r="BC11" s="295">
        <v>9540</v>
      </c>
      <c r="BD11" s="298">
        <v>44880</v>
      </c>
      <c r="BE11" s="299">
        <v>44880</v>
      </c>
      <c r="BF11" s="294">
        <v>0</v>
      </c>
      <c r="BG11" s="295">
        <v>0</v>
      </c>
      <c r="BH11" s="296">
        <v>0</v>
      </c>
      <c r="BI11" s="300"/>
      <c r="BJ11" s="295">
        <v>0</v>
      </c>
      <c r="BK11" s="295">
        <v>0</v>
      </c>
      <c r="BL11" s="295">
        <v>0</v>
      </c>
      <c r="BM11" s="295">
        <v>0</v>
      </c>
      <c r="BN11" s="295">
        <v>0</v>
      </c>
      <c r="BO11" s="298">
        <v>0</v>
      </c>
      <c r="BP11" s="299">
        <v>0</v>
      </c>
      <c r="BQ11" s="294">
        <v>435</v>
      </c>
      <c r="BR11" s="295">
        <v>245</v>
      </c>
      <c r="BS11" s="296">
        <v>680</v>
      </c>
      <c r="BT11" s="297">
        <v>0</v>
      </c>
      <c r="BU11" s="295">
        <v>223610</v>
      </c>
      <c r="BV11" s="295">
        <v>350745</v>
      </c>
      <c r="BW11" s="295">
        <v>369984</v>
      </c>
      <c r="BX11" s="295">
        <v>296788</v>
      </c>
      <c r="BY11" s="295">
        <v>77799</v>
      </c>
      <c r="BZ11" s="298">
        <v>1318926</v>
      </c>
      <c r="CA11" s="299">
        <v>1319606</v>
      </c>
      <c r="CB11" s="294">
        <v>0</v>
      </c>
      <c r="CC11" s="295">
        <v>0</v>
      </c>
      <c r="CD11" s="296">
        <v>0</v>
      </c>
      <c r="CE11" s="297">
        <v>0</v>
      </c>
      <c r="CF11" s="295">
        <v>370</v>
      </c>
      <c r="CG11" s="295">
        <v>5585</v>
      </c>
      <c r="CH11" s="295">
        <v>39915</v>
      </c>
      <c r="CI11" s="295">
        <v>24422</v>
      </c>
      <c r="CJ11" s="295">
        <v>0</v>
      </c>
      <c r="CK11" s="298">
        <v>70292</v>
      </c>
      <c r="CL11" s="299">
        <v>70292</v>
      </c>
      <c r="CM11" s="294">
        <v>0</v>
      </c>
      <c r="CN11" s="295">
        <v>0</v>
      </c>
      <c r="CO11" s="296">
        <v>0</v>
      </c>
      <c r="CP11" s="297">
        <v>0</v>
      </c>
      <c r="CQ11" s="295">
        <v>0</v>
      </c>
      <c r="CR11" s="295">
        <v>0</v>
      </c>
      <c r="CS11" s="295">
        <v>0</v>
      </c>
      <c r="CT11" s="295">
        <v>0</v>
      </c>
      <c r="CU11" s="295">
        <v>0</v>
      </c>
      <c r="CV11" s="298">
        <v>0</v>
      </c>
      <c r="CW11" s="299">
        <v>0</v>
      </c>
      <c r="CX11" s="294">
        <v>0</v>
      </c>
      <c r="CY11" s="295">
        <v>0</v>
      </c>
      <c r="CZ11" s="296">
        <v>0</v>
      </c>
      <c r="DA11" s="300"/>
      <c r="DB11" s="295">
        <v>0</v>
      </c>
      <c r="DC11" s="295">
        <v>0</v>
      </c>
      <c r="DD11" s="295">
        <v>0</v>
      </c>
      <c r="DE11" s="295">
        <v>0</v>
      </c>
      <c r="DF11" s="295">
        <v>0</v>
      </c>
      <c r="DG11" s="298">
        <v>0</v>
      </c>
      <c r="DH11" s="299">
        <v>0</v>
      </c>
      <c r="DI11" s="294">
        <v>3480</v>
      </c>
      <c r="DJ11" s="295">
        <v>1053</v>
      </c>
      <c r="DK11" s="296">
        <v>4533</v>
      </c>
      <c r="DL11" s="297">
        <v>0</v>
      </c>
      <c r="DM11" s="295">
        <v>632643</v>
      </c>
      <c r="DN11" s="295">
        <v>1288282</v>
      </c>
      <c r="DO11" s="295">
        <v>6833157</v>
      </c>
      <c r="DP11" s="295">
        <v>9451844</v>
      </c>
      <c r="DQ11" s="295">
        <v>4912468</v>
      </c>
      <c r="DR11" s="298">
        <v>23118394</v>
      </c>
      <c r="DS11" s="301">
        <v>23122927</v>
      </c>
      <c r="DT11" s="294">
        <v>0</v>
      </c>
      <c r="DU11" s="295">
        <v>0</v>
      </c>
      <c r="DV11" s="296">
        <v>0</v>
      </c>
      <c r="DW11" s="300"/>
      <c r="DX11" s="295">
        <v>187307</v>
      </c>
      <c r="DY11" s="295">
        <v>597857</v>
      </c>
      <c r="DZ11" s="295">
        <v>6028494</v>
      </c>
      <c r="EA11" s="295">
        <v>8710045</v>
      </c>
      <c r="EB11" s="295">
        <v>4680227</v>
      </c>
      <c r="EC11" s="298">
        <v>20203930</v>
      </c>
      <c r="ED11" s="299">
        <v>20203930</v>
      </c>
      <c r="EE11" s="294">
        <v>0</v>
      </c>
      <c r="EF11" s="295">
        <v>0</v>
      </c>
      <c r="EG11" s="296">
        <v>0</v>
      </c>
      <c r="EH11" s="300"/>
      <c r="EI11" s="295">
        <v>151331</v>
      </c>
      <c r="EJ11" s="295">
        <v>133628</v>
      </c>
      <c r="EK11" s="295">
        <v>255885</v>
      </c>
      <c r="EL11" s="295">
        <v>359535</v>
      </c>
      <c r="EM11" s="295">
        <v>100573</v>
      </c>
      <c r="EN11" s="298">
        <v>1000952</v>
      </c>
      <c r="EO11" s="299">
        <v>1000952</v>
      </c>
      <c r="EP11" s="294">
        <v>0</v>
      </c>
      <c r="EQ11" s="295">
        <v>0</v>
      </c>
      <c r="ER11" s="296">
        <v>0</v>
      </c>
      <c r="ES11" s="300"/>
      <c r="ET11" s="295">
        <v>0</v>
      </c>
      <c r="EU11" s="295">
        <v>0</v>
      </c>
      <c r="EV11" s="295">
        <v>0</v>
      </c>
      <c r="EW11" s="295">
        <v>217</v>
      </c>
      <c r="EX11" s="295">
        <v>434</v>
      </c>
      <c r="EY11" s="298">
        <v>651</v>
      </c>
      <c r="EZ11" s="299">
        <v>651</v>
      </c>
      <c r="FA11" s="294">
        <v>0</v>
      </c>
      <c r="FB11" s="295">
        <v>0</v>
      </c>
      <c r="FC11" s="296">
        <v>0</v>
      </c>
      <c r="FD11" s="300"/>
      <c r="FE11" s="295">
        <v>0</v>
      </c>
      <c r="FF11" s="295">
        <v>0</v>
      </c>
      <c r="FG11" s="295">
        <v>0</v>
      </c>
      <c r="FH11" s="295">
        <v>434</v>
      </c>
      <c r="FI11" s="295">
        <v>140</v>
      </c>
      <c r="FJ11" s="298">
        <v>574</v>
      </c>
      <c r="FK11" s="299">
        <v>574</v>
      </c>
      <c r="FL11" s="294">
        <v>0</v>
      </c>
      <c r="FM11" s="295">
        <v>0</v>
      </c>
      <c r="FN11" s="296">
        <v>0</v>
      </c>
      <c r="FO11" s="300"/>
      <c r="FP11" s="295">
        <v>0</v>
      </c>
      <c r="FQ11" s="295">
        <v>0</v>
      </c>
      <c r="FR11" s="295">
        <v>0</v>
      </c>
      <c r="FS11" s="295">
        <v>0</v>
      </c>
      <c r="FT11" s="295">
        <v>0</v>
      </c>
      <c r="FU11" s="298">
        <v>0</v>
      </c>
      <c r="FV11" s="299">
        <v>0</v>
      </c>
      <c r="FW11" s="294">
        <v>3480</v>
      </c>
      <c r="FX11" s="295">
        <v>1053</v>
      </c>
      <c r="FY11" s="296">
        <v>4533</v>
      </c>
      <c r="FZ11" s="297">
        <v>0</v>
      </c>
      <c r="GA11" s="295">
        <v>293977</v>
      </c>
      <c r="GB11" s="295">
        <v>548551</v>
      </c>
      <c r="GC11" s="295">
        <v>539457</v>
      </c>
      <c r="GD11" s="295">
        <v>377634</v>
      </c>
      <c r="GE11" s="295">
        <v>131094</v>
      </c>
      <c r="GF11" s="298">
        <v>1890713</v>
      </c>
      <c r="GG11" s="299">
        <v>1895246</v>
      </c>
      <c r="GH11" s="294">
        <v>0</v>
      </c>
      <c r="GI11" s="295">
        <v>0</v>
      </c>
      <c r="GJ11" s="296">
        <v>0</v>
      </c>
      <c r="GK11" s="297">
        <v>0</v>
      </c>
      <c r="GL11" s="295">
        <v>28</v>
      </c>
      <c r="GM11" s="295">
        <v>8246</v>
      </c>
      <c r="GN11" s="295">
        <v>9321</v>
      </c>
      <c r="GO11" s="295">
        <v>3979</v>
      </c>
      <c r="GP11" s="295">
        <v>0</v>
      </c>
      <c r="GQ11" s="298">
        <v>21574</v>
      </c>
      <c r="GR11" s="299">
        <v>21574</v>
      </c>
      <c r="GS11" s="294">
        <v>0</v>
      </c>
      <c r="GT11" s="295">
        <v>0</v>
      </c>
      <c r="GU11" s="296">
        <v>0</v>
      </c>
      <c r="GV11" s="297">
        <v>0</v>
      </c>
      <c r="GW11" s="295">
        <v>0</v>
      </c>
      <c r="GX11" s="295">
        <v>0</v>
      </c>
      <c r="GY11" s="295">
        <v>0</v>
      </c>
      <c r="GZ11" s="295">
        <v>0</v>
      </c>
      <c r="HA11" s="295">
        <v>0</v>
      </c>
      <c r="HB11" s="298">
        <v>0</v>
      </c>
      <c r="HC11" s="299">
        <v>0</v>
      </c>
      <c r="HD11" s="294">
        <v>0</v>
      </c>
      <c r="HE11" s="295">
        <v>0</v>
      </c>
      <c r="HF11" s="296">
        <v>0</v>
      </c>
      <c r="HG11" s="300"/>
      <c r="HH11" s="295">
        <v>0</v>
      </c>
      <c r="HI11" s="295">
        <v>0</v>
      </c>
      <c r="HJ11" s="295">
        <v>0</v>
      </c>
      <c r="HK11" s="295">
        <v>0</v>
      </c>
      <c r="HL11" s="295">
        <v>0</v>
      </c>
      <c r="HM11" s="298">
        <v>0</v>
      </c>
      <c r="HN11" s="299">
        <v>0</v>
      </c>
      <c r="HO11" s="294">
        <v>3915</v>
      </c>
      <c r="HP11" s="295">
        <v>1298</v>
      </c>
      <c r="HQ11" s="296">
        <v>5213</v>
      </c>
      <c r="HR11" s="297">
        <v>0</v>
      </c>
      <c r="HS11" s="295">
        <v>2227578</v>
      </c>
      <c r="HT11" s="295">
        <v>3369368</v>
      </c>
      <c r="HU11" s="295">
        <v>13426861</v>
      </c>
      <c r="HV11" s="295">
        <v>18949694</v>
      </c>
      <c r="HW11" s="295">
        <v>9400524</v>
      </c>
      <c r="HX11" s="298">
        <v>47374025</v>
      </c>
      <c r="HY11" s="299">
        <v>47379238</v>
      </c>
    </row>
    <row r="12" spans="2:233" ht="21" customHeight="1" x14ac:dyDescent="0.2">
      <c r="B12" s="292" t="s">
        <v>8</v>
      </c>
      <c r="C12" s="294">
        <v>5185</v>
      </c>
      <c r="D12" s="295">
        <v>8725</v>
      </c>
      <c r="E12" s="296">
        <v>13910</v>
      </c>
      <c r="F12" s="297">
        <v>0</v>
      </c>
      <c r="G12" s="295">
        <v>536900</v>
      </c>
      <c r="H12" s="295">
        <v>1430689</v>
      </c>
      <c r="I12" s="295">
        <v>4850258</v>
      </c>
      <c r="J12" s="295">
        <v>4263746</v>
      </c>
      <c r="K12" s="295">
        <v>2807567</v>
      </c>
      <c r="L12" s="298">
        <v>13889160</v>
      </c>
      <c r="M12" s="299">
        <v>13903070</v>
      </c>
      <c r="N12" s="294">
        <v>0</v>
      </c>
      <c r="O12" s="295">
        <v>0</v>
      </c>
      <c r="P12" s="296">
        <v>0</v>
      </c>
      <c r="Q12" s="300"/>
      <c r="R12" s="295">
        <v>231105</v>
      </c>
      <c r="S12" s="295">
        <v>381940</v>
      </c>
      <c r="T12" s="295">
        <v>3541565</v>
      </c>
      <c r="U12" s="295">
        <v>3290492</v>
      </c>
      <c r="V12" s="295">
        <v>2131632</v>
      </c>
      <c r="W12" s="298">
        <v>9576734</v>
      </c>
      <c r="X12" s="299">
        <v>9576734</v>
      </c>
      <c r="Y12" s="294">
        <v>0</v>
      </c>
      <c r="Z12" s="295">
        <v>0</v>
      </c>
      <c r="AA12" s="296">
        <v>0</v>
      </c>
      <c r="AB12" s="300"/>
      <c r="AC12" s="295">
        <v>218495</v>
      </c>
      <c r="AD12" s="295">
        <v>861187</v>
      </c>
      <c r="AE12" s="295">
        <v>937185</v>
      </c>
      <c r="AF12" s="295">
        <v>527975</v>
      </c>
      <c r="AG12" s="295">
        <v>379997</v>
      </c>
      <c r="AH12" s="298">
        <v>2924839</v>
      </c>
      <c r="AI12" s="299">
        <v>2924839</v>
      </c>
      <c r="AJ12" s="294">
        <v>0</v>
      </c>
      <c r="AK12" s="295">
        <v>0</v>
      </c>
      <c r="AL12" s="296">
        <v>0</v>
      </c>
      <c r="AM12" s="300"/>
      <c r="AN12" s="295">
        <v>0</v>
      </c>
      <c r="AO12" s="295">
        <v>0</v>
      </c>
      <c r="AP12" s="295">
        <v>0</v>
      </c>
      <c r="AQ12" s="295">
        <v>0</v>
      </c>
      <c r="AR12" s="295">
        <v>0</v>
      </c>
      <c r="AS12" s="298">
        <v>0</v>
      </c>
      <c r="AT12" s="299">
        <v>0</v>
      </c>
      <c r="AU12" s="294">
        <v>0</v>
      </c>
      <c r="AV12" s="295">
        <v>0</v>
      </c>
      <c r="AW12" s="296">
        <v>0</v>
      </c>
      <c r="AX12" s="300"/>
      <c r="AY12" s="295">
        <v>35495</v>
      </c>
      <c r="AZ12" s="295">
        <v>0</v>
      </c>
      <c r="BA12" s="295">
        <v>32705</v>
      </c>
      <c r="BB12" s="295">
        <v>35340</v>
      </c>
      <c r="BC12" s="295">
        <v>144770</v>
      </c>
      <c r="BD12" s="298">
        <v>248310</v>
      </c>
      <c r="BE12" s="299">
        <v>248310</v>
      </c>
      <c r="BF12" s="294">
        <v>0</v>
      </c>
      <c r="BG12" s="295">
        <v>0</v>
      </c>
      <c r="BH12" s="296">
        <v>0</v>
      </c>
      <c r="BI12" s="300"/>
      <c r="BJ12" s="295">
        <v>0</v>
      </c>
      <c r="BK12" s="295">
        <v>2635</v>
      </c>
      <c r="BL12" s="295">
        <v>21375</v>
      </c>
      <c r="BM12" s="295">
        <v>190650</v>
      </c>
      <c r="BN12" s="295">
        <v>94235</v>
      </c>
      <c r="BO12" s="298">
        <v>308895</v>
      </c>
      <c r="BP12" s="299">
        <v>308895</v>
      </c>
      <c r="BQ12" s="294">
        <v>5185</v>
      </c>
      <c r="BR12" s="295">
        <v>8725</v>
      </c>
      <c r="BS12" s="296">
        <v>13910</v>
      </c>
      <c r="BT12" s="297">
        <v>0</v>
      </c>
      <c r="BU12" s="295">
        <v>51805</v>
      </c>
      <c r="BV12" s="295">
        <v>181092</v>
      </c>
      <c r="BW12" s="295">
        <v>298585</v>
      </c>
      <c r="BX12" s="295">
        <v>219289</v>
      </c>
      <c r="BY12" s="295">
        <v>56933</v>
      </c>
      <c r="BZ12" s="298">
        <v>807704</v>
      </c>
      <c r="CA12" s="299">
        <v>821614</v>
      </c>
      <c r="CB12" s="294">
        <v>0</v>
      </c>
      <c r="CC12" s="295">
        <v>0</v>
      </c>
      <c r="CD12" s="296">
        <v>0</v>
      </c>
      <c r="CE12" s="297">
        <v>0</v>
      </c>
      <c r="CF12" s="295">
        <v>0</v>
      </c>
      <c r="CG12" s="295">
        <v>3835</v>
      </c>
      <c r="CH12" s="295">
        <v>18843</v>
      </c>
      <c r="CI12" s="295">
        <v>0</v>
      </c>
      <c r="CJ12" s="295">
        <v>0</v>
      </c>
      <c r="CK12" s="298">
        <v>22678</v>
      </c>
      <c r="CL12" s="299">
        <v>22678</v>
      </c>
      <c r="CM12" s="294">
        <v>0</v>
      </c>
      <c r="CN12" s="295">
        <v>0</v>
      </c>
      <c r="CO12" s="296">
        <v>0</v>
      </c>
      <c r="CP12" s="297">
        <v>0</v>
      </c>
      <c r="CQ12" s="295">
        <v>0</v>
      </c>
      <c r="CR12" s="295">
        <v>0</v>
      </c>
      <c r="CS12" s="295">
        <v>0</v>
      </c>
      <c r="CT12" s="295">
        <v>0</v>
      </c>
      <c r="CU12" s="295">
        <v>0</v>
      </c>
      <c r="CV12" s="298">
        <v>0</v>
      </c>
      <c r="CW12" s="299">
        <v>0</v>
      </c>
      <c r="CX12" s="294">
        <v>0</v>
      </c>
      <c r="CY12" s="295">
        <v>0</v>
      </c>
      <c r="CZ12" s="296">
        <v>0</v>
      </c>
      <c r="DA12" s="300"/>
      <c r="DB12" s="295">
        <v>0</v>
      </c>
      <c r="DC12" s="295">
        <v>0</v>
      </c>
      <c r="DD12" s="295">
        <v>0</v>
      </c>
      <c r="DE12" s="295">
        <v>0</v>
      </c>
      <c r="DF12" s="295">
        <v>0</v>
      </c>
      <c r="DG12" s="298">
        <v>0</v>
      </c>
      <c r="DH12" s="299">
        <v>0</v>
      </c>
      <c r="DI12" s="294">
        <v>6645</v>
      </c>
      <c r="DJ12" s="295">
        <v>11702</v>
      </c>
      <c r="DK12" s="296">
        <v>18347</v>
      </c>
      <c r="DL12" s="297">
        <v>0</v>
      </c>
      <c r="DM12" s="295">
        <v>497493</v>
      </c>
      <c r="DN12" s="295">
        <v>1199701</v>
      </c>
      <c r="DO12" s="295">
        <v>5392983</v>
      </c>
      <c r="DP12" s="295">
        <v>5508007</v>
      </c>
      <c r="DQ12" s="295">
        <v>3179030</v>
      </c>
      <c r="DR12" s="298">
        <v>15777214</v>
      </c>
      <c r="DS12" s="301">
        <v>15795561</v>
      </c>
      <c r="DT12" s="294">
        <v>0</v>
      </c>
      <c r="DU12" s="295">
        <v>0</v>
      </c>
      <c r="DV12" s="296">
        <v>0</v>
      </c>
      <c r="DW12" s="300"/>
      <c r="DX12" s="295">
        <v>337745</v>
      </c>
      <c r="DY12" s="295">
        <v>782391</v>
      </c>
      <c r="DZ12" s="295">
        <v>4648350</v>
      </c>
      <c r="EA12" s="295">
        <v>4686109</v>
      </c>
      <c r="EB12" s="295">
        <v>2851740</v>
      </c>
      <c r="EC12" s="298">
        <v>13306335</v>
      </c>
      <c r="ED12" s="299">
        <v>13306335</v>
      </c>
      <c r="EE12" s="294">
        <v>0</v>
      </c>
      <c r="EF12" s="295">
        <v>0</v>
      </c>
      <c r="EG12" s="296">
        <v>0</v>
      </c>
      <c r="EH12" s="300"/>
      <c r="EI12" s="295">
        <v>53542</v>
      </c>
      <c r="EJ12" s="295">
        <v>112684</v>
      </c>
      <c r="EK12" s="295">
        <v>56042</v>
      </c>
      <c r="EL12" s="295">
        <v>73239</v>
      </c>
      <c r="EM12" s="295">
        <v>35075</v>
      </c>
      <c r="EN12" s="298">
        <v>330582</v>
      </c>
      <c r="EO12" s="299">
        <v>330582</v>
      </c>
      <c r="EP12" s="294">
        <v>0</v>
      </c>
      <c r="EQ12" s="295">
        <v>0</v>
      </c>
      <c r="ER12" s="296">
        <v>0</v>
      </c>
      <c r="ES12" s="300"/>
      <c r="ET12" s="295">
        <v>0</v>
      </c>
      <c r="EU12" s="295">
        <v>0</v>
      </c>
      <c r="EV12" s="295">
        <v>0</v>
      </c>
      <c r="EW12" s="295">
        <v>0</v>
      </c>
      <c r="EX12" s="295">
        <v>0</v>
      </c>
      <c r="EY12" s="298">
        <v>0</v>
      </c>
      <c r="EZ12" s="299">
        <v>0</v>
      </c>
      <c r="FA12" s="294">
        <v>0</v>
      </c>
      <c r="FB12" s="295">
        <v>0</v>
      </c>
      <c r="FC12" s="296">
        <v>0</v>
      </c>
      <c r="FD12" s="300"/>
      <c r="FE12" s="295">
        <v>11687</v>
      </c>
      <c r="FF12" s="295">
        <v>0</v>
      </c>
      <c r="FG12" s="295">
        <v>217</v>
      </c>
      <c r="FH12" s="295">
        <v>434</v>
      </c>
      <c r="FI12" s="295">
        <v>12772</v>
      </c>
      <c r="FJ12" s="298">
        <v>25110</v>
      </c>
      <c r="FK12" s="299">
        <v>25110</v>
      </c>
      <c r="FL12" s="294">
        <v>0</v>
      </c>
      <c r="FM12" s="295">
        <v>0</v>
      </c>
      <c r="FN12" s="296">
        <v>0</v>
      </c>
      <c r="FO12" s="300"/>
      <c r="FP12" s="295">
        <v>0</v>
      </c>
      <c r="FQ12" s="295">
        <v>21576</v>
      </c>
      <c r="FR12" s="295">
        <v>143688</v>
      </c>
      <c r="FS12" s="295">
        <v>276520</v>
      </c>
      <c r="FT12" s="295">
        <v>180020</v>
      </c>
      <c r="FU12" s="298">
        <v>621804</v>
      </c>
      <c r="FV12" s="299">
        <v>621804</v>
      </c>
      <c r="FW12" s="294">
        <v>6645</v>
      </c>
      <c r="FX12" s="295">
        <v>11702</v>
      </c>
      <c r="FY12" s="296">
        <v>18347</v>
      </c>
      <c r="FZ12" s="297">
        <v>0</v>
      </c>
      <c r="GA12" s="295">
        <v>94519</v>
      </c>
      <c r="GB12" s="295">
        <v>283015</v>
      </c>
      <c r="GC12" s="295">
        <v>542026</v>
      </c>
      <c r="GD12" s="295">
        <v>471691</v>
      </c>
      <c r="GE12" s="295">
        <v>99423</v>
      </c>
      <c r="GF12" s="298">
        <v>1490674</v>
      </c>
      <c r="GG12" s="299">
        <v>1509021</v>
      </c>
      <c r="GH12" s="294">
        <v>0</v>
      </c>
      <c r="GI12" s="295">
        <v>0</v>
      </c>
      <c r="GJ12" s="296">
        <v>0</v>
      </c>
      <c r="GK12" s="297">
        <v>0</v>
      </c>
      <c r="GL12" s="295">
        <v>0</v>
      </c>
      <c r="GM12" s="295">
        <v>35</v>
      </c>
      <c r="GN12" s="295">
        <v>2660</v>
      </c>
      <c r="GO12" s="295">
        <v>14</v>
      </c>
      <c r="GP12" s="295">
        <v>0</v>
      </c>
      <c r="GQ12" s="298">
        <v>2709</v>
      </c>
      <c r="GR12" s="299">
        <v>2709</v>
      </c>
      <c r="GS12" s="294">
        <v>0</v>
      </c>
      <c r="GT12" s="295">
        <v>0</v>
      </c>
      <c r="GU12" s="296">
        <v>0</v>
      </c>
      <c r="GV12" s="297">
        <v>0</v>
      </c>
      <c r="GW12" s="295">
        <v>0</v>
      </c>
      <c r="GX12" s="295">
        <v>0</v>
      </c>
      <c r="GY12" s="295">
        <v>0</v>
      </c>
      <c r="GZ12" s="295">
        <v>0</v>
      </c>
      <c r="HA12" s="295">
        <v>0</v>
      </c>
      <c r="HB12" s="298">
        <v>0</v>
      </c>
      <c r="HC12" s="299">
        <v>0</v>
      </c>
      <c r="HD12" s="294">
        <v>0</v>
      </c>
      <c r="HE12" s="295">
        <v>0</v>
      </c>
      <c r="HF12" s="296">
        <v>0</v>
      </c>
      <c r="HG12" s="300"/>
      <c r="HH12" s="295">
        <v>0</v>
      </c>
      <c r="HI12" s="295">
        <v>0</v>
      </c>
      <c r="HJ12" s="295">
        <v>0</v>
      </c>
      <c r="HK12" s="295">
        <v>0</v>
      </c>
      <c r="HL12" s="295">
        <v>0</v>
      </c>
      <c r="HM12" s="298">
        <v>0</v>
      </c>
      <c r="HN12" s="299">
        <v>0</v>
      </c>
      <c r="HO12" s="294">
        <v>11830</v>
      </c>
      <c r="HP12" s="295">
        <v>20427</v>
      </c>
      <c r="HQ12" s="296">
        <v>32257</v>
      </c>
      <c r="HR12" s="297">
        <v>0</v>
      </c>
      <c r="HS12" s="295">
        <v>1034393</v>
      </c>
      <c r="HT12" s="295">
        <v>2630390</v>
      </c>
      <c r="HU12" s="295">
        <v>10243241</v>
      </c>
      <c r="HV12" s="295">
        <v>9771753</v>
      </c>
      <c r="HW12" s="295">
        <v>5986597</v>
      </c>
      <c r="HX12" s="298">
        <v>29666374</v>
      </c>
      <c r="HY12" s="299">
        <v>29698631</v>
      </c>
    </row>
    <row r="13" spans="2:233" ht="21" customHeight="1" x14ac:dyDescent="0.2">
      <c r="B13" s="292" t="s">
        <v>9</v>
      </c>
      <c r="C13" s="294">
        <v>0</v>
      </c>
      <c r="D13" s="295">
        <v>0</v>
      </c>
      <c r="E13" s="296">
        <v>0</v>
      </c>
      <c r="F13" s="297">
        <v>0</v>
      </c>
      <c r="G13" s="295">
        <v>236047</v>
      </c>
      <c r="H13" s="295">
        <v>246500</v>
      </c>
      <c r="I13" s="295">
        <v>1781233</v>
      </c>
      <c r="J13" s="295">
        <v>2680682</v>
      </c>
      <c r="K13" s="295">
        <v>1497136</v>
      </c>
      <c r="L13" s="298">
        <v>6441598</v>
      </c>
      <c r="M13" s="299">
        <v>6441598</v>
      </c>
      <c r="N13" s="294">
        <v>0</v>
      </c>
      <c r="O13" s="295">
        <v>0</v>
      </c>
      <c r="P13" s="296">
        <v>0</v>
      </c>
      <c r="Q13" s="300"/>
      <c r="R13" s="295">
        <v>70680</v>
      </c>
      <c r="S13" s="295">
        <v>2635</v>
      </c>
      <c r="T13" s="295">
        <v>1538041</v>
      </c>
      <c r="U13" s="295">
        <v>1922719</v>
      </c>
      <c r="V13" s="295">
        <v>1265327</v>
      </c>
      <c r="W13" s="298">
        <v>4799402</v>
      </c>
      <c r="X13" s="299">
        <v>4799402</v>
      </c>
      <c r="Y13" s="294">
        <v>0</v>
      </c>
      <c r="Z13" s="295">
        <v>0</v>
      </c>
      <c r="AA13" s="296">
        <v>0</v>
      </c>
      <c r="AB13" s="300"/>
      <c r="AC13" s="295">
        <v>122072</v>
      </c>
      <c r="AD13" s="295">
        <v>167045</v>
      </c>
      <c r="AE13" s="295">
        <v>58685</v>
      </c>
      <c r="AF13" s="295">
        <v>648318</v>
      </c>
      <c r="AG13" s="295">
        <v>174530</v>
      </c>
      <c r="AH13" s="298">
        <v>1170650</v>
      </c>
      <c r="AI13" s="299">
        <v>1170650</v>
      </c>
      <c r="AJ13" s="294">
        <v>0</v>
      </c>
      <c r="AK13" s="295">
        <v>0</v>
      </c>
      <c r="AL13" s="296">
        <v>0</v>
      </c>
      <c r="AM13" s="300"/>
      <c r="AN13" s="295">
        <v>0</v>
      </c>
      <c r="AO13" s="295">
        <v>0</v>
      </c>
      <c r="AP13" s="295">
        <v>0</v>
      </c>
      <c r="AQ13" s="295">
        <v>2635</v>
      </c>
      <c r="AR13" s="295">
        <v>0</v>
      </c>
      <c r="AS13" s="298">
        <v>2635</v>
      </c>
      <c r="AT13" s="299">
        <v>2635</v>
      </c>
      <c r="AU13" s="294">
        <v>0</v>
      </c>
      <c r="AV13" s="295">
        <v>0</v>
      </c>
      <c r="AW13" s="296">
        <v>0</v>
      </c>
      <c r="AX13" s="300"/>
      <c r="AY13" s="295">
        <v>0</v>
      </c>
      <c r="AZ13" s="295">
        <v>0</v>
      </c>
      <c r="BA13" s="295">
        <v>0</v>
      </c>
      <c r="BB13" s="295">
        <v>0</v>
      </c>
      <c r="BC13" s="295">
        <v>7905</v>
      </c>
      <c r="BD13" s="298">
        <v>7905</v>
      </c>
      <c r="BE13" s="299">
        <v>7905</v>
      </c>
      <c r="BF13" s="294">
        <v>0</v>
      </c>
      <c r="BG13" s="295">
        <v>0</v>
      </c>
      <c r="BH13" s="296">
        <v>0</v>
      </c>
      <c r="BI13" s="300"/>
      <c r="BJ13" s="295">
        <v>0</v>
      </c>
      <c r="BK13" s="295">
        <v>0</v>
      </c>
      <c r="BL13" s="295">
        <v>0</v>
      </c>
      <c r="BM13" s="295">
        <v>24645</v>
      </c>
      <c r="BN13" s="295">
        <v>0</v>
      </c>
      <c r="BO13" s="298">
        <v>24645</v>
      </c>
      <c r="BP13" s="299">
        <v>24645</v>
      </c>
      <c r="BQ13" s="294">
        <v>0</v>
      </c>
      <c r="BR13" s="295">
        <v>0</v>
      </c>
      <c r="BS13" s="296">
        <v>0</v>
      </c>
      <c r="BT13" s="297">
        <v>0</v>
      </c>
      <c r="BU13" s="295">
        <v>34620</v>
      </c>
      <c r="BV13" s="295">
        <v>76625</v>
      </c>
      <c r="BW13" s="295">
        <v>180232</v>
      </c>
      <c r="BX13" s="295">
        <v>81206</v>
      </c>
      <c r="BY13" s="295">
        <v>46089</v>
      </c>
      <c r="BZ13" s="298">
        <v>418772</v>
      </c>
      <c r="CA13" s="299">
        <v>418772</v>
      </c>
      <c r="CB13" s="294">
        <v>0</v>
      </c>
      <c r="CC13" s="295">
        <v>0</v>
      </c>
      <c r="CD13" s="296">
        <v>0</v>
      </c>
      <c r="CE13" s="297">
        <v>0</v>
      </c>
      <c r="CF13" s="295">
        <v>8675</v>
      </c>
      <c r="CG13" s="295">
        <v>195</v>
      </c>
      <c r="CH13" s="295">
        <v>4275</v>
      </c>
      <c r="CI13" s="295">
        <v>1159</v>
      </c>
      <c r="CJ13" s="295">
        <v>3285</v>
      </c>
      <c r="CK13" s="298">
        <v>17589</v>
      </c>
      <c r="CL13" s="299">
        <v>17589</v>
      </c>
      <c r="CM13" s="294">
        <v>0</v>
      </c>
      <c r="CN13" s="295">
        <v>0</v>
      </c>
      <c r="CO13" s="296">
        <v>0</v>
      </c>
      <c r="CP13" s="297">
        <v>0</v>
      </c>
      <c r="CQ13" s="295">
        <v>0</v>
      </c>
      <c r="CR13" s="295">
        <v>0</v>
      </c>
      <c r="CS13" s="295">
        <v>0</v>
      </c>
      <c r="CT13" s="295">
        <v>0</v>
      </c>
      <c r="CU13" s="295">
        <v>0</v>
      </c>
      <c r="CV13" s="298">
        <v>0</v>
      </c>
      <c r="CW13" s="299">
        <v>0</v>
      </c>
      <c r="CX13" s="294">
        <v>0</v>
      </c>
      <c r="CY13" s="295">
        <v>0</v>
      </c>
      <c r="CZ13" s="296">
        <v>0</v>
      </c>
      <c r="DA13" s="300"/>
      <c r="DB13" s="295">
        <v>0</v>
      </c>
      <c r="DC13" s="295">
        <v>0</v>
      </c>
      <c r="DD13" s="295">
        <v>0</v>
      </c>
      <c r="DE13" s="295">
        <v>0</v>
      </c>
      <c r="DF13" s="295">
        <v>0</v>
      </c>
      <c r="DG13" s="298">
        <v>0</v>
      </c>
      <c r="DH13" s="299">
        <v>0</v>
      </c>
      <c r="DI13" s="294">
        <v>0</v>
      </c>
      <c r="DJ13" s="295">
        <v>0</v>
      </c>
      <c r="DK13" s="296">
        <v>0</v>
      </c>
      <c r="DL13" s="297">
        <v>0</v>
      </c>
      <c r="DM13" s="295">
        <v>185357</v>
      </c>
      <c r="DN13" s="295">
        <v>151075</v>
      </c>
      <c r="DO13" s="295">
        <v>2426752</v>
      </c>
      <c r="DP13" s="295">
        <v>3026940</v>
      </c>
      <c r="DQ13" s="295">
        <v>2052587</v>
      </c>
      <c r="DR13" s="298">
        <v>7842711</v>
      </c>
      <c r="DS13" s="301">
        <v>7842711</v>
      </c>
      <c r="DT13" s="294">
        <v>0</v>
      </c>
      <c r="DU13" s="295">
        <v>0</v>
      </c>
      <c r="DV13" s="296">
        <v>0</v>
      </c>
      <c r="DW13" s="300"/>
      <c r="DX13" s="295">
        <v>94488</v>
      </c>
      <c r="DY13" s="295">
        <v>21576</v>
      </c>
      <c r="DZ13" s="295">
        <v>2034886</v>
      </c>
      <c r="EA13" s="295">
        <v>2735963</v>
      </c>
      <c r="EB13" s="295">
        <v>1948767</v>
      </c>
      <c r="EC13" s="298">
        <v>6835680</v>
      </c>
      <c r="ED13" s="299">
        <v>6835680</v>
      </c>
      <c r="EE13" s="294">
        <v>0</v>
      </c>
      <c r="EF13" s="295">
        <v>0</v>
      </c>
      <c r="EG13" s="296">
        <v>0</v>
      </c>
      <c r="EH13" s="300"/>
      <c r="EI13" s="295">
        <v>34313</v>
      </c>
      <c r="EJ13" s="295">
        <v>25942</v>
      </c>
      <c r="EK13" s="295">
        <v>46631</v>
      </c>
      <c r="EL13" s="295">
        <v>131012</v>
      </c>
      <c r="EM13" s="295">
        <v>23529</v>
      </c>
      <c r="EN13" s="298">
        <v>261427</v>
      </c>
      <c r="EO13" s="299">
        <v>261427</v>
      </c>
      <c r="EP13" s="294">
        <v>0</v>
      </c>
      <c r="EQ13" s="295">
        <v>0</v>
      </c>
      <c r="ER13" s="296">
        <v>0</v>
      </c>
      <c r="ES13" s="300"/>
      <c r="ET13" s="295">
        <v>0</v>
      </c>
      <c r="EU13" s="295">
        <v>0</v>
      </c>
      <c r="EV13" s="295">
        <v>0</v>
      </c>
      <c r="EW13" s="295">
        <v>217</v>
      </c>
      <c r="EX13" s="295">
        <v>0</v>
      </c>
      <c r="EY13" s="298">
        <v>217</v>
      </c>
      <c r="EZ13" s="299">
        <v>217</v>
      </c>
      <c r="FA13" s="294">
        <v>0</v>
      </c>
      <c r="FB13" s="295">
        <v>0</v>
      </c>
      <c r="FC13" s="296">
        <v>0</v>
      </c>
      <c r="FD13" s="300"/>
      <c r="FE13" s="295">
        <v>0</v>
      </c>
      <c r="FF13" s="295">
        <v>0</v>
      </c>
      <c r="FG13" s="295">
        <v>0</v>
      </c>
      <c r="FH13" s="295">
        <v>0</v>
      </c>
      <c r="FI13" s="295">
        <v>651</v>
      </c>
      <c r="FJ13" s="298">
        <v>651</v>
      </c>
      <c r="FK13" s="299">
        <v>651</v>
      </c>
      <c r="FL13" s="294">
        <v>0</v>
      </c>
      <c r="FM13" s="295">
        <v>0</v>
      </c>
      <c r="FN13" s="296">
        <v>0</v>
      </c>
      <c r="FO13" s="300"/>
      <c r="FP13" s="295">
        <v>0</v>
      </c>
      <c r="FQ13" s="295">
        <v>0</v>
      </c>
      <c r="FR13" s="295">
        <v>0</v>
      </c>
      <c r="FS13" s="295">
        <v>21576</v>
      </c>
      <c r="FT13" s="295">
        <v>0</v>
      </c>
      <c r="FU13" s="298">
        <v>21576</v>
      </c>
      <c r="FV13" s="299">
        <v>21576</v>
      </c>
      <c r="FW13" s="294">
        <v>0</v>
      </c>
      <c r="FX13" s="295">
        <v>0</v>
      </c>
      <c r="FY13" s="296">
        <v>0</v>
      </c>
      <c r="FZ13" s="297">
        <v>0</v>
      </c>
      <c r="GA13" s="295">
        <v>56437</v>
      </c>
      <c r="GB13" s="295">
        <v>103536</v>
      </c>
      <c r="GC13" s="295">
        <v>336587</v>
      </c>
      <c r="GD13" s="295">
        <v>138095</v>
      </c>
      <c r="GE13" s="295">
        <v>79605</v>
      </c>
      <c r="GF13" s="298">
        <v>714260</v>
      </c>
      <c r="GG13" s="299">
        <v>714260</v>
      </c>
      <c r="GH13" s="294">
        <v>0</v>
      </c>
      <c r="GI13" s="295">
        <v>0</v>
      </c>
      <c r="GJ13" s="296">
        <v>0</v>
      </c>
      <c r="GK13" s="297">
        <v>0</v>
      </c>
      <c r="GL13" s="295">
        <v>119</v>
      </c>
      <c r="GM13" s="295">
        <v>21</v>
      </c>
      <c r="GN13" s="295">
        <v>8648</v>
      </c>
      <c r="GO13" s="295">
        <v>77</v>
      </c>
      <c r="GP13" s="295">
        <v>35</v>
      </c>
      <c r="GQ13" s="298">
        <v>8900</v>
      </c>
      <c r="GR13" s="299">
        <v>8900</v>
      </c>
      <c r="GS13" s="294">
        <v>0</v>
      </c>
      <c r="GT13" s="295">
        <v>0</v>
      </c>
      <c r="GU13" s="296">
        <v>0</v>
      </c>
      <c r="GV13" s="297">
        <v>0</v>
      </c>
      <c r="GW13" s="295">
        <v>0</v>
      </c>
      <c r="GX13" s="295">
        <v>0</v>
      </c>
      <c r="GY13" s="295">
        <v>0</v>
      </c>
      <c r="GZ13" s="295">
        <v>0</v>
      </c>
      <c r="HA13" s="295">
        <v>0</v>
      </c>
      <c r="HB13" s="298">
        <v>0</v>
      </c>
      <c r="HC13" s="299">
        <v>0</v>
      </c>
      <c r="HD13" s="294">
        <v>0</v>
      </c>
      <c r="HE13" s="295">
        <v>0</v>
      </c>
      <c r="HF13" s="296">
        <v>0</v>
      </c>
      <c r="HG13" s="300"/>
      <c r="HH13" s="295">
        <v>0</v>
      </c>
      <c r="HI13" s="295">
        <v>0</v>
      </c>
      <c r="HJ13" s="295">
        <v>0</v>
      </c>
      <c r="HK13" s="295">
        <v>0</v>
      </c>
      <c r="HL13" s="295">
        <v>0</v>
      </c>
      <c r="HM13" s="298">
        <v>0</v>
      </c>
      <c r="HN13" s="299">
        <v>0</v>
      </c>
      <c r="HO13" s="294">
        <v>0</v>
      </c>
      <c r="HP13" s="295">
        <v>0</v>
      </c>
      <c r="HQ13" s="296">
        <v>0</v>
      </c>
      <c r="HR13" s="297">
        <v>0</v>
      </c>
      <c r="HS13" s="295">
        <v>421404</v>
      </c>
      <c r="HT13" s="295">
        <v>397575</v>
      </c>
      <c r="HU13" s="295">
        <v>4207985</v>
      </c>
      <c r="HV13" s="295">
        <v>5707622</v>
      </c>
      <c r="HW13" s="295">
        <v>3549723</v>
      </c>
      <c r="HX13" s="298">
        <v>14284309</v>
      </c>
      <c r="HY13" s="299">
        <v>14284309</v>
      </c>
    </row>
    <row r="14" spans="2:233" ht="21" customHeight="1" x14ac:dyDescent="0.2">
      <c r="B14" s="292" t="s">
        <v>10</v>
      </c>
      <c r="C14" s="294">
        <v>1755</v>
      </c>
      <c r="D14" s="295">
        <v>4765</v>
      </c>
      <c r="E14" s="296">
        <v>6520</v>
      </c>
      <c r="F14" s="297">
        <v>0</v>
      </c>
      <c r="G14" s="295">
        <v>691554</v>
      </c>
      <c r="H14" s="295">
        <v>1174778</v>
      </c>
      <c r="I14" s="295">
        <v>3235669</v>
      </c>
      <c r="J14" s="295">
        <v>4348085</v>
      </c>
      <c r="K14" s="295">
        <v>4455643</v>
      </c>
      <c r="L14" s="298">
        <v>13905729</v>
      </c>
      <c r="M14" s="299">
        <v>13912249</v>
      </c>
      <c r="N14" s="294">
        <v>0</v>
      </c>
      <c r="O14" s="295">
        <v>0</v>
      </c>
      <c r="P14" s="296">
        <v>0</v>
      </c>
      <c r="Q14" s="300"/>
      <c r="R14" s="295">
        <v>73315</v>
      </c>
      <c r="S14" s="295">
        <v>299305</v>
      </c>
      <c r="T14" s="295">
        <v>2034080</v>
      </c>
      <c r="U14" s="295">
        <v>3029820</v>
      </c>
      <c r="V14" s="295">
        <v>3641110</v>
      </c>
      <c r="W14" s="298">
        <v>9077630</v>
      </c>
      <c r="X14" s="299">
        <v>9077630</v>
      </c>
      <c r="Y14" s="294">
        <v>0</v>
      </c>
      <c r="Z14" s="295">
        <v>0</v>
      </c>
      <c r="AA14" s="296">
        <v>0</v>
      </c>
      <c r="AB14" s="300"/>
      <c r="AC14" s="295">
        <v>515981</v>
      </c>
      <c r="AD14" s="295">
        <v>646438</v>
      </c>
      <c r="AE14" s="295">
        <v>946200</v>
      </c>
      <c r="AF14" s="295">
        <v>907134</v>
      </c>
      <c r="AG14" s="295">
        <v>492023</v>
      </c>
      <c r="AH14" s="298">
        <v>3507776</v>
      </c>
      <c r="AI14" s="299">
        <v>3507776</v>
      </c>
      <c r="AJ14" s="294">
        <v>0</v>
      </c>
      <c r="AK14" s="295">
        <v>0</v>
      </c>
      <c r="AL14" s="296">
        <v>0</v>
      </c>
      <c r="AM14" s="300"/>
      <c r="AN14" s="295">
        <v>0</v>
      </c>
      <c r="AO14" s="295">
        <v>0</v>
      </c>
      <c r="AP14" s="295">
        <v>0</v>
      </c>
      <c r="AQ14" s="295">
        <v>0</v>
      </c>
      <c r="AR14" s="295">
        <v>-2635</v>
      </c>
      <c r="AS14" s="298">
        <v>-2635</v>
      </c>
      <c r="AT14" s="299">
        <v>-2635</v>
      </c>
      <c r="AU14" s="294">
        <v>0</v>
      </c>
      <c r="AV14" s="295">
        <v>0</v>
      </c>
      <c r="AW14" s="296">
        <v>0</v>
      </c>
      <c r="AX14" s="300"/>
      <c r="AY14" s="295">
        <v>0</v>
      </c>
      <c r="AZ14" s="295">
        <v>0</v>
      </c>
      <c r="BA14" s="295">
        <v>0</v>
      </c>
      <c r="BB14" s="295">
        <v>65410</v>
      </c>
      <c r="BC14" s="295">
        <v>147915</v>
      </c>
      <c r="BD14" s="298">
        <v>213325</v>
      </c>
      <c r="BE14" s="299">
        <v>213325</v>
      </c>
      <c r="BF14" s="294">
        <v>0</v>
      </c>
      <c r="BG14" s="295">
        <v>0</v>
      </c>
      <c r="BH14" s="296">
        <v>0</v>
      </c>
      <c r="BI14" s="300"/>
      <c r="BJ14" s="295">
        <v>0</v>
      </c>
      <c r="BK14" s="295">
        <v>0</v>
      </c>
      <c r="BL14" s="295">
        <v>0</v>
      </c>
      <c r="BM14" s="295">
        <v>98115</v>
      </c>
      <c r="BN14" s="295">
        <v>37975</v>
      </c>
      <c r="BO14" s="298">
        <v>136090</v>
      </c>
      <c r="BP14" s="299">
        <v>136090</v>
      </c>
      <c r="BQ14" s="294">
        <v>1755</v>
      </c>
      <c r="BR14" s="295">
        <v>4765</v>
      </c>
      <c r="BS14" s="296">
        <v>6520</v>
      </c>
      <c r="BT14" s="297">
        <v>0</v>
      </c>
      <c r="BU14" s="295">
        <v>102258</v>
      </c>
      <c r="BV14" s="295">
        <v>223690</v>
      </c>
      <c r="BW14" s="295">
        <v>253926</v>
      </c>
      <c r="BX14" s="295">
        <v>247077</v>
      </c>
      <c r="BY14" s="295">
        <v>129375</v>
      </c>
      <c r="BZ14" s="298">
        <v>956326</v>
      </c>
      <c r="CA14" s="299">
        <v>962846</v>
      </c>
      <c r="CB14" s="294">
        <v>0</v>
      </c>
      <c r="CC14" s="295">
        <v>0</v>
      </c>
      <c r="CD14" s="296">
        <v>0</v>
      </c>
      <c r="CE14" s="297">
        <v>0</v>
      </c>
      <c r="CF14" s="295">
        <v>0</v>
      </c>
      <c r="CG14" s="295">
        <v>5345</v>
      </c>
      <c r="CH14" s="295">
        <v>1463</v>
      </c>
      <c r="CI14" s="295">
        <v>529</v>
      </c>
      <c r="CJ14" s="295">
        <v>9880</v>
      </c>
      <c r="CK14" s="298">
        <v>17217</v>
      </c>
      <c r="CL14" s="299">
        <v>17217</v>
      </c>
      <c r="CM14" s="294">
        <v>0</v>
      </c>
      <c r="CN14" s="295">
        <v>0</v>
      </c>
      <c r="CO14" s="296">
        <v>0</v>
      </c>
      <c r="CP14" s="297">
        <v>0</v>
      </c>
      <c r="CQ14" s="295">
        <v>0</v>
      </c>
      <c r="CR14" s="295">
        <v>0</v>
      </c>
      <c r="CS14" s="295">
        <v>0</v>
      </c>
      <c r="CT14" s="295">
        <v>0</v>
      </c>
      <c r="CU14" s="295">
        <v>0</v>
      </c>
      <c r="CV14" s="298">
        <v>0</v>
      </c>
      <c r="CW14" s="299">
        <v>0</v>
      </c>
      <c r="CX14" s="294">
        <v>0</v>
      </c>
      <c r="CY14" s="295">
        <v>0</v>
      </c>
      <c r="CZ14" s="296">
        <v>0</v>
      </c>
      <c r="DA14" s="300"/>
      <c r="DB14" s="295">
        <v>0</v>
      </c>
      <c r="DC14" s="295">
        <v>0</v>
      </c>
      <c r="DD14" s="295">
        <v>0</v>
      </c>
      <c r="DE14" s="295">
        <v>0</v>
      </c>
      <c r="DF14" s="295">
        <v>0</v>
      </c>
      <c r="DG14" s="298">
        <v>0</v>
      </c>
      <c r="DH14" s="299">
        <v>0</v>
      </c>
      <c r="DI14" s="294">
        <v>1710</v>
      </c>
      <c r="DJ14" s="295">
        <v>7846</v>
      </c>
      <c r="DK14" s="296">
        <v>9556</v>
      </c>
      <c r="DL14" s="297">
        <v>0</v>
      </c>
      <c r="DM14" s="295">
        <v>449861</v>
      </c>
      <c r="DN14" s="295">
        <v>949763</v>
      </c>
      <c r="DO14" s="295">
        <v>3774832</v>
      </c>
      <c r="DP14" s="295">
        <v>4952004</v>
      </c>
      <c r="DQ14" s="295">
        <v>4412928</v>
      </c>
      <c r="DR14" s="298">
        <v>14539388</v>
      </c>
      <c r="DS14" s="301">
        <v>14548944</v>
      </c>
      <c r="DT14" s="294">
        <v>0</v>
      </c>
      <c r="DU14" s="295">
        <v>0</v>
      </c>
      <c r="DV14" s="296">
        <v>0</v>
      </c>
      <c r="DW14" s="300"/>
      <c r="DX14" s="295">
        <v>165106</v>
      </c>
      <c r="DY14" s="295">
        <v>459730</v>
      </c>
      <c r="DZ14" s="295">
        <v>3179861</v>
      </c>
      <c r="EA14" s="295">
        <v>4305012</v>
      </c>
      <c r="EB14" s="295">
        <v>4071972</v>
      </c>
      <c r="EC14" s="298">
        <v>12181681</v>
      </c>
      <c r="ED14" s="299">
        <v>12181681</v>
      </c>
      <c r="EE14" s="294">
        <v>0</v>
      </c>
      <c r="EF14" s="295">
        <v>0</v>
      </c>
      <c r="EG14" s="296">
        <v>0</v>
      </c>
      <c r="EH14" s="300"/>
      <c r="EI14" s="295">
        <v>85148</v>
      </c>
      <c r="EJ14" s="295">
        <v>140133</v>
      </c>
      <c r="EK14" s="295">
        <v>187574</v>
      </c>
      <c r="EL14" s="295">
        <v>94678</v>
      </c>
      <c r="EM14" s="295">
        <v>93186</v>
      </c>
      <c r="EN14" s="298">
        <v>600719</v>
      </c>
      <c r="EO14" s="299">
        <v>600719</v>
      </c>
      <c r="EP14" s="294">
        <v>0</v>
      </c>
      <c r="EQ14" s="295">
        <v>0</v>
      </c>
      <c r="ER14" s="296">
        <v>0</v>
      </c>
      <c r="ES14" s="300"/>
      <c r="ET14" s="295">
        <v>0</v>
      </c>
      <c r="EU14" s="295">
        <v>0</v>
      </c>
      <c r="EV14" s="295">
        <v>0</v>
      </c>
      <c r="EW14" s="295">
        <v>0</v>
      </c>
      <c r="EX14" s="295">
        <v>0</v>
      </c>
      <c r="EY14" s="298">
        <v>0</v>
      </c>
      <c r="EZ14" s="299">
        <v>0</v>
      </c>
      <c r="FA14" s="294">
        <v>0</v>
      </c>
      <c r="FB14" s="295">
        <v>0</v>
      </c>
      <c r="FC14" s="296">
        <v>0</v>
      </c>
      <c r="FD14" s="300"/>
      <c r="FE14" s="295">
        <v>0</v>
      </c>
      <c r="FF14" s="295">
        <v>0</v>
      </c>
      <c r="FG14" s="295">
        <v>0</v>
      </c>
      <c r="FH14" s="295">
        <v>434</v>
      </c>
      <c r="FI14" s="295">
        <v>2534</v>
      </c>
      <c r="FJ14" s="298">
        <v>2968</v>
      </c>
      <c r="FK14" s="299">
        <v>2968</v>
      </c>
      <c r="FL14" s="294">
        <v>0</v>
      </c>
      <c r="FM14" s="295">
        <v>0</v>
      </c>
      <c r="FN14" s="296">
        <v>0</v>
      </c>
      <c r="FO14" s="300"/>
      <c r="FP14" s="295">
        <v>0</v>
      </c>
      <c r="FQ14" s="295">
        <v>0</v>
      </c>
      <c r="FR14" s="295">
        <v>0</v>
      </c>
      <c r="FS14" s="295">
        <v>96813</v>
      </c>
      <c r="FT14" s="295">
        <v>69223</v>
      </c>
      <c r="FU14" s="298">
        <v>166036</v>
      </c>
      <c r="FV14" s="299">
        <v>166036</v>
      </c>
      <c r="FW14" s="294">
        <v>1710</v>
      </c>
      <c r="FX14" s="295">
        <v>7846</v>
      </c>
      <c r="FY14" s="296">
        <v>9556</v>
      </c>
      <c r="FZ14" s="297">
        <v>0</v>
      </c>
      <c r="GA14" s="295">
        <v>199607</v>
      </c>
      <c r="GB14" s="295">
        <v>349823</v>
      </c>
      <c r="GC14" s="295">
        <v>405944</v>
      </c>
      <c r="GD14" s="295">
        <v>455032</v>
      </c>
      <c r="GE14" s="295">
        <v>175656</v>
      </c>
      <c r="GF14" s="298">
        <v>1586062</v>
      </c>
      <c r="GG14" s="299">
        <v>1595618</v>
      </c>
      <c r="GH14" s="294">
        <v>0</v>
      </c>
      <c r="GI14" s="295">
        <v>0</v>
      </c>
      <c r="GJ14" s="296">
        <v>0</v>
      </c>
      <c r="GK14" s="297">
        <v>0</v>
      </c>
      <c r="GL14" s="295">
        <v>0</v>
      </c>
      <c r="GM14" s="295">
        <v>77</v>
      </c>
      <c r="GN14" s="295">
        <v>1453</v>
      </c>
      <c r="GO14" s="295">
        <v>35</v>
      </c>
      <c r="GP14" s="295">
        <v>357</v>
      </c>
      <c r="GQ14" s="298">
        <v>1922</v>
      </c>
      <c r="GR14" s="299">
        <v>1922</v>
      </c>
      <c r="GS14" s="294">
        <v>0</v>
      </c>
      <c r="GT14" s="295">
        <v>0</v>
      </c>
      <c r="GU14" s="296">
        <v>0</v>
      </c>
      <c r="GV14" s="297">
        <v>0</v>
      </c>
      <c r="GW14" s="295">
        <v>0</v>
      </c>
      <c r="GX14" s="295">
        <v>0</v>
      </c>
      <c r="GY14" s="295">
        <v>0</v>
      </c>
      <c r="GZ14" s="295">
        <v>0</v>
      </c>
      <c r="HA14" s="295">
        <v>0</v>
      </c>
      <c r="HB14" s="298">
        <v>0</v>
      </c>
      <c r="HC14" s="299">
        <v>0</v>
      </c>
      <c r="HD14" s="294">
        <v>0</v>
      </c>
      <c r="HE14" s="295">
        <v>0</v>
      </c>
      <c r="HF14" s="296">
        <v>0</v>
      </c>
      <c r="HG14" s="300"/>
      <c r="HH14" s="295">
        <v>0</v>
      </c>
      <c r="HI14" s="295">
        <v>0</v>
      </c>
      <c r="HJ14" s="295">
        <v>0</v>
      </c>
      <c r="HK14" s="295">
        <v>0</v>
      </c>
      <c r="HL14" s="295">
        <v>0</v>
      </c>
      <c r="HM14" s="298">
        <v>0</v>
      </c>
      <c r="HN14" s="299">
        <v>0</v>
      </c>
      <c r="HO14" s="294">
        <v>3465</v>
      </c>
      <c r="HP14" s="295">
        <v>12611</v>
      </c>
      <c r="HQ14" s="296">
        <v>16076</v>
      </c>
      <c r="HR14" s="297">
        <v>0</v>
      </c>
      <c r="HS14" s="295">
        <v>1141415</v>
      </c>
      <c r="HT14" s="295">
        <v>2124541</v>
      </c>
      <c r="HU14" s="295">
        <v>7010501</v>
      </c>
      <c r="HV14" s="295">
        <v>9300089</v>
      </c>
      <c r="HW14" s="295">
        <v>8868571</v>
      </c>
      <c r="HX14" s="298">
        <v>28445117</v>
      </c>
      <c r="HY14" s="299">
        <v>28461193</v>
      </c>
    </row>
    <row r="15" spans="2:233" ht="21" customHeight="1" x14ac:dyDescent="0.2">
      <c r="B15" s="292" t="s">
        <v>11</v>
      </c>
      <c r="C15" s="294">
        <v>2940</v>
      </c>
      <c r="D15" s="295">
        <v>5040</v>
      </c>
      <c r="E15" s="296">
        <v>7980</v>
      </c>
      <c r="F15" s="297">
        <v>0</v>
      </c>
      <c r="G15" s="295">
        <v>931869</v>
      </c>
      <c r="H15" s="295">
        <v>975544</v>
      </c>
      <c r="I15" s="295">
        <v>2794222</v>
      </c>
      <c r="J15" s="295">
        <v>4198083</v>
      </c>
      <c r="K15" s="295">
        <v>1913219</v>
      </c>
      <c r="L15" s="298">
        <v>10812937</v>
      </c>
      <c r="M15" s="299">
        <v>10820917</v>
      </c>
      <c r="N15" s="294">
        <v>0</v>
      </c>
      <c r="O15" s="295">
        <v>0</v>
      </c>
      <c r="P15" s="296">
        <v>0</v>
      </c>
      <c r="Q15" s="300"/>
      <c r="R15" s="295">
        <v>2635</v>
      </c>
      <c r="S15" s="295">
        <v>103850</v>
      </c>
      <c r="T15" s="295">
        <v>1920370</v>
      </c>
      <c r="U15" s="295">
        <v>2823130</v>
      </c>
      <c r="V15" s="295">
        <v>1250370</v>
      </c>
      <c r="W15" s="298">
        <v>6100355</v>
      </c>
      <c r="X15" s="299">
        <v>6100355</v>
      </c>
      <c r="Y15" s="294">
        <v>0</v>
      </c>
      <c r="Z15" s="295">
        <v>0</v>
      </c>
      <c r="AA15" s="296">
        <v>0</v>
      </c>
      <c r="AB15" s="300"/>
      <c r="AC15" s="295">
        <v>810375</v>
      </c>
      <c r="AD15" s="295">
        <v>707130</v>
      </c>
      <c r="AE15" s="295">
        <v>728937</v>
      </c>
      <c r="AF15" s="295">
        <v>949458</v>
      </c>
      <c r="AG15" s="295">
        <v>383655</v>
      </c>
      <c r="AH15" s="298">
        <v>3579555</v>
      </c>
      <c r="AI15" s="299">
        <v>3579555</v>
      </c>
      <c r="AJ15" s="294">
        <v>0</v>
      </c>
      <c r="AK15" s="295">
        <v>0</v>
      </c>
      <c r="AL15" s="296">
        <v>0</v>
      </c>
      <c r="AM15" s="300"/>
      <c r="AN15" s="295">
        <v>0</v>
      </c>
      <c r="AO15" s="295">
        <v>0</v>
      </c>
      <c r="AP15" s="295">
        <v>0</v>
      </c>
      <c r="AQ15" s="295">
        <v>0</v>
      </c>
      <c r="AR15" s="295">
        <v>0</v>
      </c>
      <c r="AS15" s="298">
        <v>0</v>
      </c>
      <c r="AT15" s="299">
        <v>0</v>
      </c>
      <c r="AU15" s="294">
        <v>0</v>
      </c>
      <c r="AV15" s="295">
        <v>0</v>
      </c>
      <c r="AW15" s="296">
        <v>0</v>
      </c>
      <c r="AX15" s="300"/>
      <c r="AY15" s="295">
        <v>24645</v>
      </c>
      <c r="AZ15" s="295">
        <v>2635</v>
      </c>
      <c r="BA15" s="295">
        <v>2525</v>
      </c>
      <c r="BB15" s="295">
        <v>102945</v>
      </c>
      <c r="BC15" s="295">
        <v>171810</v>
      </c>
      <c r="BD15" s="298">
        <v>304560</v>
      </c>
      <c r="BE15" s="299">
        <v>304560</v>
      </c>
      <c r="BF15" s="294">
        <v>0</v>
      </c>
      <c r="BG15" s="295">
        <v>0</v>
      </c>
      <c r="BH15" s="296">
        <v>0</v>
      </c>
      <c r="BI15" s="300"/>
      <c r="BJ15" s="295">
        <v>0</v>
      </c>
      <c r="BK15" s="295">
        <v>24645</v>
      </c>
      <c r="BL15" s="295">
        <v>0</v>
      </c>
      <c r="BM15" s="295">
        <v>0</v>
      </c>
      <c r="BN15" s="295">
        <v>0</v>
      </c>
      <c r="BO15" s="298">
        <v>24645</v>
      </c>
      <c r="BP15" s="299">
        <v>24645</v>
      </c>
      <c r="BQ15" s="294">
        <v>2940</v>
      </c>
      <c r="BR15" s="295">
        <v>5040</v>
      </c>
      <c r="BS15" s="296">
        <v>7980</v>
      </c>
      <c r="BT15" s="297">
        <v>0</v>
      </c>
      <c r="BU15" s="295">
        <v>92669</v>
      </c>
      <c r="BV15" s="295">
        <v>132199</v>
      </c>
      <c r="BW15" s="295">
        <v>142390</v>
      </c>
      <c r="BX15" s="295">
        <v>322550</v>
      </c>
      <c r="BY15" s="295">
        <v>106949</v>
      </c>
      <c r="BZ15" s="298">
        <v>796757</v>
      </c>
      <c r="CA15" s="299">
        <v>804737</v>
      </c>
      <c r="CB15" s="294">
        <v>0</v>
      </c>
      <c r="CC15" s="295">
        <v>0</v>
      </c>
      <c r="CD15" s="296">
        <v>0</v>
      </c>
      <c r="CE15" s="297">
        <v>0</v>
      </c>
      <c r="CF15" s="295">
        <v>1545</v>
      </c>
      <c r="CG15" s="295">
        <v>5085</v>
      </c>
      <c r="CH15" s="295">
        <v>0</v>
      </c>
      <c r="CI15" s="295">
        <v>0</v>
      </c>
      <c r="CJ15" s="295">
        <v>435</v>
      </c>
      <c r="CK15" s="298">
        <v>7065</v>
      </c>
      <c r="CL15" s="299">
        <v>7065</v>
      </c>
      <c r="CM15" s="294">
        <v>0</v>
      </c>
      <c r="CN15" s="295">
        <v>0</v>
      </c>
      <c r="CO15" s="296">
        <v>0</v>
      </c>
      <c r="CP15" s="297">
        <v>0</v>
      </c>
      <c r="CQ15" s="295">
        <v>0</v>
      </c>
      <c r="CR15" s="295">
        <v>0</v>
      </c>
      <c r="CS15" s="295">
        <v>0</v>
      </c>
      <c r="CT15" s="295">
        <v>0</v>
      </c>
      <c r="CU15" s="295">
        <v>0</v>
      </c>
      <c r="CV15" s="298">
        <v>0</v>
      </c>
      <c r="CW15" s="299">
        <v>0</v>
      </c>
      <c r="CX15" s="294">
        <v>0</v>
      </c>
      <c r="CY15" s="295">
        <v>0</v>
      </c>
      <c r="CZ15" s="296">
        <v>0</v>
      </c>
      <c r="DA15" s="300"/>
      <c r="DB15" s="295">
        <v>0</v>
      </c>
      <c r="DC15" s="295">
        <v>0</v>
      </c>
      <c r="DD15" s="295">
        <v>0</v>
      </c>
      <c r="DE15" s="295">
        <v>0</v>
      </c>
      <c r="DF15" s="295">
        <v>0</v>
      </c>
      <c r="DG15" s="298">
        <v>0</v>
      </c>
      <c r="DH15" s="299">
        <v>0</v>
      </c>
      <c r="DI15" s="294">
        <v>4506</v>
      </c>
      <c r="DJ15" s="295">
        <v>6803</v>
      </c>
      <c r="DK15" s="296">
        <v>11309</v>
      </c>
      <c r="DL15" s="297">
        <v>0</v>
      </c>
      <c r="DM15" s="295">
        <v>343430</v>
      </c>
      <c r="DN15" s="295">
        <v>378202</v>
      </c>
      <c r="DO15" s="295">
        <v>2712886</v>
      </c>
      <c r="DP15" s="295">
        <v>3787761</v>
      </c>
      <c r="DQ15" s="295">
        <v>1769803</v>
      </c>
      <c r="DR15" s="298">
        <v>8992082</v>
      </c>
      <c r="DS15" s="301">
        <v>9003391</v>
      </c>
      <c r="DT15" s="294">
        <v>0</v>
      </c>
      <c r="DU15" s="295">
        <v>0</v>
      </c>
      <c r="DV15" s="296">
        <v>0</v>
      </c>
      <c r="DW15" s="300"/>
      <c r="DX15" s="295">
        <v>21576</v>
      </c>
      <c r="DY15" s="295">
        <v>96751</v>
      </c>
      <c r="DZ15" s="295">
        <v>2317127</v>
      </c>
      <c r="EA15" s="295">
        <v>3335970</v>
      </c>
      <c r="EB15" s="295">
        <v>1588357</v>
      </c>
      <c r="EC15" s="298">
        <v>7359781</v>
      </c>
      <c r="ED15" s="299">
        <v>7359781</v>
      </c>
      <c r="EE15" s="294">
        <v>0</v>
      </c>
      <c r="EF15" s="295">
        <v>0</v>
      </c>
      <c r="EG15" s="296">
        <v>0</v>
      </c>
      <c r="EH15" s="300"/>
      <c r="EI15" s="295">
        <v>204532</v>
      </c>
      <c r="EJ15" s="295">
        <v>133925</v>
      </c>
      <c r="EK15" s="295">
        <v>147745</v>
      </c>
      <c r="EL15" s="295">
        <v>103497</v>
      </c>
      <c r="EM15" s="295">
        <v>39117</v>
      </c>
      <c r="EN15" s="298">
        <v>628816</v>
      </c>
      <c r="EO15" s="299">
        <v>628816</v>
      </c>
      <c r="EP15" s="294">
        <v>0</v>
      </c>
      <c r="EQ15" s="295">
        <v>0</v>
      </c>
      <c r="ER15" s="296">
        <v>0</v>
      </c>
      <c r="ES15" s="300"/>
      <c r="ET15" s="295">
        <v>0</v>
      </c>
      <c r="EU15" s="295">
        <v>0</v>
      </c>
      <c r="EV15" s="295">
        <v>0</v>
      </c>
      <c r="EW15" s="295">
        <v>0</v>
      </c>
      <c r="EX15" s="295">
        <v>0</v>
      </c>
      <c r="EY15" s="298">
        <v>0</v>
      </c>
      <c r="EZ15" s="299">
        <v>0</v>
      </c>
      <c r="FA15" s="294">
        <v>0</v>
      </c>
      <c r="FB15" s="295">
        <v>0</v>
      </c>
      <c r="FC15" s="296">
        <v>0</v>
      </c>
      <c r="FD15" s="300"/>
      <c r="FE15" s="295">
        <v>217</v>
      </c>
      <c r="FF15" s="295">
        <v>217</v>
      </c>
      <c r="FG15" s="295">
        <v>217</v>
      </c>
      <c r="FH15" s="295">
        <v>24207</v>
      </c>
      <c r="FI15" s="295">
        <v>24802</v>
      </c>
      <c r="FJ15" s="298">
        <v>49660</v>
      </c>
      <c r="FK15" s="299">
        <v>49660</v>
      </c>
      <c r="FL15" s="294">
        <v>0</v>
      </c>
      <c r="FM15" s="295">
        <v>0</v>
      </c>
      <c r="FN15" s="296">
        <v>0</v>
      </c>
      <c r="FO15" s="300"/>
      <c r="FP15" s="295">
        <v>0</v>
      </c>
      <c r="FQ15" s="295">
        <v>21576</v>
      </c>
      <c r="FR15" s="295">
        <v>0</v>
      </c>
      <c r="FS15" s="295">
        <v>0</v>
      </c>
      <c r="FT15" s="295">
        <v>0</v>
      </c>
      <c r="FU15" s="298">
        <v>21576</v>
      </c>
      <c r="FV15" s="299">
        <v>21576</v>
      </c>
      <c r="FW15" s="294">
        <v>4506</v>
      </c>
      <c r="FX15" s="295">
        <v>6803</v>
      </c>
      <c r="FY15" s="296">
        <v>11309</v>
      </c>
      <c r="FZ15" s="297">
        <v>0</v>
      </c>
      <c r="GA15" s="295">
        <v>117091</v>
      </c>
      <c r="GB15" s="295">
        <v>123669</v>
      </c>
      <c r="GC15" s="295">
        <v>247797</v>
      </c>
      <c r="GD15" s="295">
        <v>324087</v>
      </c>
      <c r="GE15" s="295">
        <v>117506</v>
      </c>
      <c r="GF15" s="298">
        <v>930150</v>
      </c>
      <c r="GG15" s="299">
        <v>941459</v>
      </c>
      <c r="GH15" s="294">
        <v>0</v>
      </c>
      <c r="GI15" s="295">
        <v>0</v>
      </c>
      <c r="GJ15" s="296">
        <v>0</v>
      </c>
      <c r="GK15" s="297">
        <v>0</v>
      </c>
      <c r="GL15" s="295">
        <v>14</v>
      </c>
      <c r="GM15" s="295">
        <v>2064</v>
      </c>
      <c r="GN15" s="295">
        <v>0</v>
      </c>
      <c r="GO15" s="295">
        <v>0</v>
      </c>
      <c r="GP15" s="295">
        <v>21</v>
      </c>
      <c r="GQ15" s="298">
        <v>2099</v>
      </c>
      <c r="GR15" s="299">
        <v>2099</v>
      </c>
      <c r="GS15" s="294">
        <v>0</v>
      </c>
      <c r="GT15" s="295">
        <v>0</v>
      </c>
      <c r="GU15" s="296">
        <v>0</v>
      </c>
      <c r="GV15" s="297">
        <v>0</v>
      </c>
      <c r="GW15" s="295">
        <v>0</v>
      </c>
      <c r="GX15" s="295">
        <v>0</v>
      </c>
      <c r="GY15" s="295">
        <v>0</v>
      </c>
      <c r="GZ15" s="295">
        <v>0</v>
      </c>
      <c r="HA15" s="295">
        <v>0</v>
      </c>
      <c r="HB15" s="298">
        <v>0</v>
      </c>
      <c r="HC15" s="299">
        <v>0</v>
      </c>
      <c r="HD15" s="294">
        <v>0</v>
      </c>
      <c r="HE15" s="295">
        <v>0</v>
      </c>
      <c r="HF15" s="296">
        <v>0</v>
      </c>
      <c r="HG15" s="300"/>
      <c r="HH15" s="295">
        <v>0</v>
      </c>
      <c r="HI15" s="295">
        <v>0</v>
      </c>
      <c r="HJ15" s="295">
        <v>0</v>
      </c>
      <c r="HK15" s="295">
        <v>0</v>
      </c>
      <c r="HL15" s="295">
        <v>0</v>
      </c>
      <c r="HM15" s="298">
        <v>0</v>
      </c>
      <c r="HN15" s="299">
        <v>0</v>
      </c>
      <c r="HO15" s="294">
        <v>7446</v>
      </c>
      <c r="HP15" s="295">
        <v>11843</v>
      </c>
      <c r="HQ15" s="296">
        <v>19289</v>
      </c>
      <c r="HR15" s="297">
        <v>0</v>
      </c>
      <c r="HS15" s="295">
        <v>1275299</v>
      </c>
      <c r="HT15" s="295">
        <v>1353746</v>
      </c>
      <c r="HU15" s="295">
        <v>5507108</v>
      </c>
      <c r="HV15" s="295">
        <v>7985844</v>
      </c>
      <c r="HW15" s="295">
        <v>3683022</v>
      </c>
      <c r="HX15" s="298">
        <v>19805019</v>
      </c>
      <c r="HY15" s="299">
        <v>19824308</v>
      </c>
    </row>
    <row r="16" spans="2:233" ht="21" customHeight="1" x14ac:dyDescent="0.2">
      <c r="B16" s="292" t="s">
        <v>12</v>
      </c>
      <c r="C16" s="294">
        <v>3435</v>
      </c>
      <c r="D16" s="295">
        <v>15475</v>
      </c>
      <c r="E16" s="296">
        <v>18910</v>
      </c>
      <c r="F16" s="297">
        <v>0</v>
      </c>
      <c r="G16" s="295">
        <v>321435</v>
      </c>
      <c r="H16" s="295">
        <v>589215</v>
      </c>
      <c r="I16" s="295">
        <v>2620173</v>
      </c>
      <c r="J16" s="295">
        <v>3435385</v>
      </c>
      <c r="K16" s="295">
        <v>2180013</v>
      </c>
      <c r="L16" s="298">
        <v>9146221</v>
      </c>
      <c r="M16" s="299">
        <v>9165131</v>
      </c>
      <c r="N16" s="294">
        <v>0</v>
      </c>
      <c r="O16" s="295">
        <v>0</v>
      </c>
      <c r="P16" s="296">
        <v>0</v>
      </c>
      <c r="Q16" s="300"/>
      <c r="R16" s="295">
        <v>0</v>
      </c>
      <c r="S16" s="295">
        <v>101885</v>
      </c>
      <c r="T16" s="295">
        <v>1404820</v>
      </c>
      <c r="U16" s="295">
        <v>2394897</v>
      </c>
      <c r="V16" s="295">
        <v>1633405</v>
      </c>
      <c r="W16" s="298">
        <v>5535007</v>
      </c>
      <c r="X16" s="299">
        <v>5535007</v>
      </c>
      <c r="Y16" s="294">
        <v>0</v>
      </c>
      <c r="Z16" s="295">
        <v>0</v>
      </c>
      <c r="AA16" s="296">
        <v>0</v>
      </c>
      <c r="AB16" s="300"/>
      <c r="AC16" s="295">
        <v>250380</v>
      </c>
      <c r="AD16" s="295">
        <v>421120</v>
      </c>
      <c r="AE16" s="295">
        <v>802386</v>
      </c>
      <c r="AF16" s="295">
        <v>711602</v>
      </c>
      <c r="AG16" s="295">
        <v>284523</v>
      </c>
      <c r="AH16" s="298">
        <v>2470011</v>
      </c>
      <c r="AI16" s="299">
        <v>2470011</v>
      </c>
      <c r="AJ16" s="294">
        <v>0</v>
      </c>
      <c r="AK16" s="295">
        <v>0</v>
      </c>
      <c r="AL16" s="296">
        <v>0</v>
      </c>
      <c r="AM16" s="300"/>
      <c r="AN16" s="295">
        <v>0</v>
      </c>
      <c r="AO16" s="295">
        <v>0</v>
      </c>
      <c r="AP16" s="295">
        <v>0</v>
      </c>
      <c r="AQ16" s="295">
        <v>0</v>
      </c>
      <c r="AR16" s="295">
        <v>0</v>
      </c>
      <c r="AS16" s="298">
        <v>0</v>
      </c>
      <c r="AT16" s="299">
        <v>0</v>
      </c>
      <c r="AU16" s="294">
        <v>0</v>
      </c>
      <c r="AV16" s="295">
        <v>0</v>
      </c>
      <c r="AW16" s="296">
        <v>0</v>
      </c>
      <c r="AX16" s="300"/>
      <c r="AY16" s="295">
        <v>0</v>
      </c>
      <c r="AZ16" s="295">
        <v>0</v>
      </c>
      <c r="BA16" s="295">
        <v>0</v>
      </c>
      <c r="BB16" s="295">
        <v>3740</v>
      </c>
      <c r="BC16" s="295">
        <v>39685</v>
      </c>
      <c r="BD16" s="298">
        <v>43425</v>
      </c>
      <c r="BE16" s="299">
        <v>43425</v>
      </c>
      <c r="BF16" s="294">
        <v>0</v>
      </c>
      <c r="BG16" s="295">
        <v>0</v>
      </c>
      <c r="BH16" s="296">
        <v>0</v>
      </c>
      <c r="BI16" s="300"/>
      <c r="BJ16" s="295">
        <v>0</v>
      </c>
      <c r="BK16" s="295">
        <v>0</v>
      </c>
      <c r="BL16" s="295">
        <v>151040</v>
      </c>
      <c r="BM16" s="295">
        <v>95325</v>
      </c>
      <c r="BN16" s="295">
        <v>37975</v>
      </c>
      <c r="BO16" s="298">
        <v>284340</v>
      </c>
      <c r="BP16" s="299">
        <v>284340</v>
      </c>
      <c r="BQ16" s="294">
        <v>3435</v>
      </c>
      <c r="BR16" s="295">
        <v>15475</v>
      </c>
      <c r="BS16" s="296">
        <v>18910</v>
      </c>
      <c r="BT16" s="297">
        <v>0</v>
      </c>
      <c r="BU16" s="295">
        <v>71055</v>
      </c>
      <c r="BV16" s="295">
        <v>57070</v>
      </c>
      <c r="BW16" s="295">
        <v>261927</v>
      </c>
      <c r="BX16" s="295">
        <v>229821</v>
      </c>
      <c r="BY16" s="295">
        <v>183947</v>
      </c>
      <c r="BZ16" s="298">
        <v>803820</v>
      </c>
      <c r="CA16" s="299">
        <v>822730</v>
      </c>
      <c r="CB16" s="294">
        <v>0</v>
      </c>
      <c r="CC16" s="295">
        <v>0</v>
      </c>
      <c r="CD16" s="296">
        <v>0</v>
      </c>
      <c r="CE16" s="297">
        <v>0</v>
      </c>
      <c r="CF16" s="295">
        <v>0</v>
      </c>
      <c r="CG16" s="295">
        <v>9140</v>
      </c>
      <c r="CH16" s="295">
        <v>0</v>
      </c>
      <c r="CI16" s="295">
        <v>0</v>
      </c>
      <c r="CJ16" s="295">
        <v>478</v>
      </c>
      <c r="CK16" s="298">
        <v>9618</v>
      </c>
      <c r="CL16" s="299">
        <v>9618</v>
      </c>
      <c r="CM16" s="294">
        <v>0</v>
      </c>
      <c r="CN16" s="295">
        <v>0</v>
      </c>
      <c r="CO16" s="296">
        <v>0</v>
      </c>
      <c r="CP16" s="297">
        <v>0</v>
      </c>
      <c r="CQ16" s="295">
        <v>0</v>
      </c>
      <c r="CR16" s="295">
        <v>0</v>
      </c>
      <c r="CS16" s="295">
        <v>0</v>
      </c>
      <c r="CT16" s="295">
        <v>0</v>
      </c>
      <c r="CU16" s="295">
        <v>0</v>
      </c>
      <c r="CV16" s="298">
        <v>0</v>
      </c>
      <c r="CW16" s="299">
        <v>0</v>
      </c>
      <c r="CX16" s="294">
        <v>0</v>
      </c>
      <c r="CY16" s="295">
        <v>0</v>
      </c>
      <c r="CZ16" s="296">
        <v>0</v>
      </c>
      <c r="DA16" s="300"/>
      <c r="DB16" s="295">
        <v>0</v>
      </c>
      <c r="DC16" s="295">
        <v>0</v>
      </c>
      <c r="DD16" s="295">
        <v>0</v>
      </c>
      <c r="DE16" s="295">
        <v>0</v>
      </c>
      <c r="DF16" s="295">
        <v>0</v>
      </c>
      <c r="DG16" s="298">
        <v>0</v>
      </c>
      <c r="DH16" s="299">
        <v>0</v>
      </c>
      <c r="DI16" s="294">
        <v>2553</v>
      </c>
      <c r="DJ16" s="295">
        <v>20530</v>
      </c>
      <c r="DK16" s="296">
        <v>23083</v>
      </c>
      <c r="DL16" s="297">
        <v>0</v>
      </c>
      <c r="DM16" s="295">
        <v>140450</v>
      </c>
      <c r="DN16" s="295">
        <v>421841</v>
      </c>
      <c r="DO16" s="295">
        <v>2849062</v>
      </c>
      <c r="DP16" s="295">
        <v>3751011</v>
      </c>
      <c r="DQ16" s="295">
        <v>2426971</v>
      </c>
      <c r="DR16" s="298">
        <v>9589335</v>
      </c>
      <c r="DS16" s="301">
        <v>9612418</v>
      </c>
      <c r="DT16" s="294">
        <v>0</v>
      </c>
      <c r="DU16" s="295">
        <v>0</v>
      </c>
      <c r="DV16" s="296">
        <v>0</v>
      </c>
      <c r="DW16" s="300"/>
      <c r="DX16" s="295">
        <v>0</v>
      </c>
      <c r="DY16" s="295">
        <v>234572</v>
      </c>
      <c r="DZ16" s="295">
        <v>2113427</v>
      </c>
      <c r="EA16" s="295">
        <v>3117765</v>
      </c>
      <c r="EB16" s="295">
        <v>2089398</v>
      </c>
      <c r="EC16" s="298">
        <v>7555162</v>
      </c>
      <c r="ED16" s="299">
        <v>7555162</v>
      </c>
      <c r="EE16" s="294">
        <v>0</v>
      </c>
      <c r="EF16" s="295">
        <v>0</v>
      </c>
      <c r="EG16" s="296">
        <v>0</v>
      </c>
      <c r="EH16" s="300"/>
      <c r="EI16" s="295">
        <v>21658</v>
      </c>
      <c r="EJ16" s="295">
        <v>67589</v>
      </c>
      <c r="EK16" s="295">
        <v>126336</v>
      </c>
      <c r="EL16" s="295">
        <v>121596</v>
      </c>
      <c r="EM16" s="295">
        <v>44518</v>
      </c>
      <c r="EN16" s="298">
        <v>381697</v>
      </c>
      <c r="EO16" s="299">
        <v>381697</v>
      </c>
      <c r="EP16" s="294">
        <v>0</v>
      </c>
      <c r="EQ16" s="295">
        <v>0</v>
      </c>
      <c r="ER16" s="296">
        <v>0</v>
      </c>
      <c r="ES16" s="300"/>
      <c r="ET16" s="295">
        <v>0</v>
      </c>
      <c r="EU16" s="295">
        <v>0</v>
      </c>
      <c r="EV16" s="295">
        <v>0</v>
      </c>
      <c r="EW16" s="295">
        <v>0</v>
      </c>
      <c r="EX16" s="295">
        <v>0</v>
      </c>
      <c r="EY16" s="298">
        <v>0</v>
      </c>
      <c r="EZ16" s="299">
        <v>0</v>
      </c>
      <c r="FA16" s="294">
        <v>0</v>
      </c>
      <c r="FB16" s="295">
        <v>0</v>
      </c>
      <c r="FC16" s="296">
        <v>0</v>
      </c>
      <c r="FD16" s="300"/>
      <c r="FE16" s="295">
        <v>0</v>
      </c>
      <c r="FF16" s="295">
        <v>0</v>
      </c>
      <c r="FG16" s="295">
        <v>0</v>
      </c>
      <c r="FH16" s="295">
        <v>434</v>
      </c>
      <c r="FI16" s="295">
        <v>1736</v>
      </c>
      <c r="FJ16" s="298">
        <v>2170</v>
      </c>
      <c r="FK16" s="299">
        <v>2170</v>
      </c>
      <c r="FL16" s="294">
        <v>0</v>
      </c>
      <c r="FM16" s="295">
        <v>0</v>
      </c>
      <c r="FN16" s="296">
        <v>0</v>
      </c>
      <c r="FO16" s="300"/>
      <c r="FP16" s="295">
        <v>0</v>
      </c>
      <c r="FQ16" s="295">
        <v>0</v>
      </c>
      <c r="FR16" s="295">
        <v>257154</v>
      </c>
      <c r="FS16" s="295">
        <v>138260</v>
      </c>
      <c r="FT16" s="295">
        <v>79918</v>
      </c>
      <c r="FU16" s="298">
        <v>475332</v>
      </c>
      <c r="FV16" s="299">
        <v>475332</v>
      </c>
      <c r="FW16" s="294">
        <v>2553</v>
      </c>
      <c r="FX16" s="295">
        <v>20530</v>
      </c>
      <c r="FY16" s="296">
        <v>23083</v>
      </c>
      <c r="FZ16" s="297">
        <v>0</v>
      </c>
      <c r="GA16" s="295">
        <v>118792</v>
      </c>
      <c r="GB16" s="295">
        <v>110340</v>
      </c>
      <c r="GC16" s="295">
        <v>352145</v>
      </c>
      <c r="GD16" s="295">
        <v>372956</v>
      </c>
      <c r="GE16" s="295">
        <v>211359</v>
      </c>
      <c r="GF16" s="298">
        <v>1165592</v>
      </c>
      <c r="GG16" s="299">
        <v>1188675</v>
      </c>
      <c r="GH16" s="294">
        <v>0</v>
      </c>
      <c r="GI16" s="295">
        <v>0</v>
      </c>
      <c r="GJ16" s="296">
        <v>0</v>
      </c>
      <c r="GK16" s="297">
        <v>0</v>
      </c>
      <c r="GL16" s="295">
        <v>0</v>
      </c>
      <c r="GM16" s="295">
        <v>9340</v>
      </c>
      <c r="GN16" s="295">
        <v>0</v>
      </c>
      <c r="GO16" s="295">
        <v>0</v>
      </c>
      <c r="GP16" s="295">
        <v>42</v>
      </c>
      <c r="GQ16" s="298">
        <v>9382</v>
      </c>
      <c r="GR16" s="299">
        <v>9382</v>
      </c>
      <c r="GS16" s="294">
        <v>0</v>
      </c>
      <c r="GT16" s="295">
        <v>0</v>
      </c>
      <c r="GU16" s="296">
        <v>0</v>
      </c>
      <c r="GV16" s="297">
        <v>0</v>
      </c>
      <c r="GW16" s="295">
        <v>0</v>
      </c>
      <c r="GX16" s="295">
        <v>0</v>
      </c>
      <c r="GY16" s="295">
        <v>0</v>
      </c>
      <c r="GZ16" s="295">
        <v>0</v>
      </c>
      <c r="HA16" s="295">
        <v>0</v>
      </c>
      <c r="HB16" s="298">
        <v>0</v>
      </c>
      <c r="HC16" s="299">
        <v>0</v>
      </c>
      <c r="HD16" s="294">
        <v>0</v>
      </c>
      <c r="HE16" s="295">
        <v>0</v>
      </c>
      <c r="HF16" s="296">
        <v>0</v>
      </c>
      <c r="HG16" s="300"/>
      <c r="HH16" s="295">
        <v>0</v>
      </c>
      <c r="HI16" s="295">
        <v>0</v>
      </c>
      <c r="HJ16" s="295">
        <v>0</v>
      </c>
      <c r="HK16" s="295">
        <v>0</v>
      </c>
      <c r="HL16" s="295">
        <v>0</v>
      </c>
      <c r="HM16" s="298">
        <v>0</v>
      </c>
      <c r="HN16" s="299">
        <v>0</v>
      </c>
      <c r="HO16" s="294">
        <v>5988</v>
      </c>
      <c r="HP16" s="295">
        <v>36005</v>
      </c>
      <c r="HQ16" s="296">
        <v>41993</v>
      </c>
      <c r="HR16" s="297">
        <v>0</v>
      </c>
      <c r="HS16" s="295">
        <v>461885</v>
      </c>
      <c r="HT16" s="295">
        <v>1011056</v>
      </c>
      <c r="HU16" s="295">
        <v>5469235</v>
      </c>
      <c r="HV16" s="295">
        <v>7186396</v>
      </c>
      <c r="HW16" s="295">
        <v>4606984</v>
      </c>
      <c r="HX16" s="298">
        <v>18735556</v>
      </c>
      <c r="HY16" s="299">
        <v>18777549</v>
      </c>
    </row>
    <row r="17" spans="2:233" ht="21" customHeight="1" x14ac:dyDescent="0.2">
      <c r="B17" s="292" t="s">
        <v>13</v>
      </c>
      <c r="C17" s="294">
        <v>0</v>
      </c>
      <c r="D17" s="295">
        <v>0</v>
      </c>
      <c r="E17" s="296">
        <v>0</v>
      </c>
      <c r="F17" s="297">
        <v>0</v>
      </c>
      <c r="G17" s="295">
        <v>68845</v>
      </c>
      <c r="H17" s="295">
        <v>105570</v>
      </c>
      <c r="I17" s="295">
        <v>616729</v>
      </c>
      <c r="J17" s="295">
        <v>900095</v>
      </c>
      <c r="K17" s="295">
        <v>655252</v>
      </c>
      <c r="L17" s="298">
        <v>2346491</v>
      </c>
      <c r="M17" s="299">
        <v>2346491</v>
      </c>
      <c r="N17" s="294">
        <v>0</v>
      </c>
      <c r="O17" s="295">
        <v>0</v>
      </c>
      <c r="P17" s="296">
        <v>0</v>
      </c>
      <c r="Q17" s="300"/>
      <c r="R17" s="295">
        <v>2635</v>
      </c>
      <c r="S17" s="295">
        <v>35340</v>
      </c>
      <c r="T17" s="295">
        <v>353760</v>
      </c>
      <c r="U17" s="295">
        <v>851675</v>
      </c>
      <c r="V17" s="295">
        <v>636522</v>
      </c>
      <c r="W17" s="298">
        <v>1879932</v>
      </c>
      <c r="X17" s="299">
        <v>1879932</v>
      </c>
      <c r="Y17" s="294">
        <v>0</v>
      </c>
      <c r="Z17" s="295">
        <v>0</v>
      </c>
      <c r="AA17" s="296">
        <v>0</v>
      </c>
      <c r="AB17" s="300"/>
      <c r="AC17" s="295">
        <v>60665</v>
      </c>
      <c r="AD17" s="295">
        <v>60250</v>
      </c>
      <c r="AE17" s="295">
        <v>208117</v>
      </c>
      <c r="AF17" s="295">
        <v>19890</v>
      </c>
      <c r="AG17" s="295">
        <v>13600</v>
      </c>
      <c r="AH17" s="298">
        <v>362522</v>
      </c>
      <c r="AI17" s="299">
        <v>362522</v>
      </c>
      <c r="AJ17" s="294">
        <v>0</v>
      </c>
      <c r="AK17" s="295">
        <v>0</v>
      </c>
      <c r="AL17" s="296">
        <v>0</v>
      </c>
      <c r="AM17" s="300"/>
      <c r="AN17" s="295">
        <v>0</v>
      </c>
      <c r="AO17" s="295">
        <v>0</v>
      </c>
      <c r="AP17" s="295">
        <v>0</v>
      </c>
      <c r="AQ17" s="295">
        <v>0</v>
      </c>
      <c r="AR17" s="295">
        <v>0</v>
      </c>
      <c r="AS17" s="298">
        <v>0</v>
      </c>
      <c r="AT17" s="299">
        <v>0</v>
      </c>
      <c r="AU17" s="294">
        <v>0</v>
      </c>
      <c r="AV17" s="295">
        <v>0</v>
      </c>
      <c r="AW17" s="296">
        <v>0</v>
      </c>
      <c r="AX17" s="300"/>
      <c r="AY17" s="295">
        <v>0</v>
      </c>
      <c r="AZ17" s="295">
        <v>0</v>
      </c>
      <c r="BA17" s="295">
        <v>0</v>
      </c>
      <c r="BB17" s="295">
        <v>0</v>
      </c>
      <c r="BC17" s="295">
        <v>0</v>
      </c>
      <c r="BD17" s="298">
        <v>0</v>
      </c>
      <c r="BE17" s="299">
        <v>0</v>
      </c>
      <c r="BF17" s="294">
        <v>0</v>
      </c>
      <c r="BG17" s="295">
        <v>0</v>
      </c>
      <c r="BH17" s="296">
        <v>0</v>
      </c>
      <c r="BI17" s="300"/>
      <c r="BJ17" s="295">
        <v>0</v>
      </c>
      <c r="BK17" s="295">
        <v>0</v>
      </c>
      <c r="BL17" s="295">
        <v>0</v>
      </c>
      <c r="BM17" s="295">
        <v>0</v>
      </c>
      <c r="BN17" s="295">
        <v>0</v>
      </c>
      <c r="BO17" s="298">
        <v>0</v>
      </c>
      <c r="BP17" s="299">
        <v>0</v>
      </c>
      <c r="BQ17" s="294">
        <v>0</v>
      </c>
      <c r="BR17" s="295">
        <v>0</v>
      </c>
      <c r="BS17" s="296">
        <v>0</v>
      </c>
      <c r="BT17" s="297">
        <v>0</v>
      </c>
      <c r="BU17" s="295">
        <v>5545</v>
      </c>
      <c r="BV17" s="295">
        <v>8675</v>
      </c>
      <c r="BW17" s="295">
        <v>52107</v>
      </c>
      <c r="BX17" s="295">
        <v>17425</v>
      </c>
      <c r="BY17" s="295">
        <v>5130</v>
      </c>
      <c r="BZ17" s="298">
        <v>88882</v>
      </c>
      <c r="CA17" s="299">
        <v>88882</v>
      </c>
      <c r="CB17" s="294">
        <v>0</v>
      </c>
      <c r="CC17" s="295">
        <v>0</v>
      </c>
      <c r="CD17" s="296">
        <v>0</v>
      </c>
      <c r="CE17" s="297">
        <v>0</v>
      </c>
      <c r="CF17" s="295">
        <v>0</v>
      </c>
      <c r="CG17" s="295">
        <v>1305</v>
      </c>
      <c r="CH17" s="295">
        <v>2745</v>
      </c>
      <c r="CI17" s="295">
        <v>11105</v>
      </c>
      <c r="CJ17" s="295">
        <v>0</v>
      </c>
      <c r="CK17" s="298">
        <v>15155</v>
      </c>
      <c r="CL17" s="299">
        <v>15155</v>
      </c>
      <c r="CM17" s="294">
        <v>0</v>
      </c>
      <c r="CN17" s="295">
        <v>0</v>
      </c>
      <c r="CO17" s="296">
        <v>0</v>
      </c>
      <c r="CP17" s="297">
        <v>0</v>
      </c>
      <c r="CQ17" s="295">
        <v>0</v>
      </c>
      <c r="CR17" s="295">
        <v>0</v>
      </c>
      <c r="CS17" s="295">
        <v>0</v>
      </c>
      <c r="CT17" s="295">
        <v>0</v>
      </c>
      <c r="CU17" s="295">
        <v>0</v>
      </c>
      <c r="CV17" s="298">
        <v>0</v>
      </c>
      <c r="CW17" s="299">
        <v>0</v>
      </c>
      <c r="CX17" s="294">
        <v>0</v>
      </c>
      <c r="CY17" s="295">
        <v>0</v>
      </c>
      <c r="CZ17" s="296">
        <v>0</v>
      </c>
      <c r="DA17" s="300"/>
      <c r="DB17" s="295">
        <v>0</v>
      </c>
      <c r="DC17" s="295">
        <v>0</v>
      </c>
      <c r="DD17" s="295">
        <v>0</v>
      </c>
      <c r="DE17" s="295">
        <v>0</v>
      </c>
      <c r="DF17" s="295">
        <v>0</v>
      </c>
      <c r="DG17" s="298">
        <v>0</v>
      </c>
      <c r="DH17" s="299">
        <v>0</v>
      </c>
      <c r="DI17" s="294">
        <v>0</v>
      </c>
      <c r="DJ17" s="295">
        <v>0</v>
      </c>
      <c r="DK17" s="296">
        <v>0</v>
      </c>
      <c r="DL17" s="297">
        <v>0</v>
      </c>
      <c r="DM17" s="295">
        <v>53647</v>
      </c>
      <c r="DN17" s="295">
        <v>96547</v>
      </c>
      <c r="DO17" s="295">
        <v>689560</v>
      </c>
      <c r="DP17" s="295">
        <v>1028169</v>
      </c>
      <c r="DQ17" s="295">
        <v>808990</v>
      </c>
      <c r="DR17" s="298">
        <v>2676913</v>
      </c>
      <c r="DS17" s="301">
        <v>2676913</v>
      </c>
      <c r="DT17" s="294">
        <v>0</v>
      </c>
      <c r="DU17" s="295">
        <v>0</v>
      </c>
      <c r="DV17" s="296">
        <v>0</v>
      </c>
      <c r="DW17" s="300"/>
      <c r="DX17" s="295">
        <v>21576</v>
      </c>
      <c r="DY17" s="295">
        <v>58342</v>
      </c>
      <c r="DZ17" s="295">
        <v>512069</v>
      </c>
      <c r="EA17" s="295">
        <v>949519</v>
      </c>
      <c r="EB17" s="295">
        <v>756023</v>
      </c>
      <c r="EC17" s="298">
        <v>2297529</v>
      </c>
      <c r="ED17" s="299">
        <v>2297529</v>
      </c>
      <c r="EE17" s="294">
        <v>0</v>
      </c>
      <c r="EF17" s="295">
        <v>0</v>
      </c>
      <c r="EG17" s="296">
        <v>0</v>
      </c>
      <c r="EH17" s="300"/>
      <c r="EI17" s="295">
        <v>11532</v>
      </c>
      <c r="EJ17" s="295">
        <v>1526</v>
      </c>
      <c r="EK17" s="295">
        <v>75839</v>
      </c>
      <c r="EL17" s="295">
        <v>25382</v>
      </c>
      <c r="EM17" s="295">
        <v>22479</v>
      </c>
      <c r="EN17" s="298">
        <v>136758</v>
      </c>
      <c r="EO17" s="299">
        <v>136758</v>
      </c>
      <c r="EP17" s="294">
        <v>0</v>
      </c>
      <c r="EQ17" s="295">
        <v>0</v>
      </c>
      <c r="ER17" s="296">
        <v>0</v>
      </c>
      <c r="ES17" s="300"/>
      <c r="ET17" s="295">
        <v>0</v>
      </c>
      <c r="EU17" s="295">
        <v>0</v>
      </c>
      <c r="EV17" s="295">
        <v>0</v>
      </c>
      <c r="EW17" s="295">
        <v>0</v>
      </c>
      <c r="EX17" s="295">
        <v>0</v>
      </c>
      <c r="EY17" s="298">
        <v>0</v>
      </c>
      <c r="EZ17" s="299">
        <v>0</v>
      </c>
      <c r="FA17" s="294">
        <v>0</v>
      </c>
      <c r="FB17" s="295">
        <v>0</v>
      </c>
      <c r="FC17" s="296">
        <v>0</v>
      </c>
      <c r="FD17" s="300"/>
      <c r="FE17" s="295">
        <v>0</v>
      </c>
      <c r="FF17" s="295">
        <v>0</v>
      </c>
      <c r="FG17" s="295">
        <v>0</v>
      </c>
      <c r="FH17" s="295">
        <v>0</v>
      </c>
      <c r="FI17" s="295">
        <v>0</v>
      </c>
      <c r="FJ17" s="298">
        <v>0</v>
      </c>
      <c r="FK17" s="299">
        <v>0</v>
      </c>
      <c r="FL17" s="294">
        <v>0</v>
      </c>
      <c r="FM17" s="295">
        <v>0</v>
      </c>
      <c r="FN17" s="296">
        <v>0</v>
      </c>
      <c r="FO17" s="300"/>
      <c r="FP17" s="295">
        <v>0</v>
      </c>
      <c r="FQ17" s="295">
        <v>0</v>
      </c>
      <c r="FR17" s="295">
        <v>0</v>
      </c>
      <c r="FS17" s="295">
        <v>0</v>
      </c>
      <c r="FT17" s="295">
        <v>0</v>
      </c>
      <c r="FU17" s="298">
        <v>0</v>
      </c>
      <c r="FV17" s="299">
        <v>0</v>
      </c>
      <c r="FW17" s="294">
        <v>0</v>
      </c>
      <c r="FX17" s="295">
        <v>0</v>
      </c>
      <c r="FY17" s="296">
        <v>0</v>
      </c>
      <c r="FZ17" s="297">
        <v>0</v>
      </c>
      <c r="GA17" s="295">
        <v>20539</v>
      </c>
      <c r="GB17" s="295">
        <v>36616</v>
      </c>
      <c r="GC17" s="295">
        <v>101610</v>
      </c>
      <c r="GD17" s="295">
        <v>53177</v>
      </c>
      <c r="GE17" s="295">
        <v>30488</v>
      </c>
      <c r="GF17" s="298">
        <v>242430</v>
      </c>
      <c r="GG17" s="299">
        <v>242430</v>
      </c>
      <c r="GH17" s="294">
        <v>0</v>
      </c>
      <c r="GI17" s="295">
        <v>0</v>
      </c>
      <c r="GJ17" s="296">
        <v>0</v>
      </c>
      <c r="GK17" s="297">
        <v>0</v>
      </c>
      <c r="GL17" s="295">
        <v>0</v>
      </c>
      <c r="GM17" s="295">
        <v>63</v>
      </c>
      <c r="GN17" s="295">
        <v>42</v>
      </c>
      <c r="GO17" s="295">
        <v>91</v>
      </c>
      <c r="GP17" s="295">
        <v>0</v>
      </c>
      <c r="GQ17" s="298">
        <v>196</v>
      </c>
      <c r="GR17" s="299">
        <v>196</v>
      </c>
      <c r="GS17" s="294">
        <v>0</v>
      </c>
      <c r="GT17" s="295">
        <v>0</v>
      </c>
      <c r="GU17" s="296">
        <v>0</v>
      </c>
      <c r="GV17" s="297">
        <v>0</v>
      </c>
      <c r="GW17" s="295">
        <v>0</v>
      </c>
      <c r="GX17" s="295">
        <v>0</v>
      </c>
      <c r="GY17" s="295">
        <v>0</v>
      </c>
      <c r="GZ17" s="295">
        <v>0</v>
      </c>
      <c r="HA17" s="295">
        <v>0</v>
      </c>
      <c r="HB17" s="298">
        <v>0</v>
      </c>
      <c r="HC17" s="299">
        <v>0</v>
      </c>
      <c r="HD17" s="294">
        <v>0</v>
      </c>
      <c r="HE17" s="295">
        <v>0</v>
      </c>
      <c r="HF17" s="296">
        <v>0</v>
      </c>
      <c r="HG17" s="300"/>
      <c r="HH17" s="295">
        <v>0</v>
      </c>
      <c r="HI17" s="295">
        <v>0</v>
      </c>
      <c r="HJ17" s="295">
        <v>0</v>
      </c>
      <c r="HK17" s="295">
        <v>0</v>
      </c>
      <c r="HL17" s="295">
        <v>0</v>
      </c>
      <c r="HM17" s="298">
        <v>0</v>
      </c>
      <c r="HN17" s="299">
        <v>0</v>
      </c>
      <c r="HO17" s="294">
        <v>0</v>
      </c>
      <c r="HP17" s="295">
        <v>0</v>
      </c>
      <c r="HQ17" s="296">
        <v>0</v>
      </c>
      <c r="HR17" s="297">
        <v>0</v>
      </c>
      <c r="HS17" s="295">
        <v>122492</v>
      </c>
      <c r="HT17" s="295">
        <v>202117</v>
      </c>
      <c r="HU17" s="295">
        <v>1306289</v>
      </c>
      <c r="HV17" s="295">
        <v>1928264</v>
      </c>
      <c r="HW17" s="295">
        <v>1464242</v>
      </c>
      <c r="HX17" s="298">
        <v>5023404</v>
      </c>
      <c r="HY17" s="299">
        <v>5023404</v>
      </c>
    </row>
    <row r="18" spans="2:233" ht="21" customHeight="1" x14ac:dyDescent="0.2">
      <c r="B18" s="292" t="s">
        <v>15</v>
      </c>
      <c r="C18" s="294">
        <v>0</v>
      </c>
      <c r="D18" s="295">
        <v>0</v>
      </c>
      <c r="E18" s="296">
        <v>0</v>
      </c>
      <c r="F18" s="297">
        <v>0</v>
      </c>
      <c r="G18" s="295">
        <v>216602</v>
      </c>
      <c r="H18" s="295">
        <v>524473</v>
      </c>
      <c r="I18" s="295">
        <v>1563784</v>
      </c>
      <c r="J18" s="295">
        <v>2102523</v>
      </c>
      <c r="K18" s="295">
        <v>1412170</v>
      </c>
      <c r="L18" s="298">
        <v>5819552</v>
      </c>
      <c r="M18" s="299">
        <v>5819552</v>
      </c>
      <c r="N18" s="294">
        <v>0</v>
      </c>
      <c r="O18" s="295">
        <v>0</v>
      </c>
      <c r="P18" s="296">
        <v>0</v>
      </c>
      <c r="Q18" s="300"/>
      <c r="R18" s="295">
        <v>0</v>
      </c>
      <c r="S18" s="295">
        <v>35495</v>
      </c>
      <c r="T18" s="295">
        <v>897305</v>
      </c>
      <c r="U18" s="295">
        <v>1306780</v>
      </c>
      <c r="V18" s="295">
        <v>1093005</v>
      </c>
      <c r="W18" s="298">
        <v>3332585</v>
      </c>
      <c r="X18" s="299">
        <v>3332585</v>
      </c>
      <c r="Y18" s="294">
        <v>0</v>
      </c>
      <c r="Z18" s="295">
        <v>0</v>
      </c>
      <c r="AA18" s="296">
        <v>0</v>
      </c>
      <c r="AB18" s="300"/>
      <c r="AC18" s="295">
        <v>197461</v>
      </c>
      <c r="AD18" s="295">
        <v>440035</v>
      </c>
      <c r="AE18" s="295">
        <v>424722</v>
      </c>
      <c r="AF18" s="295">
        <v>458421</v>
      </c>
      <c r="AG18" s="295">
        <v>122905</v>
      </c>
      <c r="AH18" s="298">
        <v>1643544</v>
      </c>
      <c r="AI18" s="299">
        <v>1643544</v>
      </c>
      <c r="AJ18" s="294">
        <v>0</v>
      </c>
      <c r="AK18" s="295">
        <v>0</v>
      </c>
      <c r="AL18" s="296">
        <v>0</v>
      </c>
      <c r="AM18" s="300"/>
      <c r="AN18" s="295">
        <v>0</v>
      </c>
      <c r="AO18" s="295">
        <v>0</v>
      </c>
      <c r="AP18" s="295">
        <v>0</v>
      </c>
      <c r="AQ18" s="295">
        <v>0</v>
      </c>
      <c r="AR18" s="295">
        <v>5270</v>
      </c>
      <c r="AS18" s="298">
        <v>5270</v>
      </c>
      <c r="AT18" s="299">
        <v>5270</v>
      </c>
      <c r="AU18" s="294">
        <v>0</v>
      </c>
      <c r="AV18" s="295">
        <v>0</v>
      </c>
      <c r="AW18" s="296">
        <v>0</v>
      </c>
      <c r="AX18" s="300"/>
      <c r="AY18" s="295">
        <v>0</v>
      </c>
      <c r="AZ18" s="295">
        <v>0</v>
      </c>
      <c r="BA18" s="295">
        <v>0</v>
      </c>
      <c r="BB18" s="295">
        <v>0</v>
      </c>
      <c r="BC18" s="295">
        <v>0</v>
      </c>
      <c r="BD18" s="298">
        <v>0</v>
      </c>
      <c r="BE18" s="299">
        <v>0</v>
      </c>
      <c r="BF18" s="294">
        <v>0</v>
      </c>
      <c r="BG18" s="295">
        <v>0</v>
      </c>
      <c r="BH18" s="296">
        <v>0</v>
      </c>
      <c r="BI18" s="300"/>
      <c r="BJ18" s="295">
        <v>0</v>
      </c>
      <c r="BK18" s="295">
        <v>0</v>
      </c>
      <c r="BL18" s="295">
        <v>107295</v>
      </c>
      <c r="BM18" s="295">
        <v>96195</v>
      </c>
      <c r="BN18" s="295">
        <v>149660</v>
      </c>
      <c r="BO18" s="298">
        <v>353150</v>
      </c>
      <c r="BP18" s="299">
        <v>353150</v>
      </c>
      <c r="BQ18" s="294">
        <v>0</v>
      </c>
      <c r="BR18" s="295">
        <v>0</v>
      </c>
      <c r="BS18" s="296">
        <v>0</v>
      </c>
      <c r="BT18" s="297">
        <v>0</v>
      </c>
      <c r="BU18" s="295">
        <v>5655</v>
      </c>
      <c r="BV18" s="295">
        <v>31198</v>
      </c>
      <c r="BW18" s="295">
        <v>134462</v>
      </c>
      <c r="BX18" s="295">
        <v>241127</v>
      </c>
      <c r="BY18" s="295">
        <v>41330</v>
      </c>
      <c r="BZ18" s="298">
        <v>453772</v>
      </c>
      <c r="CA18" s="299">
        <v>453772</v>
      </c>
      <c r="CB18" s="294">
        <v>0</v>
      </c>
      <c r="CC18" s="295">
        <v>0</v>
      </c>
      <c r="CD18" s="296">
        <v>0</v>
      </c>
      <c r="CE18" s="297">
        <v>0</v>
      </c>
      <c r="CF18" s="295">
        <v>13486</v>
      </c>
      <c r="CG18" s="295">
        <v>17745</v>
      </c>
      <c r="CH18" s="295">
        <v>0</v>
      </c>
      <c r="CI18" s="295">
        <v>0</v>
      </c>
      <c r="CJ18" s="295">
        <v>0</v>
      </c>
      <c r="CK18" s="298">
        <v>31231</v>
      </c>
      <c r="CL18" s="299">
        <v>31231</v>
      </c>
      <c r="CM18" s="294">
        <v>0</v>
      </c>
      <c r="CN18" s="295">
        <v>0</v>
      </c>
      <c r="CO18" s="296">
        <v>0</v>
      </c>
      <c r="CP18" s="297">
        <v>0</v>
      </c>
      <c r="CQ18" s="295">
        <v>0</v>
      </c>
      <c r="CR18" s="295">
        <v>0</v>
      </c>
      <c r="CS18" s="295">
        <v>0</v>
      </c>
      <c r="CT18" s="295">
        <v>0</v>
      </c>
      <c r="CU18" s="295">
        <v>0</v>
      </c>
      <c r="CV18" s="298">
        <v>0</v>
      </c>
      <c r="CW18" s="299">
        <v>0</v>
      </c>
      <c r="CX18" s="294">
        <v>0</v>
      </c>
      <c r="CY18" s="295">
        <v>0</v>
      </c>
      <c r="CZ18" s="296">
        <v>0</v>
      </c>
      <c r="DA18" s="300"/>
      <c r="DB18" s="295">
        <v>0</v>
      </c>
      <c r="DC18" s="295">
        <v>0</v>
      </c>
      <c r="DD18" s="295">
        <v>0</v>
      </c>
      <c r="DE18" s="295">
        <v>0</v>
      </c>
      <c r="DF18" s="295">
        <v>0</v>
      </c>
      <c r="DG18" s="298">
        <v>0</v>
      </c>
      <c r="DH18" s="299">
        <v>0</v>
      </c>
      <c r="DI18" s="294">
        <v>0</v>
      </c>
      <c r="DJ18" s="295">
        <v>0</v>
      </c>
      <c r="DK18" s="296">
        <v>0</v>
      </c>
      <c r="DL18" s="297">
        <v>0</v>
      </c>
      <c r="DM18" s="295">
        <v>32808</v>
      </c>
      <c r="DN18" s="295">
        <v>165837</v>
      </c>
      <c r="DO18" s="295">
        <v>1545112</v>
      </c>
      <c r="DP18" s="295">
        <v>2005381</v>
      </c>
      <c r="DQ18" s="295">
        <v>1440348</v>
      </c>
      <c r="DR18" s="298">
        <v>5189486</v>
      </c>
      <c r="DS18" s="301">
        <v>5189486</v>
      </c>
      <c r="DT18" s="294">
        <v>0</v>
      </c>
      <c r="DU18" s="295">
        <v>0</v>
      </c>
      <c r="DV18" s="296">
        <v>0</v>
      </c>
      <c r="DW18" s="300"/>
      <c r="DX18" s="295">
        <v>0</v>
      </c>
      <c r="DY18" s="295">
        <v>26505</v>
      </c>
      <c r="DZ18" s="295">
        <v>1067469</v>
      </c>
      <c r="EA18" s="295">
        <v>1450899</v>
      </c>
      <c r="EB18" s="295">
        <v>1182062</v>
      </c>
      <c r="EC18" s="298">
        <v>3726935</v>
      </c>
      <c r="ED18" s="299">
        <v>3726935</v>
      </c>
      <c r="EE18" s="294">
        <v>0</v>
      </c>
      <c r="EF18" s="295">
        <v>0</v>
      </c>
      <c r="EG18" s="296">
        <v>0</v>
      </c>
      <c r="EH18" s="300"/>
      <c r="EI18" s="295">
        <v>14165</v>
      </c>
      <c r="EJ18" s="295">
        <v>72992</v>
      </c>
      <c r="EK18" s="295">
        <v>47147</v>
      </c>
      <c r="EL18" s="295">
        <v>39409</v>
      </c>
      <c r="EM18" s="295">
        <v>23095</v>
      </c>
      <c r="EN18" s="298">
        <v>196808</v>
      </c>
      <c r="EO18" s="299">
        <v>196808</v>
      </c>
      <c r="EP18" s="294">
        <v>0</v>
      </c>
      <c r="EQ18" s="295">
        <v>0</v>
      </c>
      <c r="ER18" s="296">
        <v>0</v>
      </c>
      <c r="ES18" s="300"/>
      <c r="ET18" s="295">
        <v>0</v>
      </c>
      <c r="EU18" s="295">
        <v>0</v>
      </c>
      <c r="EV18" s="295">
        <v>0</v>
      </c>
      <c r="EW18" s="295">
        <v>0</v>
      </c>
      <c r="EX18" s="295">
        <v>490</v>
      </c>
      <c r="EY18" s="298">
        <v>490</v>
      </c>
      <c r="EZ18" s="299">
        <v>490</v>
      </c>
      <c r="FA18" s="294">
        <v>0</v>
      </c>
      <c r="FB18" s="295">
        <v>0</v>
      </c>
      <c r="FC18" s="296">
        <v>0</v>
      </c>
      <c r="FD18" s="300"/>
      <c r="FE18" s="295">
        <v>0</v>
      </c>
      <c r="FF18" s="295">
        <v>0</v>
      </c>
      <c r="FG18" s="295">
        <v>0</v>
      </c>
      <c r="FH18" s="295">
        <v>0</v>
      </c>
      <c r="FI18" s="295">
        <v>0</v>
      </c>
      <c r="FJ18" s="298">
        <v>0</v>
      </c>
      <c r="FK18" s="299">
        <v>0</v>
      </c>
      <c r="FL18" s="294">
        <v>0</v>
      </c>
      <c r="FM18" s="295">
        <v>0</v>
      </c>
      <c r="FN18" s="296">
        <v>0</v>
      </c>
      <c r="FO18" s="300"/>
      <c r="FP18" s="295">
        <v>0</v>
      </c>
      <c r="FQ18" s="295">
        <v>0</v>
      </c>
      <c r="FR18" s="295">
        <v>190338</v>
      </c>
      <c r="FS18" s="295">
        <v>215004</v>
      </c>
      <c r="FT18" s="295">
        <v>180728</v>
      </c>
      <c r="FU18" s="298">
        <v>586070</v>
      </c>
      <c r="FV18" s="299">
        <v>586070</v>
      </c>
      <c r="FW18" s="294">
        <v>0</v>
      </c>
      <c r="FX18" s="295">
        <v>0</v>
      </c>
      <c r="FY18" s="296">
        <v>0</v>
      </c>
      <c r="FZ18" s="297">
        <v>0</v>
      </c>
      <c r="GA18" s="295">
        <v>18531</v>
      </c>
      <c r="GB18" s="295">
        <v>66193</v>
      </c>
      <c r="GC18" s="295">
        <v>240158</v>
      </c>
      <c r="GD18" s="295">
        <v>300069</v>
      </c>
      <c r="GE18" s="295">
        <v>53973</v>
      </c>
      <c r="GF18" s="298">
        <v>678924</v>
      </c>
      <c r="GG18" s="299">
        <v>678924</v>
      </c>
      <c r="GH18" s="294">
        <v>0</v>
      </c>
      <c r="GI18" s="295">
        <v>0</v>
      </c>
      <c r="GJ18" s="296">
        <v>0</v>
      </c>
      <c r="GK18" s="297">
        <v>0</v>
      </c>
      <c r="GL18" s="295">
        <v>112</v>
      </c>
      <c r="GM18" s="295">
        <v>147</v>
      </c>
      <c r="GN18" s="295">
        <v>0</v>
      </c>
      <c r="GO18" s="295">
        <v>0</v>
      </c>
      <c r="GP18" s="295">
        <v>0</v>
      </c>
      <c r="GQ18" s="298">
        <v>259</v>
      </c>
      <c r="GR18" s="299">
        <v>259</v>
      </c>
      <c r="GS18" s="294">
        <v>0</v>
      </c>
      <c r="GT18" s="295">
        <v>0</v>
      </c>
      <c r="GU18" s="296">
        <v>0</v>
      </c>
      <c r="GV18" s="297">
        <v>0</v>
      </c>
      <c r="GW18" s="295">
        <v>0</v>
      </c>
      <c r="GX18" s="295">
        <v>0</v>
      </c>
      <c r="GY18" s="295">
        <v>0</v>
      </c>
      <c r="GZ18" s="295">
        <v>0</v>
      </c>
      <c r="HA18" s="295">
        <v>0</v>
      </c>
      <c r="HB18" s="298">
        <v>0</v>
      </c>
      <c r="HC18" s="299">
        <v>0</v>
      </c>
      <c r="HD18" s="294">
        <v>0</v>
      </c>
      <c r="HE18" s="295">
        <v>0</v>
      </c>
      <c r="HF18" s="296">
        <v>0</v>
      </c>
      <c r="HG18" s="300"/>
      <c r="HH18" s="295">
        <v>0</v>
      </c>
      <c r="HI18" s="295">
        <v>0</v>
      </c>
      <c r="HJ18" s="295">
        <v>0</v>
      </c>
      <c r="HK18" s="295">
        <v>0</v>
      </c>
      <c r="HL18" s="295">
        <v>0</v>
      </c>
      <c r="HM18" s="298">
        <v>0</v>
      </c>
      <c r="HN18" s="299">
        <v>0</v>
      </c>
      <c r="HO18" s="294">
        <v>0</v>
      </c>
      <c r="HP18" s="295">
        <v>0</v>
      </c>
      <c r="HQ18" s="296">
        <v>0</v>
      </c>
      <c r="HR18" s="297">
        <v>0</v>
      </c>
      <c r="HS18" s="295">
        <v>249410</v>
      </c>
      <c r="HT18" s="295">
        <v>690310</v>
      </c>
      <c r="HU18" s="295">
        <v>3108896</v>
      </c>
      <c r="HV18" s="295">
        <v>4107904</v>
      </c>
      <c r="HW18" s="295">
        <v>2852518</v>
      </c>
      <c r="HX18" s="298">
        <v>11009038</v>
      </c>
      <c r="HY18" s="299">
        <v>11009038</v>
      </c>
    </row>
    <row r="19" spans="2:233" ht="21" customHeight="1" x14ac:dyDescent="0.2">
      <c r="B19" s="292" t="s">
        <v>16</v>
      </c>
      <c r="C19" s="294">
        <v>0</v>
      </c>
      <c r="D19" s="295">
        <v>0</v>
      </c>
      <c r="E19" s="296">
        <v>0</v>
      </c>
      <c r="F19" s="297">
        <v>0</v>
      </c>
      <c r="G19" s="295">
        <v>365791</v>
      </c>
      <c r="H19" s="295">
        <v>878810</v>
      </c>
      <c r="I19" s="295">
        <v>2778841</v>
      </c>
      <c r="J19" s="295">
        <v>3542302</v>
      </c>
      <c r="K19" s="295">
        <v>2370873</v>
      </c>
      <c r="L19" s="298">
        <v>9936617</v>
      </c>
      <c r="M19" s="299">
        <v>9936617</v>
      </c>
      <c r="N19" s="294">
        <v>0</v>
      </c>
      <c r="O19" s="295">
        <v>0</v>
      </c>
      <c r="P19" s="296">
        <v>0</v>
      </c>
      <c r="Q19" s="300"/>
      <c r="R19" s="295">
        <v>75950</v>
      </c>
      <c r="S19" s="295">
        <v>116955</v>
      </c>
      <c r="T19" s="295">
        <v>1852965</v>
      </c>
      <c r="U19" s="295">
        <v>2482747</v>
      </c>
      <c r="V19" s="295">
        <v>1657919</v>
      </c>
      <c r="W19" s="298">
        <v>6186536</v>
      </c>
      <c r="X19" s="299">
        <v>6186536</v>
      </c>
      <c r="Y19" s="294">
        <v>0</v>
      </c>
      <c r="Z19" s="295">
        <v>0</v>
      </c>
      <c r="AA19" s="296">
        <v>0</v>
      </c>
      <c r="AB19" s="300"/>
      <c r="AC19" s="295">
        <v>211400</v>
      </c>
      <c r="AD19" s="295">
        <v>704780</v>
      </c>
      <c r="AE19" s="295">
        <v>695970</v>
      </c>
      <c r="AF19" s="295">
        <v>745860</v>
      </c>
      <c r="AG19" s="295">
        <v>433069</v>
      </c>
      <c r="AH19" s="298">
        <v>2791079</v>
      </c>
      <c r="AI19" s="299">
        <v>2791079</v>
      </c>
      <c r="AJ19" s="294">
        <v>0</v>
      </c>
      <c r="AK19" s="295">
        <v>0</v>
      </c>
      <c r="AL19" s="296">
        <v>0</v>
      </c>
      <c r="AM19" s="300"/>
      <c r="AN19" s="295">
        <v>0</v>
      </c>
      <c r="AO19" s="295">
        <v>0</v>
      </c>
      <c r="AP19" s="295">
        <v>0</v>
      </c>
      <c r="AQ19" s="295">
        <v>0</v>
      </c>
      <c r="AR19" s="295">
        <v>0</v>
      </c>
      <c r="AS19" s="298">
        <v>0</v>
      </c>
      <c r="AT19" s="299">
        <v>0</v>
      </c>
      <c r="AU19" s="294">
        <v>0</v>
      </c>
      <c r="AV19" s="295">
        <v>0</v>
      </c>
      <c r="AW19" s="296">
        <v>0</v>
      </c>
      <c r="AX19" s="300"/>
      <c r="AY19" s="295">
        <v>30915</v>
      </c>
      <c r="AZ19" s="295">
        <v>0</v>
      </c>
      <c r="BA19" s="295">
        <v>32705</v>
      </c>
      <c r="BB19" s="295">
        <v>141160</v>
      </c>
      <c r="BC19" s="295">
        <v>141665</v>
      </c>
      <c r="BD19" s="298">
        <v>346445</v>
      </c>
      <c r="BE19" s="299">
        <v>346445</v>
      </c>
      <c r="BF19" s="294">
        <v>0</v>
      </c>
      <c r="BG19" s="295">
        <v>0</v>
      </c>
      <c r="BH19" s="296">
        <v>0</v>
      </c>
      <c r="BI19" s="300"/>
      <c r="BJ19" s="295">
        <v>0</v>
      </c>
      <c r="BK19" s="295">
        <v>29915</v>
      </c>
      <c r="BL19" s="295">
        <v>34420</v>
      </c>
      <c r="BM19" s="295">
        <v>106020</v>
      </c>
      <c r="BN19" s="295">
        <v>119970</v>
      </c>
      <c r="BO19" s="298">
        <v>290325</v>
      </c>
      <c r="BP19" s="299">
        <v>290325</v>
      </c>
      <c r="BQ19" s="294">
        <v>0</v>
      </c>
      <c r="BR19" s="295">
        <v>0</v>
      </c>
      <c r="BS19" s="296">
        <v>0</v>
      </c>
      <c r="BT19" s="297">
        <v>0</v>
      </c>
      <c r="BU19" s="295">
        <v>47526</v>
      </c>
      <c r="BV19" s="295">
        <v>27160</v>
      </c>
      <c r="BW19" s="295">
        <v>162781</v>
      </c>
      <c r="BX19" s="295">
        <v>66225</v>
      </c>
      <c r="BY19" s="295">
        <v>18250</v>
      </c>
      <c r="BZ19" s="298">
        <v>321942</v>
      </c>
      <c r="CA19" s="299">
        <v>321942</v>
      </c>
      <c r="CB19" s="294">
        <v>0</v>
      </c>
      <c r="CC19" s="295">
        <v>0</v>
      </c>
      <c r="CD19" s="296">
        <v>0</v>
      </c>
      <c r="CE19" s="297">
        <v>0</v>
      </c>
      <c r="CF19" s="295">
        <v>0</v>
      </c>
      <c r="CG19" s="295">
        <v>0</v>
      </c>
      <c r="CH19" s="295">
        <v>0</v>
      </c>
      <c r="CI19" s="295">
        <v>290</v>
      </c>
      <c r="CJ19" s="295">
        <v>0</v>
      </c>
      <c r="CK19" s="298">
        <v>290</v>
      </c>
      <c r="CL19" s="299">
        <v>290</v>
      </c>
      <c r="CM19" s="294">
        <v>0</v>
      </c>
      <c r="CN19" s="295">
        <v>0</v>
      </c>
      <c r="CO19" s="296">
        <v>0</v>
      </c>
      <c r="CP19" s="297">
        <v>0</v>
      </c>
      <c r="CQ19" s="295">
        <v>0</v>
      </c>
      <c r="CR19" s="295">
        <v>0</v>
      </c>
      <c r="CS19" s="295">
        <v>0</v>
      </c>
      <c r="CT19" s="295">
        <v>0</v>
      </c>
      <c r="CU19" s="295">
        <v>0</v>
      </c>
      <c r="CV19" s="298">
        <v>0</v>
      </c>
      <c r="CW19" s="299">
        <v>0</v>
      </c>
      <c r="CX19" s="294">
        <v>0</v>
      </c>
      <c r="CY19" s="295">
        <v>0</v>
      </c>
      <c r="CZ19" s="296">
        <v>0</v>
      </c>
      <c r="DA19" s="300"/>
      <c r="DB19" s="295">
        <v>0</v>
      </c>
      <c r="DC19" s="295">
        <v>0</v>
      </c>
      <c r="DD19" s="295">
        <v>0</v>
      </c>
      <c r="DE19" s="295">
        <v>0</v>
      </c>
      <c r="DF19" s="295">
        <v>0</v>
      </c>
      <c r="DG19" s="298">
        <v>0</v>
      </c>
      <c r="DH19" s="299">
        <v>0</v>
      </c>
      <c r="DI19" s="294">
        <v>0</v>
      </c>
      <c r="DJ19" s="295">
        <v>0</v>
      </c>
      <c r="DK19" s="296">
        <v>0</v>
      </c>
      <c r="DL19" s="297">
        <v>0</v>
      </c>
      <c r="DM19" s="295">
        <v>334949</v>
      </c>
      <c r="DN19" s="295">
        <v>745975</v>
      </c>
      <c r="DO19" s="295">
        <v>3087558</v>
      </c>
      <c r="DP19" s="295">
        <v>3898555</v>
      </c>
      <c r="DQ19" s="295">
        <v>2403205</v>
      </c>
      <c r="DR19" s="298">
        <v>10470242</v>
      </c>
      <c r="DS19" s="301">
        <v>10470242</v>
      </c>
      <c r="DT19" s="294">
        <v>0</v>
      </c>
      <c r="DU19" s="295">
        <v>0</v>
      </c>
      <c r="DV19" s="296">
        <v>0</v>
      </c>
      <c r="DW19" s="300"/>
      <c r="DX19" s="295">
        <v>91512</v>
      </c>
      <c r="DY19" s="295">
        <v>313176</v>
      </c>
      <c r="DZ19" s="295">
        <v>2502116</v>
      </c>
      <c r="EA19" s="295">
        <v>3329889</v>
      </c>
      <c r="EB19" s="295">
        <v>2072759</v>
      </c>
      <c r="EC19" s="298">
        <v>8309452</v>
      </c>
      <c r="ED19" s="299">
        <v>8309452</v>
      </c>
      <c r="EE19" s="294">
        <v>0</v>
      </c>
      <c r="EF19" s="295">
        <v>0</v>
      </c>
      <c r="EG19" s="296">
        <v>0</v>
      </c>
      <c r="EH19" s="300"/>
      <c r="EI19" s="295">
        <v>174092</v>
      </c>
      <c r="EJ19" s="295">
        <v>292328</v>
      </c>
      <c r="EK19" s="295">
        <v>217997</v>
      </c>
      <c r="EL19" s="295">
        <v>261566</v>
      </c>
      <c r="EM19" s="295">
        <v>107994</v>
      </c>
      <c r="EN19" s="298">
        <v>1053977</v>
      </c>
      <c r="EO19" s="299">
        <v>1053977</v>
      </c>
      <c r="EP19" s="294">
        <v>0</v>
      </c>
      <c r="EQ19" s="295">
        <v>0</v>
      </c>
      <c r="ER19" s="296">
        <v>0</v>
      </c>
      <c r="ES19" s="300"/>
      <c r="ET19" s="295">
        <v>0</v>
      </c>
      <c r="EU19" s="295">
        <v>0</v>
      </c>
      <c r="EV19" s="295">
        <v>0</v>
      </c>
      <c r="EW19" s="295">
        <v>0</v>
      </c>
      <c r="EX19" s="295">
        <v>0</v>
      </c>
      <c r="EY19" s="298">
        <v>0</v>
      </c>
      <c r="EZ19" s="299">
        <v>0</v>
      </c>
      <c r="FA19" s="294">
        <v>0</v>
      </c>
      <c r="FB19" s="295">
        <v>0</v>
      </c>
      <c r="FC19" s="296">
        <v>0</v>
      </c>
      <c r="FD19" s="300"/>
      <c r="FE19" s="295">
        <v>10179</v>
      </c>
      <c r="FF19" s="295">
        <v>0</v>
      </c>
      <c r="FG19" s="295">
        <v>217</v>
      </c>
      <c r="FH19" s="295">
        <v>24200</v>
      </c>
      <c r="FI19" s="295">
        <v>24641</v>
      </c>
      <c r="FJ19" s="298">
        <v>59237</v>
      </c>
      <c r="FK19" s="299">
        <v>59237</v>
      </c>
      <c r="FL19" s="294">
        <v>0</v>
      </c>
      <c r="FM19" s="295">
        <v>0</v>
      </c>
      <c r="FN19" s="296">
        <v>0</v>
      </c>
      <c r="FO19" s="300"/>
      <c r="FP19" s="295">
        <v>0</v>
      </c>
      <c r="FQ19" s="295">
        <v>64728</v>
      </c>
      <c r="FR19" s="295">
        <v>101616</v>
      </c>
      <c r="FS19" s="295">
        <v>175026</v>
      </c>
      <c r="FT19" s="295">
        <v>159836</v>
      </c>
      <c r="FU19" s="298">
        <v>501206</v>
      </c>
      <c r="FV19" s="299">
        <v>501206</v>
      </c>
      <c r="FW19" s="294">
        <v>0</v>
      </c>
      <c r="FX19" s="295">
        <v>0</v>
      </c>
      <c r="FY19" s="296">
        <v>0</v>
      </c>
      <c r="FZ19" s="297">
        <v>0</v>
      </c>
      <c r="GA19" s="295">
        <v>59166</v>
      </c>
      <c r="GB19" s="295">
        <v>75743</v>
      </c>
      <c r="GC19" s="295">
        <v>264896</v>
      </c>
      <c r="GD19" s="295">
        <v>106800</v>
      </c>
      <c r="GE19" s="295">
        <v>37975</v>
      </c>
      <c r="GF19" s="298">
        <v>544580</v>
      </c>
      <c r="GG19" s="299">
        <v>544580</v>
      </c>
      <c r="GH19" s="294">
        <v>0</v>
      </c>
      <c r="GI19" s="295">
        <v>0</v>
      </c>
      <c r="GJ19" s="296">
        <v>0</v>
      </c>
      <c r="GK19" s="297">
        <v>0</v>
      </c>
      <c r="GL19" s="295">
        <v>0</v>
      </c>
      <c r="GM19" s="295">
        <v>0</v>
      </c>
      <c r="GN19" s="295">
        <v>716</v>
      </c>
      <c r="GO19" s="295">
        <v>1074</v>
      </c>
      <c r="GP19" s="295">
        <v>0</v>
      </c>
      <c r="GQ19" s="298">
        <v>1790</v>
      </c>
      <c r="GR19" s="299">
        <v>1790</v>
      </c>
      <c r="GS19" s="294">
        <v>0</v>
      </c>
      <c r="GT19" s="295">
        <v>0</v>
      </c>
      <c r="GU19" s="296">
        <v>0</v>
      </c>
      <c r="GV19" s="297">
        <v>0</v>
      </c>
      <c r="GW19" s="295">
        <v>0</v>
      </c>
      <c r="GX19" s="295">
        <v>0</v>
      </c>
      <c r="GY19" s="295">
        <v>0</v>
      </c>
      <c r="GZ19" s="295">
        <v>0</v>
      </c>
      <c r="HA19" s="295">
        <v>0</v>
      </c>
      <c r="HB19" s="298">
        <v>0</v>
      </c>
      <c r="HC19" s="299">
        <v>0</v>
      </c>
      <c r="HD19" s="294">
        <v>0</v>
      </c>
      <c r="HE19" s="295">
        <v>0</v>
      </c>
      <c r="HF19" s="296">
        <v>0</v>
      </c>
      <c r="HG19" s="300"/>
      <c r="HH19" s="295">
        <v>0</v>
      </c>
      <c r="HI19" s="295">
        <v>0</v>
      </c>
      <c r="HJ19" s="295">
        <v>0</v>
      </c>
      <c r="HK19" s="295">
        <v>0</v>
      </c>
      <c r="HL19" s="295">
        <v>0</v>
      </c>
      <c r="HM19" s="298">
        <v>0</v>
      </c>
      <c r="HN19" s="299">
        <v>0</v>
      </c>
      <c r="HO19" s="294">
        <v>0</v>
      </c>
      <c r="HP19" s="295">
        <v>0</v>
      </c>
      <c r="HQ19" s="296">
        <v>0</v>
      </c>
      <c r="HR19" s="297">
        <v>0</v>
      </c>
      <c r="HS19" s="295">
        <v>700740</v>
      </c>
      <c r="HT19" s="295">
        <v>1624785</v>
      </c>
      <c r="HU19" s="295">
        <v>5866399</v>
      </c>
      <c r="HV19" s="295">
        <v>7440857</v>
      </c>
      <c r="HW19" s="295">
        <v>4774078</v>
      </c>
      <c r="HX19" s="298">
        <v>20406859</v>
      </c>
      <c r="HY19" s="299">
        <v>20406859</v>
      </c>
    </row>
    <row r="20" spans="2:233" ht="21" customHeight="1" x14ac:dyDescent="0.2">
      <c r="B20" s="292" t="s">
        <v>17</v>
      </c>
      <c r="C20" s="294">
        <v>0</v>
      </c>
      <c r="D20" s="295">
        <v>0</v>
      </c>
      <c r="E20" s="296">
        <v>0</v>
      </c>
      <c r="F20" s="297">
        <v>0</v>
      </c>
      <c r="G20" s="295">
        <v>213160</v>
      </c>
      <c r="H20" s="295">
        <v>1175563</v>
      </c>
      <c r="I20" s="295">
        <v>2893820</v>
      </c>
      <c r="J20" s="295">
        <v>2969212</v>
      </c>
      <c r="K20" s="295">
        <v>2728630</v>
      </c>
      <c r="L20" s="298">
        <v>9980385</v>
      </c>
      <c r="M20" s="299">
        <v>9980385</v>
      </c>
      <c r="N20" s="294">
        <v>0</v>
      </c>
      <c r="O20" s="295">
        <v>0</v>
      </c>
      <c r="P20" s="296">
        <v>0</v>
      </c>
      <c r="Q20" s="300"/>
      <c r="R20" s="295">
        <v>24645</v>
      </c>
      <c r="S20" s="295">
        <v>206550</v>
      </c>
      <c r="T20" s="295">
        <v>1633740</v>
      </c>
      <c r="U20" s="295">
        <v>2180020</v>
      </c>
      <c r="V20" s="295">
        <v>2080195</v>
      </c>
      <c r="W20" s="298">
        <v>6125150</v>
      </c>
      <c r="X20" s="299">
        <v>6125150</v>
      </c>
      <c r="Y20" s="294">
        <v>0</v>
      </c>
      <c r="Z20" s="295">
        <v>0</v>
      </c>
      <c r="AA20" s="296">
        <v>0</v>
      </c>
      <c r="AB20" s="300"/>
      <c r="AC20" s="295">
        <v>165490</v>
      </c>
      <c r="AD20" s="295">
        <v>768648</v>
      </c>
      <c r="AE20" s="295">
        <v>774925</v>
      </c>
      <c r="AF20" s="295">
        <v>400892</v>
      </c>
      <c r="AG20" s="295">
        <v>189120</v>
      </c>
      <c r="AH20" s="298">
        <v>2299075</v>
      </c>
      <c r="AI20" s="299">
        <v>2299075</v>
      </c>
      <c r="AJ20" s="294">
        <v>0</v>
      </c>
      <c r="AK20" s="295">
        <v>0</v>
      </c>
      <c r="AL20" s="296">
        <v>0</v>
      </c>
      <c r="AM20" s="300"/>
      <c r="AN20" s="295">
        <v>0</v>
      </c>
      <c r="AO20" s="295">
        <v>0</v>
      </c>
      <c r="AP20" s="295">
        <v>0</v>
      </c>
      <c r="AQ20" s="295">
        <v>0</v>
      </c>
      <c r="AR20" s="295">
        <v>35340</v>
      </c>
      <c r="AS20" s="298">
        <v>35340</v>
      </c>
      <c r="AT20" s="299">
        <v>35340</v>
      </c>
      <c r="AU20" s="294">
        <v>0</v>
      </c>
      <c r="AV20" s="295">
        <v>0</v>
      </c>
      <c r="AW20" s="296">
        <v>0</v>
      </c>
      <c r="AX20" s="300"/>
      <c r="AY20" s="295">
        <v>0</v>
      </c>
      <c r="AZ20" s="295">
        <v>0</v>
      </c>
      <c r="BA20" s="295">
        <v>0</v>
      </c>
      <c r="BB20" s="295">
        <v>2635</v>
      </c>
      <c r="BC20" s="295">
        <v>35340</v>
      </c>
      <c r="BD20" s="298">
        <v>37975</v>
      </c>
      <c r="BE20" s="299">
        <v>37975</v>
      </c>
      <c r="BF20" s="294">
        <v>0</v>
      </c>
      <c r="BG20" s="295">
        <v>0</v>
      </c>
      <c r="BH20" s="296">
        <v>0</v>
      </c>
      <c r="BI20" s="300"/>
      <c r="BJ20" s="295">
        <v>0</v>
      </c>
      <c r="BK20" s="295">
        <v>2635</v>
      </c>
      <c r="BL20" s="295">
        <v>210255</v>
      </c>
      <c r="BM20" s="295">
        <v>151745</v>
      </c>
      <c r="BN20" s="295">
        <v>266445</v>
      </c>
      <c r="BO20" s="298">
        <v>631080</v>
      </c>
      <c r="BP20" s="299">
        <v>631080</v>
      </c>
      <c r="BQ20" s="294">
        <v>0</v>
      </c>
      <c r="BR20" s="295">
        <v>0</v>
      </c>
      <c r="BS20" s="296">
        <v>0</v>
      </c>
      <c r="BT20" s="297">
        <v>0</v>
      </c>
      <c r="BU20" s="295">
        <v>21245</v>
      </c>
      <c r="BV20" s="295">
        <v>188125</v>
      </c>
      <c r="BW20" s="295">
        <v>274320</v>
      </c>
      <c r="BX20" s="295">
        <v>233920</v>
      </c>
      <c r="BY20" s="295">
        <v>90405</v>
      </c>
      <c r="BZ20" s="298">
        <v>808015</v>
      </c>
      <c r="CA20" s="299">
        <v>808015</v>
      </c>
      <c r="CB20" s="294">
        <v>0</v>
      </c>
      <c r="CC20" s="295">
        <v>0</v>
      </c>
      <c r="CD20" s="296">
        <v>0</v>
      </c>
      <c r="CE20" s="297">
        <v>0</v>
      </c>
      <c r="CF20" s="295">
        <v>1780</v>
      </c>
      <c r="CG20" s="295">
        <v>9605</v>
      </c>
      <c r="CH20" s="295">
        <v>580</v>
      </c>
      <c r="CI20" s="295">
        <v>0</v>
      </c>
      <c r="CJ20" s="295">
        <v>31785</v>
      </c>
      <c r="CK20" s="298">
        <v>43750</v>
      </c>
      <c r="CL20" s="299">
        <v>43750</v>
      </c>
      <c r="CM20" s="294">
        <v>0</v>
      </c>
      <c r="CN20" s="295">
        <v>0</v>
      </c>
      <c r="CO20" s="296">
        <v>0</v>
      </c>
      <c r="CP20" s="297">
        <v>0</v>
      </c>
      <c r="CQ20" s="295">
        <v>0</v>
      </c>
      <c r="CR20" s="295">
        <v>0</v>
      </c>
      <c r="CS20" s="295">
        <v>0</v>
      </c>
      <c r="CT20" s="295">
        <v>0</v>
      </c>
      <c r="CU20" s="295">
        <v>0</v>
      </c>
      <c r="CV20" s="298">
        <v>0</v>
      </c>
      <c r="CW20" s="299">
        <v>0</v>
      </c>
      <c r="CX20" s="294">
        <v>0</v>
      </c>
      <c r="CY20" s="295">
        <v>0</v>
      </c>
      <c r="CZ20" s="296">
        <v>0</v>
      </c>
      <c r="DA20" s="300"/>
      <c r="DB20" s="295">
        <v>0</v>
      </c>
      <c r="DC20" s="295">
        <v>0</v>
      </c>
      <c r="DD20" s="295">
        <v>0</v>
      </c>
      <c r="DE20" s="295">
        <v>0</v>
      </c>
      <c r="DF20" s="295">
        <v>0</v>
      </c>
      <c r="DG20" s="298">
        <v>0</v>
      </c>
      <c r="DH20" s="299">
        <v>0</v>
      </c>
      <c r="DI20" s="294">
        <v>0</v>
      </c>
      <c r="DJ20" s="295">
        <v>0</v>
      </c>
      <c r="DK20" s="296">
        <v>0</v>
      </c>
      <c r="DL20" s="297">
        <v>0</v>
      </c>
      <c r="DM20" s="295">
        <v>51284</v>
      </c>
      <c r="DN20" s="295">
        <v>533817</v>
      </c>
      <c r="DO20" s="295">
        <v>3024378</v>
      </c>
      <c r="DP20" s="295">
        <v>3507202</v>
      </c>
      <c r="DQ20" s="295">
        <v>3020833</v>
      </c>
      <c r="DR20" s="298">
        <v>10137514</v>
      </c>
      <c r="DS20" s="301">
        <v>10137514</v>
      </c>
      <c r="DT20" s="294">
        <v>0</v>
      </c>
      <c r="DU20" s="295">
        <v>0</v>
      </c>
      <c r="DV20" s="296">
        <v>0</v>
      </c>
      <c r="DW20" s="300"/>
      <c r="DX20" s="295">
        <v>15035</v>
      </c>
      <c r="DY20" s="295">
        <v>249062</v>
      </c>
      <c r="DZ20" s="295">
        <v>2283068</v>
      </c>
      <c r="EA20" s="295">
        <v>2941919</v>
      </c>
      <c r="EB20" s="295">
        <v>2453466</v>
      </c>
      <c r="EC20" s="298">
        <v>7942550</v>
      </c>
      <c r="ED20" s="299">
        <v>7942550</v>
      </c>
      <c r="EE20" s="294">
        <v>0</v>
      </c>
      <c r="EF20" s="295">
        <v>0</v>
      </c>
      <c r="EG20" s="296">
        <v>0</v>
      </c>
      <c r="EH20" s="300"/>
      <c r="EI20" s="295">
        <v>2261</v>
      </c>
      <c r="EJ20" s="295">
        <v>54356</v>
      </c>
      <c r="EK20" s="295">
        <v>72140</v>
      </c>
      <c r="EL20" s="295">
        <v>29309</v>
      </c>
      <c r="EM20" s="295">
        <v>40305</v>
      </c>
      <c r="EN20" s="298">
        <v>198371</v>
      </c>
      <c r="EO20" s="299">
        <v>198371</v>
      </c>
      <c r="EP20" s="294">
        <v>0</v>
      </c>
      <c r="EQ20" s="295">
        <v>0</v>
      </c>
      <c r="ER20" s="296">
        <v>0</v>
      </c>
      <c r="ES20" s="300"/>
      <c r="ET20" s="295">
        <v>0</v>
      </c>
      <c r="EU20" s="295">
        <v>0</v>
      </c>
      <c r="EV20" s="295">
        <v>0</v>
      </c>
      <c r="EW20" s="295">
        <v>0</v>
      </c>
      <c r="EX20" s="295">
        <v>217</v>
      </c>
      <c r="EY20" s="298">
        <v>217</v>
      </c>
      <c r="EZ20" s="299">
        <v>217</v>
      </c>
      <c r="FA20" s="294">
        <v>0</v>
      </c>
      <c r="FB20" s="295">
        <v>0</v>
      </c>
      <c r="FC20" s="296">
        <v>0</v>
      </c>
      <c r="FD20" s="300"/>
      <c r="FE20" s="295">
        <v>0</v>
      </c>
      <c r="FF20" s="295">
        <v>0</v>
      </c>
      <c r="FG20" s="295">
        <v>0</v>
      </c>
      <c r="FH20" s="295">
        <v>217</v>
      </c>
      <c r="FI20" s="295">
        <v>434</v>
      </c>
      <c r="FJ20" s="298">
        <v>651</v>
      </c>
      <c r="FK20" s="299">
        <v>651</v>
      </c>
      <c r="FL20" s="294">
        <v>0</v>
      </c>
      <c r="FM20" s="295">
        <v>0</v>
      </c>
      <c r="FN20" s="296">
        <v>0</v>
      </c>
      <c r="FO20" s="300"/>
      <c r="FP20" s="295">
        <v>0</v>
      </c>
      <c r="FQ20" s="295">
        <v>10881</v>
      </c>
      <c r="FR20" s="295">
        <v>331178</v>
      </c>
      <c r="FS20" s="295">
        <v>270909</v>
      </c>
      <c r="FT20" s="295">
        <v>392894</v>
      </c>
      <c r="FU20" s="298">
        <v>1005862</v>
      </c>
      <c r="FV20" s="299">
        <v>1005862</v>
      </c>
      <c r="FW20" s="294">
        <v>0</v>
      </c>
      <c r="FX20" s="295">
        <v>0</v>
      </c>
      <c r="FY20" s="296">
        <v>0</v>
      </c>
      <c r="FZ20" s="297">
        <v>0</v>
      </c>
      <c r="GA20" s="295">
        <v>33953</v>
      </c>
      <c r="GB20" s="295">
        <v>219294</v>
      </c>
      <c r="GC20" s="295">
        <v>337964</v>
      </c>
      <c r="GD20" s="295">
        <v>264848</v>
      </c>
      <c r="GE20" s="295">
        <v>122974</v>
      </c>
      <c r="GF20" s="298">
        <v>979033</v>
      </c>
      <c r="GG20" s="299">
        <v>979033</v>
      </c>
      <c r="GH20" s="294">
        <v>0</v>
      </c>
      <c r="GI20" s="295">
        <v>0</v>
      </c>
      <c r="GJ20" s="296">
        <v>0</v>
      </c>
      <c r="GK20" s="297">
        <v>0</v>
      </c>
      <c r="GL20" s="295">
        <v>35</v>
      </c>
      <c r="GM20" s="295">
        <v>224</v>
      </c>
      <c r="GN20" s="295">
        <v>28</v>
      </c>
      <c r="GO20" s="295">
        <v>0</v>
      </c>
      <c r="GP20" s="295">
        <v>10543</v>
      </c>
      <c r="GQ20" s="298">
        <v>10830</v>
      </c>
      <c r="GR20" s="299">
        <v>10830</v>
      </c>
      <c r="GS20" s="294">
        <v>0</v>
      </c>
      <c r="GT20" s="295">
        <v>0</v>
      </c>
      <c r="GU20" s="296">
        <v>0</v>
      </c>
      <c r="GV20" s="297">
        <v>0</v>
      </c>
      <c r="GW20" s="295">
        <v>0</v>
      </c>
      <c r="GX20" s="295">
        <v>0</v>
      </c>
      <c r="GY20" s="295">
        <v>0</v>
      </c>
      <c r="GZ20" s="295">
        <v>0</v>
      </c>
      <c r="HA20" s="295">
        <v>0</v>
      </c>
      <c r="HB20" s="298">
        <v>0</v>
      </c>
      <c r="HC20" s="299">
        <v>0</v>
      </c>
      <c r="HD20" s="294">
        <v>0</v>
      </c>
      <c r="HE20" s="295">
        <v>0</v>
      </c>
      <c r="HF20" s="296">
        <v>0</v>
      </c>
      <c r="HG20" s="300"/>
      <c r="HH20" s="295">
        <v>0</v>
      </c>
      <c r="HI20" s="295">
        <v>0</v>
      </c>
      <c r="HJ20" s="295">
        <v>0</v>
      </c>
      <c r="HK20" s="295">
        <v>0</v>
      </c>
      <c r="HL20" s="295">
        <v>0</v>
      </c>
      <c r="HM20" s="298">
        <v>0</v>
      </c>
      <c r="HN20" s="299">
        <v>0</v>
      </c>
      <c r="HO20" s="294">
        <v>0</v>
      </c>
      <c r="HP20" s="295">
        <v>0</v>
      </c>
      <c r="HQ20" s="296">
        <v>0</v>
      </c>
      <c r="HR20" s="297">
        <v>0</v>
      </c>
      <c r="HS20" s="295">
        <v>264444</v>
      </c>
      <c r="HT20" s="295">
        <v>1709380</v>
      </c>
      <c r="HU20" s="295">
        <v>5918198</v>
      </c>
      <c r="HV20" s="295">
        <v>6476414</v>
      </c>
      <c r="HW20" s="295">
        <v>5749463</v>
      </c>
      <c r="HX20" s="298">
        <v>20117899</v>
      </c>
      <c r="HY20" s="299">
        <v>20117899</v>
      </c>
    </row>
    <row r="21" spans="2:233" ht="21" customHeight="1" x14ac:dyDescent="0.2">
      <c r="B21" s="292" t="s">
        <v>18</v>
      </c>
      <c r="C21" s="294">
        <v>0</v>
      </c>
      <c r="D21" s="295">
        <v>0</v>
      </c>
      <c r="E21" s="296">
        <v>0</v>
      </c>
      <c r="F21" s="297">
        <v>0</v>
      </c>
      <c r="G21" s="295">
        <v>231669</v>
      </c>
      <c r="H21" s="295">
        <v>572757</v>
      </c>
      <c r="I21" s="295">
        <v>2400935</v>
      </c>
      <c r="J21" s="295">
        <v>3693142</v>
      </c>
      <c r="K21" s="295">
        <v>2850997</v>
      </c>
      <c r="L21" s="298">
        <v>9749500</v>
      </c>
      <c r="M21" s="299">
        <v>9749500</v>
      </c>
      <c r="N21" s="294">
        <v>0</v>
      </c>
      <c r="O21" s="295">
        <v>0</v>
      </c>
      <c r="P21" s="296">
        <v>0</v>
      </c>
      <c r="Q21" s="300"/>
      <c r="R21" s="295">
        <v>26880</v>
      </c>
      <c r="S21" s="295">
        <v>93930</v>
      </c>
      <c r="T21" s="295">
        <v>1373140</v>
      </c>
      <c r="U21" s="295">
        <v>2839567</v>
      </c>
      <c r="V21" s="295">
        <v>2225762</v>
      </c>
      <c r="W21" s="298">
        <v>6559279</v>
      </c>
      <c r="X21" s="299">
        <v>6559279</v>
      </c>
      <c r="Y21" s="294">
        <v>0</v>
      </c>
      <c r="Z21" s="295">
        <v>0</v>
      </c>
      <c r="AA21" s="296">
        <v>0</v>
      </c>
      <c r="AB21" s="300"/>
      <c r="AC21" s="295">
        <v>171725</v>
      </c>
      <c r="AD21" s="295">
        <v>400662</v>
      </c>
      <c r="AE21" s="295">
        <v>563905</v>
      </c>
      <c r="AF21" s="295">
        <v>525135</v>
      </c>
      <c r="AG21" s="295">
        <v>373970</v>
      </c>
      <c r="AH21" s="298">
        <v>2035397</v>
      </c>
      <c r="AI21" s="299">
        <v>2035397</v>
      </c>
      <c r="AJ21" s="294">
        <v>0</v>
      </c>
      <c r="AK21" s="295">
        <v>0</v>
      </c>
      <c r="AL21" s="296">
        <v>0</v>
      </c>
      <c r="AM21" s="300"/>
      <c r="AN21" s="295">
        <v>0</v>
      </c>
      <c r="AO21" s="295">
        <v>0</v>
      </c>
      <c r="AP21" s="295">
        <v>0</v>
      </c>
      <c r="AQ21" s="295">
        <v>2210</v>
      </c>
      <c r="AR21" s="295">
        <v>25190</v>
      </c>
      <c r="AS21" s="298">
        <v>27400</v>
      </c>
      <c r="AT21" s="299">
        <v>27400</v>
      </c>
      <c r="AU21" s="294">
        <v>0</v>
      </c>
      <c r="AV21" s="295">
        <v>0</v>
      </c>
      <c r="AW21" s="296">
        <v>0</v>
      </c>
      <c r="AX21" s="300"/>
      <c r="AY21" s="295">
        <v>0</v>
      </c>
      <c r="AZ21" s="295">
        <v>0</v>
      </c>
      <c r="BA21" s="295">
        <v>24645</v>
      </c>
      <c r="BB21" s="295">
        <v>24645</v>
      </c>
      <c r="BC21" s="295">
        <v>141585</v>
      </c>
      <c r="BD21" s="298">
        <v>190875</v>
      </c>
      <c r="BE21" s="299">
        <v>190875</v>
      </c>
      <c r="BF21" s="294">
        <v>0</v>
      </c>
      <c r="BG21" s="295">
        <v>0</v>
      </c>
      <c r="BH21" s="296">
        <v>0</v>
      </c>
      <c r="BI21" s="300"/>
      <c r="BJ21" s="295">
        <v>0</v>
      </c>
      <c r="BK21" s="295">
        <v>2635</v>
      </c>
      <c r="BL21" s="295">
        <v>35340</v>
      </c>
      <c r="BM21" s="295">
        <v>83855</v>
      </c>
      <c r="BN21" s="295">
        <v>39930</v>
      </c>
      <c r="BO21" s="298">
        <v>161760</v>
      </c>
      <c r="BP21" s="299">
        <v>161760</v>
      </c>
      <c r="BQ21" s="294">
        <v>0</v>
      </c>
      <c r="BR21" s="295">
        <v>0</v>
      </c>
      <c r="BS21" s="296">
        <v>0</v>
      </c>
      <c r="BT21" s="297">
        <v>0</v>
      </c>
      <c r="BU21" s="295">
        <v>33064</v>
      </c>
      <c r="BV21" s="295">
        <v>74950</v>
      </c>
      <c r="BW21" s="295">
        <v>403905</v>
      </c>
      <c r="BX21" s="295">
        <v>207175</v>
      </c>
      <c r="BY21" s="295">
        <v>44560</v>
      </c>
      <c r="BZ21" s="298">
        <v>763654</v>
      </c>
      <c r="CA21" s="299">
        <v>763654</v>
      </c>
      <c r="CB21" s="294">
        <v>0</v>
      </c>
      <c r="CC21" s="295">
        <v>0</v>
      </c>
      <c r="CD21" s="296">
        <v>0</v>
      </c>
      <c r="CE21" s="297">
        <v>0</v>
      </c>
      <c r="CF21" s="295">
        <v>0</v>
      </c>
      <c r="CG21" s="295">
        <v>580</v>
      </c>
      <c r="CH21" s="295">
        <v>0</v>
      </c>
      <c r="CI21" s="295">
        <v>10555</v>
      </c>
      <c r="CJ21" s="295">
        <v>0</v>
      </c>
      <c r="CK21" s="298">
        <v>11135</v>
      </c>
      <c r="CL21" s="299">
        <v>11135</v>
      </c>
      <c r="CM21" s="294">
        <v>0</v>
      </c>
      <c r="CN21" s="295">
        <v>0</v>
      </c>
      <c r="CO21" s="296">
        <v>0</v>
      </c>
      <c r="CP21" s="297">
        <v>0</v>
      </c>
      <c r="CQ21" s="295">
        <v>0</v>
      </c>
      <c r="CR21" s="295">
        <v>0</v>
      </c>
      <c r="CS21" s="295">
        <v>0</v>
      </c>
      <c r="CT21" s="295">
        <v>0</v>
      </c>
      <c r="CU21" s="295">
        <v>0</v>
      </c>
      <c r="CV21" s="298">
        <v>0</v>
      </c>
      <c r="CW21" s="299">
        <v>0</v>
      </c>
      <c r="CX21" s="294">
        <v>0</v>
      </c>
      <c r="CY21" s="295">
        <v>0</v>
      </c>
      <c r="CZ21" s="296">
        <v>0</v>
      </c>
      <c r="DA21" s="300"/>
      <c r="DB21" s="295">
        <v>0</v>
      </c>
      <c r="DC21" s="295">
        <v>0</v>
      </c>
      <c r="DD21" s="295">
        <v>0</v>
      </c>
      <c r="DE21" s="295">
        <v>0</v>
      </c>
      <c r="DF21" s="295">
        <v>0</v>
      </c>
      <c r="DG21" s="298">
        <v>0</v>
      </c>
      <c r="DH21" s="299">
        <v>0</v>
      </c>
      <c r="DI21" s="294">
        <v>0</v>
      </c>
      <c r="DJ21" s="295">
        <v>0</v>
      </c>
      <c r="DK21" s="296">
        <v>0</v>
      </c>
      <c r="DL21" s="297">
        <v>0</v>
      </c>
      <c r="DM21" s="295">
        <v>167468</v>
      </c>
      <c r="DN21" s="295">
        <v>362691</v>
      </c>
      <c r="DO21" s="295">
        <v>2822947</v>
      </c>
      <c r="DP21" s="295">
        <v>4269827</v>
      </c>
      <c r="DQ21" s="295">
        <v>2769652</v>
      </c>
      <c r="DR21" s="298">
        <v>10392585</v>
      </c>
      <c r="DS21" s="301">
        <v>10392585</v>
      </c>
      <c r="DT21" s="294">
        <v>0</v>
      </c>
      <c r="DU21" s="295">
        <v>0</v>
      </c>
      <c r="DV21" s="296">
        <v>0</v>
      </c>
      <c r="DW21" s="300"/>
      <c r="DX21" s="295">
        <v>55956</v>
      </c>
      <c r="DY21" s="295">
        <v>185566</v>
      </c>
      <c r="DZ21" s="295">
        <v>2097426</v>
      </c>
      <c r="EA21" s="295">
        <v>3603792</v>
      </c>
      <c r="EB21" s="295">
        <v>2464199</v>
      </c>
      <c r="EC21" s="298">
        <v>8406939</v>
      </c>
      <c r="ED21" s="299">
        <v>8406939</v>
      </c>
      <c r="EE21" s="294">
        <v>0</v>
      </c>
      <c r="EF21" s="295">
        <v>0</v>
      </c>
      <c r="EG21" s="296">
        <v>0</v>
      </c>
      <c r="EH21" s="300"/>
      <c r="EI21" s="295">
        <v>46342</v>
      </c>
      <c r="EJ21" s="295">
        <v>49465</v>
      </c>
      <c r="EK21" s="295">
        <v>131320</v>
      </c>
      <c r="EL21" s="295">
        <v>106215</v>
      </c>
      <c r="EM21" s="295">
        <v>64058</v>
      </c>
      <c r="EN21" s="298">
        <v>397400</v>
      </c>
      <c r="EO21" s="299">
        <v>397400</v>
      </c>
      <c r="EP21" s="294">
        <v>0</v>
      </c>
      <c r="EQ21" s="295">
        <v>0</v>
      </c>
      <c r="ER21" s="296">
        <v>0</v>
      </c>
      <c r="ES21" s="300"/>
      <c r="ET21" s="295">
        <v>0</v>
      </c>
      <c r="EU21" s="295">
        <v>0</v>
      </c>
      <c r="EV21" s="295">
        <v>0</v>
      </c>
      <c r="EW21" s="295">
        <v>217</v>
      </c>
      <c r="EX21" s="295">
        <v>11470</v>
      </c>
      <c r="EY21" s="298">
        <v>11687</v>
      </c>
      <c r="EZ21" s="299">
        <v>11687</v>
      </c>
      <c r="FA21" s="294">
        <v>0</v>
      </c>
      <c r="FB21" s="295">
        <v>0</v>
      </c>
      <c r="FC21" s="296">
        <v>0</v>
      </c>
      <c r="FD21" s="300"/>
      <c r="FE21" s="295">
        <v>0</v>
      </c>
      <c r="FF21" s="295">
        <v>0</v>
      </c>
      <c r="FG21" s="295">
        <v>217</v>
      </c>
      <c r="FH21" s="295">
        <v>217</v>
      </c>
      <c r="FI21" s="295">
        <v>12772</v>
      </c>
      <c r="FJ21" s="298">
        <v>13206</v>
      </c>
      <c r="FK21" s="299">
        <v>13206</v>
      </c>
      <c r="FL21" s="294">
        <v>0</v>
      </c>
      <c r="FM21" s="295">
        <v>0</v>
      </c>
      <c r="FN21" s="296">
        <v>0</v>
      </c>
      <c r="FO21" s="300"/>
      <c r="FP21" s="295">
        <v>0</v>
      </c>
      <c r="FQ21" s="295">
        <v>21576</v>
      </c>
      <c r="FR21" s="295">
        <v>58342</v>
      </c>
      <c r="FS21" s="295">
        <v>224564</v>
      </c>
      <c r="FT21" s="295">
        <v>100798</v>
      </c>
      <c r="FU21" s="298">
        <v>405280</v>
      </c>
      <c r="FV21" s="299">
        <v>405280</v>
      </c>
      <c r="FW21" s="294">
        <v>0</v>
      </c>
      <c r="FX21" s="295">
        <v>0</v>
      </c>
      <c r="FY21" s="296">
        <v>0</v>
      </c>
      <c r="FZ21" s="297">
        <v>0</v>
      </c>
      <c r="GA21" s="295">
        <v>65170</v>
      </c>
      <c r="GB21" s="295">
        <v>106049</v>
      </c>
      <c r="GC21" s="295">
        <v>535642</v>
      </c>
      <c r="GD21" s="295">
        <v>331052</v>
      </c>
      <c r="GE21" s="295">
        <v>116355</v>
      </c>
      <c r="GF21" s="298">
        <v>1154268</v>
      </c>
      <c r="GG21" s="299">
        <v>1154268</v>
      </c>
      <c r="GH21" s="294">
        <v>0</v>
      </c>
      <c r="GI21" s="295">
        <v>0</v>
      </c>
      <c r="GJ21" s="296">
        <v>0</v>
      </c>
      <c r="GK21" s="297">
        <v>0</v>
      </c>
      <c r="GL21" s="295">
        <v>0</v>
      </c>
      <c r="GM21" s="295">
        <v>35</v>
      </c>
      <c r="GN21" s="295">
        <v>0</v>
      </c>
      <c r="GO21" s="295">
        <v>3770</v>
      </c>
      <c r="GP21" s="295">
        <v>0</v>
      </c>
      <c r="GQ21" s="298">
        <v>3805</v>
      </c>
      <c r="GR21" s="299">
        <v>3805</v>
      </c>
      <c r="GS21" s="294">
        <v>0</v>
      </c>
      <c r="GT21" s="295">
        <v>0</v>
      </c>
      <c r="GU21" s="296">
        <v>0</v>
      </c>
      <c r="GV21" s="297">
        <v>0</v>
      </c>
      <c r="GW21" s="295">
        <v>0</v>
      </c>
      <c r="GX21" s="295">
        <v>0</v>
      </c>
      <c r="GY21" s="295">
        <v>0</v>
      </c>
      <c r="GZ21" s="295">
        <v>0</v>
      </c>
      <c r="HA21" s="295">
        <v>0</v>
      </c>
      <c r="HB21" s="298">
        <v>0</v>
      </c>
      <c r="HC21" s="299">
        <v>0</v>
      </c>
      <c r="HD21" s="294">
        <v>0</v>
      </c>
      <c r="HE21" s="295">
        <v>0</v>
      </c>
      <c r="HF21" s="296">
        <v>0</v>
      </c>
      <c r="HG21" s="300"/>
      <c r="HH21" s="295">
        <v>0</v>
      </c>
      <c r="HI21" s="295">
        <v>0</v>
      </c>
      <c r="HJ21" s="295">
        <v>0</v>
      </c>
      <c r="HK21" s="295">
        <v>0</v>
      </c>
      <c r="HL21" s="295">
        <v>0</v>
      </c>
      <c r="HM21" s="298">
        <v>0</v>
      </c>
      <c r="HN21" s="299">
        <v>0</v>
      </c>
      <c r="HO21" s="294">
        <v>0</v>
      </c>
      <c r="HP21" s="295">
        <v>0</v>
      </c>
      <c r="HQ21" s="296">
        <v>0</v>
      </c>
      <c r="HR21" s="297">
        <v>0</v>
      </c>
      <c r="HS21" s="295">
        <v>399137</v>
      </c>
      <c r="HT21" s="295">
        <v>935448</v>
      </c>
      <c r="HU21" s="295">
        <v>5223882</v>
      </c>
      <c r="HV21" s="295">
        <v>7962969</v>
      </c>
      <c r="HW21" s="295">
        <v>5620649</v>
      </c>
      <c r="HX21" s="298">
        <v>20142085</v>
      </c>
      <c r="HY21" s="299">
        <v>20142085</v>
      </c>
    </row>
    <row r="22" spans="2:233" ht="21" customHeight="1" x14ac:dyDescent="0.2">
      <c r="B22" s="292" t="s">
        <v>19</v>
      </c>
      <c r="C22" s="294">
        <v>0</v>
      </c>
      <c r="D22" s="295">
        <v>0</v>
      </c>
      <c r="E22" s="296">
        <v>0</v>
      </c>
      <c r="F22" s="297">
        <v>0</v>
      </c>
      <c r="G22" s="295">
        <v>127560</v>
      </c>
      <c r="H22" s="295">
        <v>342925</v>
      </c>
      <c r="I22" s="295">
        <v>1511414</v>
      </c>
      <c r="J22" s="295">
        <v>1327895</v>
      </c>
      <c r="K22" s="295">
        <v>961015</v>
      </c>
      <c r="L22" s="298">
        <v>4270809</v>
      </c>
      <c r="M22" s="299">
        <v>4270809</v>
      </c>
      <c r="N22" s="294">
        <v>0</v>
      </c>
      <c r="O22" s="295">
        <v>0</v>
      </c>
      <c r="P22" s="296">
        <v>0</v>
      </c>
      <c r="Q22" s="300"/>
      <c r="R22" s="295">
        <v>0</v>
      </c>
      <c r="S22" s="295">
        <v>78740</v>
      </c>
      <c r="T22" s="295">
        <v>1004230</v>
      </c>
      <c r="U22" s="295">
        <v>997880</v>
      </c>
      <c r="V22" s="295">
        <v>792225</v>
      </c>
      <c r="W22" s="298">
        <v>2873075</v>
      </c>
      <c r="X22" s="299">
        <v>2873075</v>
      </c>
      <c r="Y22" s="294">
        <v>0</v>
      </c>
      <c r="Z22" s="295">
        <v>0</v>
      </c>
      <c r="AA22" s="296">
        <v>0</v>
      </c>
      <c r="AB22" s="300"/>
      <c r="AC22" s="295">
        <v>85390</v>
      </c>
      <c r="AD22" s="295">
        <v>208740</v>
      </c>
      <c r="AE22" s="295">
        <v>475409</v>
      </c>
      <c r="AF22" s="295">
        <v>265335</v>
      </c>
      <c r="AG22" s="295">
        <v>138725</v>
      </c>
      <c r="AH22" s="298">
        <v>1173599</v>
      </c>
      <c r="AI22" s="299">
        <v>1173599</v>
      </c>
      <c r="AJ22" s="294">
        <v>0</v>
      </c>
      <c r="AK22" s="295">
        <v>0</v>
      </c>
      <c r="AL22" s="296">
        <v>0</v>
      </c>
      <c r="AM22" s="300"/>
      <c r="AN22" s="295">
        <v>0</v>
      </c>
      <c r="AO22" s="295">
        <v>0</v>
      </c>
      <c r="AP22" s="295">
        <v>0</v>
      </c>
      <c r="AQ22" s="295">
        <v>0</v>
      </c>
      <c r="AR22" s="295">
        <v>0</v>
      </c>
      <c r="AS22" s="298">
        <v>0</v>
      </c>
      <c r="AT22" s="299">
        <v>0</v>
      </c>
      <c r="AU22" s="294">
        <v>0</v>
      </c>
      <c r="AV22" s="295">
        <v>0</v>
      </c>
      <c r="AW22" s="296">
        <v>0</v>
      </c>
      <c r="AX22" s="300"/>
      <c r="AY22" s="295">
        <v>0</v>
      </c>
      <c r="AZ22" s="295">
        <v>0</v>
      </c>
      <c r="BA22" s="295">
        <v>0</v>
      </c>
      <c r="BB22" s="295">
        <v>0</v>
      </c>
      <c r="BC22" s="295">
        <v>0</v>
      </c>
      <c r="BD22" s="298">
        <v>0</v>
      </c>
      <c r="BE22" s="299">
        <v>0</v>
      </c>
      <c r="BF22" s="294">
        <v>0</v>
      </c>
      <c r="BG22" s="295">
        <v>0</v>
      </c>
      <c r="BH22" s="296">
        <v>0</v>
      </c>
      <c r="BI22" s="300"/>
      <c r="BJ22" s="295">
        <v>0</v>
      </c>
      <c r="BK22" s="295">
        <v>0</v>
      </c>
      <c r="BL22" s="295">
        <v>0</v>
      </c>
      <c r="BM22" s="295">
        <v>0</v>
      </c>
      <c r="BN22" s="295">
        <v>0</v>
      </c>
      <c r="BO22" s="298">
        <v>0</v>
      </c>
      <c r="BP22" s="299">
        <v>0</v>
      </c>
      <c r="BQ22" s="294">
        <v>0</v>
      </c>
      <c r="BR22" s="295">
        <v>0</v>
      </c>
      <c r="BS22" s="296">
        <v>0</v>
      </c>
      <c r="BT22" s="297">
        <v>0</v>
      </c>
      <c r="BU22" s="295">
        <v>37100</v>
      </c>
      <c r="BV22" s="295">
        <v>52545</v>
      </c>
      <c r="BW22" s="295">
        <v>31775</v>
      </c>
      <c r="BX22" s="295">
        <v>62215</v>
      </c>
      <c r="BY22" s="295">
        <v>30065</v>
      </c>
      <c r="BZ22" s="298">
        <v>213700</v>
      </c>
      <c r="CA22" s="299">
        <v>213700</v>
      </c>
      <c r="CB22" s="294">
        <v>0</v>
      </c>
      <c r="CC22" s="295">
        <v>0</v>
      </c>
      <c r="CD22" s="296">
        <v>0</v>
      </c>
      <c r="CE22" s="297">
        <v>0</v>
      </c>
      <c r="CF22" s="295">
        <v>5070</v>
      </c>
      <c r="CG22" s="295">
        <v>2900</v>
      </c>
      <c r="CH22" s="295">
        <v>0</v>
      </c>
      <c r="CI22" s="295">
        <v>2465</v>
      </c>
      <c r="CJ22" s="295">
        <v>0</v>
      </c>
      <c r="CK22" s="298">
        <v>10435</v>
      </c>
      <c r="CL22" s="299">
        <v>10435</v>
      </c>
      <c r="CM22" s="294">
        <v>0</v>
      </c>
      <c r="CN22" s="295">
        <v>0</v>
      </c>
      <c r="CO22" s="296">
        <v>0</v>
      </c>
      <c r="CP22" s="297">
        <v>0</v>
      </c>
      <c r="CQ22" s="295">
        <v>0</v>
      </c>
      <c r="CR22" s="295">
        <v>0</v>
      </c>
      <c r="CS22" s="295">
        <v>0</v>
      </c>
      <c r="CT22" s="295">
        <v>0</v>
      </c>
      <c r="CU22" s="295">
        <v>0</v>
      </c>
      <c r="CV22" s="298">
        <v>0</v>
      </c>
      <c r="CW22" s="299">
        <v>0</v>
      </c>
      <c r="CX22" s="294">
        <v>0</v>
      </c>
      <c r="CY22" s="295">
        <v>0</v>
      </c>
      <c r="CZ22" s="296">
        <v>0</v>
      </c>
      <c r="DA22" s="300"/>
      <c r="DB22" s="295">
        <v>0</v>
      </c>
      <c r="DC22" s="295">
        <v>0</v>
      </c>
      <c r="DD22" s="295">
        <v>0</v>
      </c>
      <c r="DE22" s="295">
        <v>0</v>
      </c>
      <c r="DF22" s="295">
        <v>0</v>
      </c>
      <c r="DG22" s="298">
        <v>0</v>
      </c>
      <c r="DH22" s="299">
        <v>0</v>
      </c>
      <c r="DI22" s="294">
        <v>0</v>
      </c>
      <c r="DJ22" s="295">
        <v>0</v>
      </c>
      <c r="DK22" s="296">
        <v>0</v>
      </c>
      <c r="DL22" s="297">
        <v>0</v>
      </c>
      <c r="DM22" s="295">
        <v>47382</v>
      </c>
      <c r="DN22" s="295">
        <v>232785</v>
      </c>
      <c r="DO22" s="295">
        <v>1468120</v>
      </c>
      <c r="DP22" s="295">
        <v>1657885</v>
      </c>
      <c r="DQ22" s="295">
        <v>965941</v>
      </c>
      <c r="DR22" s="298">
        <v>4372113</v>
      </c>
      <c r="DS22" s="301">
        <v>4372113</v>
      </c>
      <c r="DT22" s="294">
        <v>0</v>
      </c>
      <c r="DU22" s="295">
        <v>0</v>
      </c>
      <c r="DV22" s="296">
        <v>0</v>
      </c>
      <c r="DW22" s="300"/>
      <c r="DX22" s="295">
        <v>0</v>
      </c>
      <c r="DY22" s="295">
        <v>120838</v>
      </c>
      <c r="DZ22" s="295">
        <v>1373483</v>
      </c>
      <c r="EA22" s="295">
        <v>1560781</v>
      </c>
      <c r="EB22" s="295">
        <v>902823</v>
      </c>
      <c r="EC22" s="298">
        <v>3957925</v>
      </c>
      <c r="ED22" s="299">
        <v>3957925</v>
      </c>
      <c r="EE22" s="294">
        <v>0</v>
      </c>
      <c r="EF22" s="295">
        <v>0</v>
      </c>
      <c r="EG22" s="296">
        <v>0</v>
      </c>
      <c r="EH22" s="300"/>
      <c r="EI22" s="295">
        <v>13094</v>
      </c>
      <c r="EJ22" s="295">
        <v>44398</v>
      </c>
      <c r="EK22" s="295">
        <v>49465</v>
      </c>
      <c r="EL22" s="295">
        <v>25857</v>
      </c>
      <c r="EM22" s="295">
        <v>23436</v>
      </c>
      <c r="EN22" s="298">
        <v>156250</v>
      </c>
      <c r="EO22" s="299">
        <v>156250</v>
      </c>
      <c r="EP22" s="294">
        <v>0</v>
      </c>
      <c r="EQ22" s="295">
        <v>0</v>
      </c>
      <c r="ER22" s="296">
        <v>0</v>
      </c>
      <c r="ES22" s="300"/>
      <c r="ET22" s="295">
        <v>0</v>
      </c>
      <c r="EU22" s="295">
        <v>0</v>
      </c>
      <c r="EV22" s="295">
        <v>0</v>
      </c>
      <c r="EW22" s="295">
        <v>0</v>
      </c>
      <c r="EX22" s="295">
        <v>0</v>
      </c>
      <c r="EY22" s="298">
        <v>0</v>
      </c>
      <c r="EZ22" s="299">
        <v>0</v>
      </c>
      <c r="FA22" s="294">
        <v>0</v>
      </c>
      <c r="FB22" s="295">
        <v>0</v>
      </c>
      <c r="FC22" s="296">
        <v>0</v>
      </c>
      <c r="FD22" s="300"/>
      <c r="FE22" s="295">
        <v>0</v>
      </c>
      <c r="FF22" s="295">
        <v>0</v>
      </c>
      <c r="FG22" s="295">
        <v>0</v>
      </c>
      <c r="FH22" s="295">
        <v>0</v>
      </c>
      <c r="FI22" s="295">
        <v>0</v>
      </c>
      <c r="FJ22" s="298">
        <v>0</v>
      </c>
      <c r="FK22" s="299">
        <v>0</v>
      </c>
      <c r="FL22" s="294">
        <v>0</v>
      </c>
      <c r="FM22" s="295">
        <v>0</v>
      </c>
      <c r="FN22" s="296">
        <v>0</v>
      </c>
      <c r="FO22" s="300"/>
      <c r="FP22" s="295">
        <v>0</v>
      </c>
      <c r="FQ22" s="295">
        <v>0</v>
      </c>
      <c r="FR22" s="295">
        <v>0</v>
      </c>
      <c r="FS22" s="295">
        <v>0</v>
      </c>
      <c r="FT22" s="295">
        <v>0</v>
      </c>
      <c r="FU22" s="298">
        <v>0</v>
      </c>
      <c r="FV22" s="299">
        <v>0</v>
      </c>
      <c r="FW22" s="294">
        <v>0</v>
      </c>
      <c r="FX22" s="295">
        <v>0</v>
      </c>
      <c r="FY22" s="296">
        <v>0</v>
      </c>
      <c r="FZ22" s="297">
        <v>0</v>
      </c>
      <c r="GA22" s="295">
        <v>34246</v>
      </c>
      <c r="GB22" s="295">
        <v>62537</v>
      </c>
      <c r="GC22" s="295">
        <v>45172</v>
      </c>
      <c r="GD22" s="295">
        <v>60865</v>
      </c>
      <c r="GE22" s="295">
        <v>39682</v>
      </c>
      <c r="GF22" s="298">
        <v>242502</v>
      </c>
      <c r="GG22" s="299">
        <v>242502</v>
      </c>
      <c r="GH22" s="294">
        <v>0</v>
      </c>
      <c r="GI22" s="295">
        <v>0</v>
      </c>
      <c r="GJ22" s="296">
        <v>0</v>
      </c>
      <c r="GK22" s="297">
        <v>0</v>
      </c>
      <c r="GL22" s="295">
        <v>42</v>
      </c>
      <c r="GM22" s="295">
        <v>5012</v>
      </c>
      <c r="GN22" s="295">
        <v>0</v>
      </c>
      <c r="GO22" s="295">
        <v>10382</v>
      </c>
      <c r="GP22" s="295">
        <v>0</v>
      </c>
      <c r="GQ22" s="298">
        <v>15436</v>
      </c>
      <c r="GR22" s="299">
        <v>15436</v>
      </c>
      <c r="GS22" s="294">
        <v>0</v>
      </c>
      <c r="GT22" s="295">
        <v>0</v>
      </c>
      <c r="GU22" s="296">
        <v>0</v>
      </c>
      <c r="GV22" s="297">
        <v>0</v>
      </c>
      <c r="GW22" s="295">
        <v>0</v>
      </c>
      <c r="GX22" s="295">
        <v>0</v>
      </c>
      <c r="GY22" s="295">
        <v>0</v>
      </c>
      <c r="GZ22" s="295">
        <v>0</v>
      </c>
      <c r="HA22" s="295">
        <v>0</v>
      </c>
      <c r="HB22" s="298">
        <v>0</v>
      </c>
      <c r="HC22" s="299">
        <v>0</v>
      </c>
      <c r="HD22" s="294">
        <v>0</v>
      </c>
      <c r="HE22" s="295">
        <v>0</v>
      </c>
      <c r="HF22" s="296">
        <v>0</v>
      </c>
      <c r="HG22" s="300"/>
      <c r="HH22" s="295">
        <v>0</v>
      </c>
      <c r="HI22" s="295">
        <v>0</v>
      </c>
      <c r="HJ22" s="295">
        <v>0</v>
      </c>
      <c r="HK22" s="295">
        <v>0</v>
      </c>
      <c r="HL22" s="295">
        <v>0</v>
      </c>
      <c r="HM22" s="298">
        <v>0</v>
      </c>
      <c r="HN22" s="299">
        <v>0</v>
      </c>
      <c r="HO22" s="294">
        <v>0</v>
      </c>
      <c r="HP22" s="295">
        <v>0</v>
      </c>
      <c r="HQ22" s="296">
        <v>0</v>
      </c>
      <c r="HR22" s="297">
        <v>0</v>
      </c>
      <c r="HS22" s="295">
        <v>174942</v>
      </c>
      <c r="HT22" s="295">
        <v>575710</v>
      </c>
      <c r="HU22" s="295">
        <v>2979534</v>
      </c>
      <c r="HV22" s="295">
        <v>2985780</v>
      </c>
      <c r="HW22" s="295">
        <v>1926956</v>
      </c>
      <c r="HX22" s="298">
        <v>8642922</v>
      </c>
      <c r="HY22" s="299">
        <v>8642922</v>
      </c>
    </row>
    <row r="23" spans="2:233" ht="21" customHeight="1" x14ac:dyDescent="0.2">
      <c r="B23" s="292" t="s">
        <v>20</v>
      </c>
      <c r="C23" s="294">
        <v>0</v>
      </c>
      <c r="D23" s="295">
        <v>0</v>
      </c>
      <c r="E23" s="296">
        <v>0</v>
      </c>
      <c r="F23" s="297">
        <v>0</v>
      </c>
      <c r="G23" s="295">
        <v>180265</v>
      </c>
      <c r="H23" s="295">
        <v>470940</v>
      </c>
      <c r="I23" s="295">
        <v>1375655</v>
      </c>
      <c r="J23" s="295">
        <v>1576845</v>
      </c>
      <c r="K23" s="295">
        <v>663705</v>
      </c>
      <c r="L23" s="298">
        <v>4267410</v>
      </c>
      <c r="M23" s="299">
        <v>4267410</v>
      </c>
      <c r="N23" s="294">
        <v>0</v>
      </c>
      <c r="O23" s="295">
        <v>0</v>
      </c>
      <c r="P23" s="296">
        <v>0</v>
      </c>
      <c r="Q23" s="300"/>
      <c r="R23" s="295">
        <v>81360</v>
      </c>
      <c r="S23" s="295">
        <v>201345</v>
      </c>
      <c r="T23" s="295">
        <v>957655</v>
      </c>
      <c r="U23" s="295">
        <v>1283640</v>
      </c>
      <c r="V23" s="295">
        <v>565015</v>
      </c>
      <c r="W23" s="298">
        <v>3089015</v>
      </c>
      <c r="X23" s="299">
        <v>3089015</v>
      </c>
      <c r="Y23" s="294">
        <v>0</v>
      </c>
      <c r="Z23" s="295">
        <v>0</v>
      </c>
      <c r="AA23" s="296">
        <v>0</v>
      </c>
      <c r="AB23" s="300"/>
      <c r="AC23" s="295">
        <v>40610</v>
      </c>
      <c r="AD23" s="295">
        <v>200255</v>
      </c>
      <c r="AE23" s="295">
        <v>264340</v>
      </c>
      <c r="AF23" s="295">
        <v>204075</v>
      </c>
      <c r="AG23" s="295">
        <v>92535</v>
      </c>
      <c r="AH23" s="298">
        <v>801815</v>
      </c>
      <c r="AI23" s="299">
        <v>801815</v>
      </c>
      <c r="AJ23" s="294">
        <v>0</v>
      </c>
      <c r="AK23" s="295">
        <v>0</v>
      </c>
      <c r="AL23" s="296">
        <v>0</v>
      </c>
      <c r="AM23" s="300"/>
      <c r="AN23" s="295">
        <v>0</v>
      </c>
      <c r="AO23" s="295">
        <v>0</v>
      </c>
      <c r="AP23" s="295">
        <v>0</v>
      </c>
      <c r="AQ23" s="295">
        <v>0</v>
      </c>
      <c r="AR23" s="295">
        <v>0</v>
      </c>
      <c r="AS23" s="298">
        <v>0</v>
      </c>
      <c r="AT23" s="299">
        <v>0</v>
      </c>
      <c r="AU23" s="294">
        <v>0</v>
      </c>
      <c r="AV23" s="295">
        <v>0</v>
      </c>
      <c r="AW23" s="296">
        <v>0</v>
      </c>
      <c r="AX23" s="300"/>
      <c r="AY23" s="295">
        <v>0</v>
      </c>
      <c r="AZ23" s="295">
        <v>0</v>
      </c>
      <c r="BA23" s="295">
        <v>0</v>
      </c>
      <c r="BB23" s="295">
        <v>0</v>
      </c>
      <c r="BC23" s="295">
        <v>0</v>
      </c>
      <c r="BD23" s="298">
        <v>0</v>
      </c>
      <c r="BE23" s="299">
        <v>0</v>
      </c>
      <c r="BF23" s="294">
        <v>0</v>
      </c>
      <c r="BG23" s="295">
        <v>0</v>
      </c>
      <c r="BH23" s="296">
        <v>0</v>
      </c>
      <c r="BI23" s="300"/>
      <c r="BJ23" s="295">
        <v>0</v>
      </c>
      <c r="BK23" s="295">
        <v>0</v>
      </c>
      <c r="BL23" s="295">
        <v>0</v>
      </c>
      <c r="BM23" s="295">
        <v>0</v>
      </c>
      <c r="BN23" s="295">
        <v>0</v>
      </c>
      <c r="BO23" s="298">
        <v>0</v>
      </c>
      <c r="BP23" s="299">
        <v>0</v>
      </c>
      <c r="BQ23" s="294">
        <v>0</v>
      </c>
      <c r="BR23" s="295">
        <v>0</v>
      </c>
      <c r="BS23" s="296">
        <v>0</v>
      </c>
      <c r="BT23" s="297">
        <v>0</v>
      </c>
      <c r="BU23" s="295">
        <v>58295</v>
      </c>
      <c r="BV23" s="295">
        <v>68905</v>
      </c>
      <c r="BW23" s="295">
        <v>151630</v>
      </c>
      <c r="BX23" s="295">
        <v>85215</v>
      </c>
      <c r="BY23" s="295">
        <v>2150</v>
      </c>
      <c r="BZ23" s="298">
        <v>366195</v>
      </c>
      <c r="CA23" s="299">
        <v>366195</v>
      </c>
      <c r="CB23" s="294">
        <v>0</v>
      </c>
      <c r="CC23" s="295">
        <v>0</v>
      </c>
      <c r="CD23" s="296">
        <v>0</v>
      </c>
      <c r="CE23" s="297">
        <v>0</v>
      </c>
      <c r="CF23" s="295">
        <v>0</v>
      </c>
      <c r="CG23" s="295">
        <v>435</v>
      </c>
      <c r="CH23" s="295">
        <v>2030</v>
      </c>
      <c r="CI23" s="295">
        <v>3915</v>
      </c>
      <c r="CJ23" s="295">
        <v>4005</v>
      </c>
      <c r="CK23" s="298">
        <v>10385</v>
      </c>
      <c r="CL23" s="299">
        <v>10385</v>
      </c>
      <c r="CM23" s="294">
        <v>0</v>
      </c>
      <c r="CN23" s="295">
        <v>0</v>
      </c>
      <c r="CO23" s="296">
        <v>0</v>
      </c>
      <c r="CP23" s="297">
        <v>0</v>
      </c>
      <c r="CQ23" s="295">
        <v>0</v>
      </c>
      <c r="CR23" s="295">
        <v>0</v>
      </c>
      <c r="CS23" s="295">
        <v>0</v>
      </c>
      <c r="CT23" s="295">
        <v>0</v>
      </c>
      <c r="CU23" s="295">
        <v>0</v>
      </c>
      <c r="CV23" s="298">
        <v>0</v>
      </c>
      <c r="CW23" s="299">
        <v>0</v>
      </c>
      <c r="CX23" s="294">
        <v>0</v>
      </c>
      <c r="CY23" s="295">
        <v>0</v>
      </c>
      <c r="CZ23" s="296">
        <v>0</v>
      </c>
      <c r="DA23" s="300"/>
      <c r="DB23" s="295">
        <v>0</v>
      </c>
      <c r="DC23" s="295">
        <v>0</v>
      </c>
      <c r="DD23" s="295">
        <v>0</v>
      </c>
      <c r="DE23" s="295">
        <v>0</v>
      </c>
      <c r="DF23" s="295">
        <v>0</v>
      </c>
      <c r="DG23" s="298">
        <v>0</v>
      </c>
      <c r="DH23" s="299">
        <v>0</v>
      </c>
      <c r="DI23" s="294">
        <v>0</v>
      </c>
      <c r="DJ23" s="295">
        <v>0</v>
      </c>
      <c r="DK23" s="296">
        <v>0</v>
      </c>
      <c r="DL23" s="297">
        <v>0</v>
      </c>
      <c r="DM23" s="295">
        <v>208102</v>
      </c>
      <c r="DN23" s="295">
        <v>541207</v>
      </c>
      <c r="DO23" s="295">
        <v>1903385</v>
      </c>
      <c r="DP23" s="295">
        <v>2284738</v>
      </c>
      <c r="DQ23" s="295">
        <v>985306</v>
      </c>
      <c r="DR23" s="298">
        <v>5922738</v>
      </c>
      <c r="DS23" s="301">
        <v>5922738</v>
      </c>
      <c r="DT23" s="294">
        <v>0</v>
      </c>
      <c r="DU23" s="295">
        <v>0</v>
      </c>
      <c r="DV23" s="296">
        <v>0</v>
      </c>
      <c r="DW23" s="300"/>
      <c r="DX23" s="295">
        <v>129518</v>
      </c>
      <c r="DY23" s="295">
        <v>352408</v>
      </c>
      <c r="DZ23" s="295">
        <v>1552475</v>
      </c>
      <c r="EA23" s="295">
        <v>2089258</v>
      </c>
      <c r="EB23" s="295">
        <v>961773</v>
      </c>
      <c r="EC23" s="298">
        <v>5085432</v>
      </c>
      <c r="ED23" s="299">
        <v>5085432</v>
      </c>
      <c r="EE23" s="294">
        <v>0</v>
      </c>
      <c r="EF23" s="295">
        <v>0</v>
      </c>
      <c r="EG23" s="296">
        <v>0</v>
      </c>
      <c r="EH23" s="300"/>
      <c r="EI23" s="295">
        <v>11749</v>
      </c>
      <c r="EJ23" s="295">
        <v>36424</v>
      </c>
      <c r="EK23" s="295">
        <v>26082</v>
      </c>
      <c r="EL23" s="295">
        <v>14563</v>
      </c>
      <c r="EM23" s="295">
        <v>1519</v>
      </c>
      <c r="EN23" s="298">
        <v>90337</v>
      </c>
      <c r="EO23" s="299">
        <v>90337</v>
      </c>
      <c r="EP23" s="294">
        <v>0</v>
      </c>
      <c r="EQ23" s="295">
        <v>0</v>
      </c>
      <c r="ER23" s="296">
        <v>0</v>
      </c>
      <c r="ES23" s="300"/>
      <c r="ET23" s="295">
        <v>0</v>
      </c>
      <c r="EU23" s="295">
        <v>0</v>
      </c>
      <c r="EV23" s="295">
        <v>0</v>
      </c>
      <c r="EW23" s="295">
        <v>0</v>
      </c>
      <c r="EX23" s="295">
        <v>0</v>
      </c>
      <c r="EY23" s="298">
        <v>0</v>
      </c>
      <c r="EZ23" s="299">
        <v>0</v>
      </c>
      <c r="FA23" s="294">
        <v>0</v>
      </c>
      <c r="FB23" s="295">
        <v>0</v>
      </c>
      <c r="FC23" s="296">
        <v>0</v>
      </c>
      <c r="FD23" s="300"/>
      <c r="FE23" s="295">
        <v>0</v>
      </c>
      <c r="FF23" s="295">
        <v>0</v>
      </c>
      <c r="FG23" s="295">
        <v>0</v>
      </c>
      <c r="FH23" s="295">
        <v>0</v>
      </c>
      <c r="FI23" s="295">
        <v>0</v>
      </c>
      <c r="FJ23" s="298">
        <v>0</v>
      </c>
      <c r="FK23" s="299">
        <v>0</v>
      </c>
      <c r="FL23" s="294">
        <v>0</v>
      </c>
      <c r="FM23" s="295">
        <v>0</v>
      </c>
      <c r="FN23" s="296">
        <v>0</v>
      </c>
      <c r="FO23" s="300"/>
      <c r="FP23" s="295">
        <v>0</v>
      </c>
      <c r="FQ23" s="295">
        <v>0</v>
      </c>
      <c r="FR23" s="295">
        <v>0</v>
      </c>
      <c r="FS23" s="295">
        <v>0</v>
      </c>
      <c r="FT23" s="295">
        <v>0</v>
      </c>
      <c r="FU23" s="298">
        <v>0</v>
      </c>
      <c r="FV23" s="299">
        <v>0</v>
      </c>
      <c r="FW23" s="294">
        <v>0</v>
      </c>
      <c r="FX23" s="295">
        <v>0</v>
      </c>
      <c r="FY23" s="296">
        <v>0</v>
      </c>
      <c r="FZ23" s="297">
        <v>0</v>
      </c>
      <c r="GA23" s="295">
        <v>63442</v>
      </c>
      <c r="GB23" s="295">
        <v>150943</v>
      </c>
      <c r="GC23" s="295">
        <v>319100</v>
      </c>
      <c r="GD23" s="295">
        <v>179675</v>
      </c>
      <c r="GE23" s="295">
        <v>18792</v>
      </c>
      <c r="GF23" s="298">
        <v>731952</v>
      </c>
      <c r="GG23" s="299">
        <v>731952</v>
      </c>
      <c r="GH23" s="294">
        <v>0</v>
      </c>
      <c r="GI23" s="295">
        <v>0</v>
      </c>
      <c r="GJ23" s="296">
        <v>0</v>
      </c>
      <c r="GK23" s="297">
        <v>0</v>
      </c>
      <c r="GL23" s="295">
        <v>3393</v>
      </c>
      <c r="GM23" s="295">
        <v>1432</v>
      </c>
      <c r="GN23" s="295">
        <v>5728</v>
      </c>
      <c r="GO23" s="295">
        <v>1242</v>
      </c>
      <c r="GP23" s="295">
        <v>3222</v>
      </c>
      <c r="GQ23" s="298">
        <v>15017</v>
      </c>
      <c r="GR23" s="299">
        <v>15017</v>
      </c>
      <c r="GS23" s="294">
        <v>0</v>
      </c>
      <c r="GT23" s="295">
        <v>0</v>
      </c>
      <c r="GU23" s="296">
        <v>0</v>
      </c>
      <c r="GV23" s="297">
        <v>0</v>
      </c>
      <c r="GW23" s="295">
        <v>0</v>
      </c>
      <c r="GX23" s="295">
        <v>0</v>
      </c>
      <c r="GY23" s="295">
        <v>0</v>
      </c>
      <c r="GZ23" s="295">
        <v>0</v>
      </c>
      <c r="HA23" s="295">
        <v>0</v>
      </c>
      <c r="HB23" s="298">
        <v>0</v>
      </c>
      <c r="HC23" s="299">
        <v>0</v>
      </c>
      <c r="HD23" s="294">
        <v>0</v>
      </c>
      <c r="HE23" s="295">
        <v>0</v>
      </c>
      <c r="HF23" s="296">
        <v>0</v>
      </c>
      <c r="HG23" s="300"/>
      <c r="HH23" s="295">
        <v>0</v>
      </c>
      <c r="HI23" s="295">
        <v>0</v>
      </c>
      <c r="HJ23" s="295">
        <v>0</v>
      </c>
      <c r="HK23" s="295">
        <v>0</v>
      </c>
      <c r="HL23" s="295">
        <v>0</v>
      </c>
      <c r="HM23" s="298">
        <v>0</v>
      </c>
      <c r="HN23" s="299">
        <v>0</v>
      </c>
      <c r="HO23" s="294">
        <v>0</v>
      </c>
      <c r="HP23" s="295">
        <v>0</v>
      </c>
      <c r="HQ23" s="296">
        <v>0</v>
      </c>
      <c r="HR23" s="297">
        <v>0</v>
      </c>
      <c r="HS23" s="295">
        <v>388367</v>
      </c>
      <c r="HT23" s="295">
        <v>1012147</v>
      </c>
      <c r="HU23" s="295">
        <v>3279040</v>
      </c>
      <c r="HV23" s="295">
        <v>3861583</v>
      </c>
      <c r="HW23" s="295">
        <v>1649011</v>
      </c>
      <c r="HX23" s="298">
        <v>10190148</v>
      </c>
      <c r="HY23" s="299">
        <v>10190148</v>
      </c>
    </row>
    <row r="24" spans="2:233" ht="21" customHeight="1" x14ac:dyDescent="0.2">
      <c r="B24" s="292" t="s">
        <v>21</v>
      </c>
      <c r="C24" s="294">
        <v>0</v>
      </c>
      <c r="D24" s="295">
        <v>0</v>
      </c>
      <c r="E24" s="296">
        <v>0</v>
      </c>
      <c r="F24" s="297">
        <v>0</v>
      </c>
      <c r="G24" s="295">
        <v>127055</v>
      </c>
      <c r="H24" s="295">
        <v>379495</v>
      </c>
      <c r="I24" s="295">
        <v>2585540</v>
      </c>
      <c r="J24" s="295">
        <v>1678358</v>
      </c>
      <c r="K24" s="295">
        <v>1344616</v>
      </c>
      <c r="L24" s="298">
        <v>6115064</v>
      </c>
      <c r="M24" s="299">
        <v>6115064</v>
      </c>
      <c r="N24" s="294">
        <v>0</v>
      </c>
      <c r="O24" s="295">
        <v>0</v>
      </c>
      <c r="P24" s="296">
        <v>0</v>
      </c>
      <c r="Q24" s="300"/>
      <c r="R24" s="295">
        <v>2635</v>
      </c>
      <c r="S24" s="295">
        <v>147405</v>
      </c>
      <c r="T24" s="295">
        <v>1749236</v>
      </c>
      <c r="U24" s="295">
        <v>1315592</v>
      </c>
      <c r="V24" s="295">
        <v>985696</v>
      </c>
      <c r="W24" s="298">
        <v>4200564</v>
      </c>
      <c r="X24" s="299">
        <v>4200564</v>
      </c>
      <c r="Y24" s="294">
        <v>0</v>
      </c>
      <c r="Z24" s="295">
        <v>0</v>
      </c>
      <c r="AA24" s="296">
        <v>0</v>
      </c>
      <c r="AB24" s="300"/>
      <c r="AC24" s="295">
        <v>80980</v>
      </c>
      <c r="AD24" s="295">
        <v>193285</v>
      </c>
      <c r="AE24" s="295">
        <v>231415</v>
      </c>
      <c r="AF24" s="295">
        <v>201380</v>
      </c>
      <c r="AG24" s="295">
        <v>225500</v>
      </c>
      <c r="AH24" s="298">
        <v>932560</v>
      </c>
      <c r="AI24" s="299">
        <v>932560</v>
      </c>
      <c r="AJ24" s="294">
        <v>0</v>
      </c>
      <c r="AK24" s="295">
        <v>0</v>
      </c>
      <c r="AL24" s="296">
        <v>0</v>
      </c>
      <c r="AM24" s="300"/>
      <c r="AN24" s="295">
        <v>0</v>
      </c>
      <c r="AO24" s="295">
        <v>0</v>
      </c>
      <c r="AP24" s="295">
        <v>2635</v>
      </c>
      <c r="AQ24" s="295">
        <v>32705</v>
      </c>
      <c r="AR24" s="295">
        <v>2635</v>
      </c>
      <c r="AS24" s="298">
        <v>37975</v>
      </c>
      <c r="AT24" s="299">
        <v>37975</v>
      </c>
      <c r="AU24" s="294">
        <v>0</v>
      </c>
      <c r="AV24" s="295">
        <v>0</v>
      </c>
      <c r="AW24" s="296">
        <v>0</v>
      </c>
      <c r="AX24" s="300"/>
      <c r="AY24" s="295">
        <v>0</v>
      </c>
      <c r="AZ24" s="295">
        <v>0</v>
      </c>
      <c r="BA24" s="295">
        <v>35495</v>
      </c>
      <c r="BB24" s="295">
        <v>35960</v>
      </c>
      <c r="BC24" s="295">
        <v>77190</v>
      </c>
      <c r="BD24" s="298">
        <v>148645</v>
      </c>
      <c r="BE24" s="299">
        <v>148645</v>
      </c>
      <c r="BF24" s="294">
        <v>0</v>
      </c>
      <c r="BG24" s="295">
        <v>0</v>
      </c>
      <c r="BH24" s="296">
        <v>0</v>
      </c>
      <c r="BI24" s="300"/>
      <c r="BJ24" s="295">
        <v>0</v>
      </c>
      <c r="BK24" s="295">
        <v>0</v>
      </c>
      <c r="BL24" s="295">
        <v>0</v>
      </c>
      <c r="BM24" s="295">
        <v>0</v>
      </c>
      <c r="BN24" s="295">
        <v>0</v>
      </c>
      <c r="BO24" s="298">
        <v>0</v>
      </c>
      <c r="BP24" s="299">
        <v>0</v>
      </c>
      <c r="BQ24" s="294">
        <v>0</v>
      </c>
      <c r="BR24" s="295">
        <v>0</v>
      </c>
      <c r="BS24" s="296">
        <v>0</v>
      </c>
      <c r="BT24" s="297">
        <v>0</v>
      </c>
      <c r="BU24" s="295">
        <v>43440</v>
      </c>
      <c r="BV24" s="295">
        <v>38805</v>
      </c>
      <c r="BW24" s="295">
        <v>566759</v>
      </c>
      <c r="BX24" s="295">
        <v>84707</v>
      </c>
      <c r="BY24" s="295">
        <v>51255</v>
      </c>
      <c r="BZ24" s="298">
        <v>784966</v>
      </c>
      <c r="CA24" s="299">
        <v>784966</v>
      </c>
      <c r="CB24" s="294">
        <v>0</v>
      </c>
      <c r="CC24" s="295">
        <v>0</v>
      </c>
      <c r="CD24" s="296">
        <v>0</v>
      </c>
      <c r="CE24" s="297">
        <v>0</v>
      </c>
      <c r="CF24" s="295">
        <v>0</v>
      </c>
      <c r="CG24" s="295">
        <v>0</v>
      </c>
      <c r="CH24" s="295">
        <v>0</v>
      </c>
      <c r="CI24" s="295">
        <v>8014</v>
      </c>
      <c r="CJ24" s="295">
        <v>2340</v>
      </c>
      <c r="CK24" s="298">
        <v>10354</v>
      </c>
      <c r="CL24" s="299">
        <v>10354</v>
      </c>
      <c r="CM24" s="294">
        <v>0</v>
      </c>
      <c r="CN24" s="295">
        <v>0</v>
      </c>
      <c r="CO24" s="296">
        <v>0</v>
      </c>
      <c r="CP24" s="297">
        <v>0</v>
      </c>
      <c r="CQ24" s="295">
        <v>0</v>
      </c>
      <c r="CR24" s="295">
        <v>0</v>
      </c>
      <c r="CS24" s="295">
        <v>0</v>
      </c>
      <c r="CT24" s="295">
        <v>0</v>
      </c>
      <c r="CU24" s="295">
        <v>0</v>
      </c>
      <c r="CV24" s="298">
        <v>0</v>
      </c>
      <c r="CW24" s="299">
        <v>0</v>
      </c>
      <c r="CX24" s="294">
        <v>0</v>
      </c>
      <c r="CY24" s="295">
        <v>0</v>
      </c>
      <c r="CZ24" s="296">
        <v>0</v>
      </c>
      <c r="DA24" s="300"/>
      <c r="DB24" s="295">
        <v>0</v>
      </c>
      <c r="DC24" s="295">
        <v>0</v>
      </c>
      <c r="DD24" s="295">
        <v>0</v>
      </c>
      <c r="DE24" s="295">
        <v>0</v>
      </c>
      <c r="DF24" s="295">
        <v>0</v>
      </c>
      <c r="DG24" s="298">
        <v>0</v>
      </c>
      <c r="DH24" s="299">
        <v>0</v>
      </c>
      <c r="DI24" s="294">
        <v>0</v>
      </c>
      <c r="DJ24" s="295">
        <v>0</v>
      </c>
      <c r="DK24" s="296">
        <v>0</v>
      </c>
      <c r="DL24" s="297">
        <v>0</v>
      </c>
      <c r="DM24" s="295">
        <v>119346</v>
      </c>
      <c r="DN24" s="295">
        <v>268943</v>
      </c>
      <c r="DO24" s="295">
        <v>2669403</v>
      </c>
      <c r="DP24" s="295">
        <v>2130900</v>
      </c>
      <c r="DQ24" s="295">
        <v>1477924</v>
      </c>
      <c r="DR24" s="298">
        <v>6666516</v>
      </c>
      <c r="DS24" s="301">
        <v>6666516</v>
      </c>
      <c r="DT24" s="294">
        <v>0</v>
      </c>
      <c r="DU24" s="295">
        <v>0</v>
      </c>
      <c r="DV24" s="296">
        <v>0</v>
      </c>
      <c r="DW24" s="300"/>
      <c r="DX24" s="295">
        <v>15035</v>
      </c>
      <c r="DY24" s="295">
        <v>158069</v>
      </c>
      <c r="DZ24" s="295">
        <v>2066054</v>
      </c>
      <c r="EA24" s="295">
        <v>1935125</v>
      </c>
      <c r="EB24" s="295">
        <v>1349344</v>
      </c>
      <c r="EC24" s="298">
        <v>5523627</v>
      </c>
      <c r="ED24" s="299">
        <v>5523627</v>
      </c>
      <c r="EE24" s="294">
        <v>0</v>
      </c>
      <c r="EF24" s="295">
        <v>0</v>
      </c>
      <c r="EG24" s="296">
        <v>0</v>
      </c>
      <c r="EH24" s="300"/>
      <c r="EI24" s="295">
        <v>2380</v>
      </c>
      <c r="EJ24" s="295">
        <v>46531</v>
      </c>
      <c r="EK24" s="295">
        <v>25978</v>
      </c>
      <c r="EL24" s="295">
        <v>2527</v>
      </c>
      <c r="EM24" s="295">
        <v>25327</v>
      </c>
      <c r="EN24" s="298">
        <v>102743</v>
      </c>
      <c r="EO24" s="299">
        <v>102743</v>
      </c>
      <c r="EP24" s="294">
        <v>0</v>
      </c>
      <c r="EQ24" s="295">
        <v>0</v>
      </c>
      <c r="ER24" s="296">
        <v>0</v>
      </c>
      <c r="ES24" s="300"/>
      <c r="ET24" s="295">
        <v>0</v>
      </c>
      <c r="EU24" s="295">
        <v>0</v>
      </c>
      <c r="EV24" s="295">
        <v>217</v>
      </c>
      <c r="EW24" s="295">
        <v>0</v>
      </c>
      <c r="EX24" s="295">
        <v>0</v>
      </c>
      <c r="EY24" s="298">
        <v>217</v>
      </c>
      <c r="EZ24" s="299">
        <v>217</v>
      </c>
      <c r="FA24" s="294">
        <v>0</v>
      </c>
      <c r="FB24" s="295">
        <v>0</v>
      </c>
      <c r="FC24" s="296">
        <v>0</v>
      </c>
      <c r="FD24" s="300"/>
      <c r="FE24" s="295">
        <v>0</v>
      </c>
      <c r="FF24" s="295">
        <v>0</v>
      </c>
      <c r="FG24" s="295">
        <v>11687</v>
      </c>
      <c r="FH24" s="295">
        <v>434</v>
      </c>
      <c r="FI24" s="295">
        <v>868</v>
      </c>
      <c r="FJ24" s="298">
        <v>12989</v>
      </c>
      <c r="FK24" s="299">
        <v>12989</v>
      </c>
      <c r="FL24" s="294">
        <v>0</v>
      </c>
      <c r="FM24" s="295">
        <v>0</v>
      </c>
      <c r="FN24" s="296">
        <v>0</v>
      </c>
      <c r="FO24" s="300"/>
      <c r="FP24" s="295">
        <v>0</v>
      </c>
      <c r="FQ24" s="295">
        <v>0</v>
      </c>
      <c r="FR24" s="295">
        <v>0</v>
      </c>
      <c r="FS24" s="295">
        <v>0</v>
      </c>
      <c r="FT24" s="295">
        <v>0</v>
      </c>
      <c r="FU24" s="298">
        <v>0</v>
      </c>
      <c r="FV24" s="299">
        <v>0</v>
      </c>
      <c r="FW24" s="294">
        <v>0</v>
      </c>
      <c r="FX24" s="295">
        <v>0</v>
      </c>
      <c r="FY24" s="296">
        <v>0</v>
      </c>
      <c r="FZ24" s="297">
        <v>0</v>
      </c>
      <c r="GA24" s="295">
        <v>101931</v>
      </c>
      <c r="GB24" s="295">
        <v>64343</v>
      </c>
      <c r="GC24" s="295">
        <v>565467</v>
      </c>
      <c r="GD24" s="295">
        <v>184526</v>
      </c>
      <c r="GE24" s="295">
        <v>98851</v>
      </c>
      <c r="GF24" s="298">
        <v>1015118</v>
      </c>
      <c r="GG24" s="299">
        <v>1015118</v>
      </c>
      <c r="GH24" s="294">
        <v>0</v>
      </c>
      <c r="GI24" s="295">
        <v>0</v>
      </c>
      <c r="GJ24" s="296">
        <v>0</v>
      </c>
      <c r="GK24" s="297">
        <v>0</v>
      </c>
      <c r="GL24" s="295">
        <v>0</v>
      </c>
      <c r="GM24" s="295">
        <v>0</v>
      </c>
      <c r="GN24" s="295">
        <v>0</v>
      </c>
      <c r="GO24" s="295">
        <v>8288</v>
      </c>
      <c r="GP24" s="295">
        <v>3534</v>
      </c>
      <c r="GQ24" s="298">
        <v>11822</v>
      </c>
      <c r="GR24" s="299">
        <v>11822</v>
      </c>
      <c r="GS24" s="294">
        <v>0</v>
      </c>
      <c r="GT24" s="295">
        <v>0</v>
      </c>
      <c r="GU24" s="296">
        <v>0</v>
      </c>
      <c r="GV24" s="297">
        <v>0</v>
      </c>
      <c r="GW24" s="295">
        <v>0</v>
      </c>
      <c r="GX24" s="295">
        <v>0</v>
      </c>
      <c r="GY24" s="295">
        <v>0</v>
      </c>
      <c r="GZ24" s="295">
        <v>0</v>
      </c>
      <c r="HA24" s="295">
        <v>0</v>
      </c>
      <c r="HB24" s="298">
        <v>0</v>
      </c>
      <c r="HC24" s="299">
        <v>0</v>
      </c>
      <c r="HD24" s="294">
        <v>0</v>
      </c>
      <c r="HE24" s="295">
        <v>0</v>
      </c>
      <c r="HF24" s="296">
        <v>0</v>
      </c>
      <c r="HG24" s="300"/>
      <c r="HH24" s="295">
        <v>0</v>
      </c>
      <c r="HI24" s="295">
        <v>0</v>
      </c>
      <c r="HJ24" s="295">
        <v>0</v>
      </c>
      <c r="HK24" s="295">
        <v>0</v>
      </c>
      <c r="HL24" s="295">
        <v>0</v>
      </c>
      <c r="HM24" s="298">
        <v>0</v>
      </c>
      <c r="HN24" s="299">
        <v>0</v>
      </c>
      <c r="HO24" s="294">
        <v>0</v>
      </c>
      <c r="HP24" s="295">
        <v>0</v>
      </c>
      <c r="HQ24" s="296">
        <v>0</v>
      </c>
      <c r="HR24" s="297">
        <v>0</v>
      </c>
      <c r="HS24" s="295">
        <v>246401</v>
      </c>
      <c r="HT24" s="295">
        <v>648438</v>
      </c>
      <c r="HU24" s="295">
        <v>5254943</v>
      </c>
      <c r="HV24" s="295">
        <v>3809258</v>
      </c>
      <c r="HW24" s="295">
        <v>2822540</v>
      </c>
      <c r="HX24" s="298">
        <v>12781580</v>
      </c>
      <c r="HY24" s="299">
        <v>12781580</v>
      </c>
    </row>
    <row r="25" spans="2:233" ht="21" customHeight="1" x14ac:dyDescent="0.2">
      <c r="B25" s="292" t="s">
        <v>22</v>
      </c>
      <c r="C25" s="294">
        <v>0</v>
      </c>
      <c r="D25" s="295">
        <v>0</v>
      </c>
      <c r="E25" s="296">
        <v>0</v>
      </c>
      <c r="F25" s="297">
        <v>0</v>
      </c>
      <c r="G25" s="295">
        <v>102285</v>
      </c>
      <c r="H25" s="295">
        <v>307558</v>
      </c>
      <c r="I25" s="295">
        <v>701595</v>
      </c>
      <c r="J25" s="295">
        <v>900982</v>
      </c>
      <c r="K25" s="295">
        <v>476175</v>
      </c>
      <c r="L25" s="298">
        <v>2488595</v>
      </c>
      <c r="M25" s="299">
        <v>2488595</v>
      </c>
      <c r="N25" s="294">
        <v>0</v>
      </c>
      <c r="O25" s="295">
        <v>0</v>
      </c>
      <c r="P25" s="296">
        <v>0</v>
      </c>
      <c r="Q25" s="300"/>
      <c r="R25" s="295">
        <v>0</v>
      </c>
      <c r="S25" s="295">
        <v>32705</v>
      </c>
      <c r="T25" s="295">
        <v>406700</v>
      </c>
      <c r="U25" s="295">
        <v>498829</v>
      </c>
      <c r="V25" s="295">
        <v>273085</v>
      </c>
      <c r="W25" s="298">
        <v>1211319</v>
      </c>
      <c r="X25" s="299">
        <v>1211319</v>
      </c>
      <c r="Y25" s="294">
        <v>0</v>
      </c>
      <c r="Z25" s="295">
        <v>0</v>
      </c>
      <c r="AA25" s="296">
        <v>0</v>
      </c>
      <c r="AB25" s="300"/>
      <c r="AC25" s="295">
        <v>100750</v>
      </c>
      <c r="AD25" s="295">
        <v>243138</v>
      </c>
      <c r="AE25" s="295">
        <v>138145</v>
      </c>
      <c r="AF25" s="295">
        <v>289640</v>
      </c>
      <c r="AG25" s="295">
        <v>135860</v>
      </c>
      <c r="AH25" s="298">
        <v>907533</v>
      </c>
      <c r="AI25" s="299">
        <v>907533</v>
      </c>
      <c r="AJ25" s="294">
        <v>0</v>
      </c>
      <c r="AK25" s="295">
        <v>0</v>
      </c>
      <c r="AL25" s="296">
        <v>0</v>
      </c>
      <c r="AM25" s="300"/>
      <c r="AN25" s="295">
        <v>0</v>
      </c>
      <c r="AO25" s="295">
        <v>0</v>
      </c>
      <c r="AP25" s="295">
        <v>0</v>
      </c>
      <c r="AQ25" s="295">
        <v>0</v>
      </c>
      <c r="AR25" s="295">
        <v>0</v>
      </c>
      <c r="AS25" s="298">
        <v>0</v>
      </c>
      <c r="AT25" s="299">
        <v>0</v>
      </c>
      <c r="AU25" s="294">
        <v>0</v>
      </c>
      <c r="AV25" s="295">
        <v>0</v>
      </c>
      <c r="AW25" s="296">
        <v>0</v>
      </c>
      <c r="AX25" s="300"/>
      <c r="AY25" s="295">
        <v>0</v>
      </c>
      <c r="AZ25" s="295">
        <v>0</v>
      </c>
      <c r="BA25" s="295">
        <v>0</v>
      </c>
      <c r="BB25" s="295">
        <v>2635</v>
      </c>
      <c r="BC25" s="295">
        <v>48905</v>
      </c>
      <c r="BD25" s="298">
        <v>51540</v>
      </c>
      <c r="BE25" s="299">
        <v>51540</v>
      </c>
      <c r="BF25" s="294">
        <v>0</v>
      </c>
      <c r="BG25" s="295">
        <v>0</v>
      </c>
      <c r="BH25" s="296">
        <v>0</v>
      </c>
      <c r="BI25" s="300"/>
      <c r="BJ25" s="295">
        <v>0</v>
      </c>
      <c r="BK25" s="295">
        <v>0</v>
      </c>
      <c r="BL25" s="295">
        <v>24645</v>
      </c>
      <c r="BM25" s="295">
        <v>100595</v>
      </c>
      <c r="BN25" s="295">
        <v>6290</v>
      </c>
      <c r="BO25" s="298">
        <v>131530</v>
      </c>
      <c r="BP25" s="299">
        <v>131530</v>
      </c>
      <c r="BQ25" s="294">
        <v>0</v>
      </c>
      <c r="BR25" s="295">
        <v>0</v>
      </c>
      <c r="BS25" s="296">
        <v>0</v>
      </c>
      <c r="BT25" s="297">
        <v>0</v>
      </c>
      <c r="BU25" s="295">
        <v>1535</v>
      </c>
      <c r="BV25" s="295">
        <v>31425</v>
      </c>
      <c r="BW25" s="295">
        <v>132105</v>
      </c>
      <c r="BX25" s="295">
        <v>9283</v>
      </c>
      <c r="BY25" s="295">
        <v>11745</v>
      </c>
      <c r="BZ25" s="298">
        <v>186093</v>
      </c>
      <c r="CA25" s="299">
        <v>186093</v>
      </c>
      <c r="CB25" s="294">
        <v>0</v>
      </c>
      <c r="CC25" s="295">
        <v>0</v>
      </c>
      <c r="CD25" s="296">
        <v>0</v>
      </c>
      <c r="CE25" s="297">
        <v>0</v>
      </c>
      <c r="CF25" s="295">
        <v>0</v>
      </c>
      <c r="CG25" s="295">
        <v>290</v>
      </c>
      <c r="CH25" s="295">
        <v>0</v>
      </c>
      <c r="CI25" s="295">
        <v>0</v>
      </c>
      <c r="CJ25" s="295">
        <v>290</v>
      </c>
      <c r="CK25" s="298">
        <v>580</v>
      </c>
      <c r="CL25" s="299">
        <v>580</v>
      </c>
      <c r="CM25" s="294">
        <v>0</v>
      </c>
      <c r="CN25" s="295">
        <v>0</v>
      </c>
      <c r="CO25" s="296">
        <v>0</v>
      </c>
      <c r="CP25" s="297">
        <v>0</v>
      </c>
      <c r="CQ25" s="295">
        <v>0</v>
      </c>
      <c r="CR25" s="295">
        <v>0</v>
      </c>
      <c r="CS25" s="295">
        <v>0</v>
      </c>
      <c r="CT25" s="295">
        <v>0</v>
      </c>
      <c r="CU25" s="295">
        <v>0</v>
      </c>
      <c r="CV25" s="298">
        <v>0</v>
      </c>
      <c r="CW25" s="299">
        <v>0</v>
      </c>
      <c r="CX25" s="294">
        <v>0</v>
      </c>
      <c r="CY25" s="295">
        <v>0</v>
      </c>
      <c r="CZ25" s="296">
        <v>0</v>
      </c>
      <c r="DA25" s="300"/>
      <c r="DB25" s="295">
        <v>0</v>
      </c>
      <c r="DC25" s="295">
        <v>0</v>
      </c>
      <c r="DD25" s="295">
        <v>0</v>
      </c>
      <c r="DE25" s="295">
        <v>0</v>
      </c>
      <c r="DF25" s="295">
        <v>0</v>
      </c>
      <c r="DG25" s="298">
        <v>0</v>
      </c>
      <c r="DH25" s="299">
        <v>0</v>
      </c>
      <c r="DI25" s="294">
        <v>0</v>
      </c>
      <c r="DJ25" s="295">
        <v>0</v>
      </c>
      <c r="DK25" s="296">
        <v>0</v>
      </c>
      <c r="DL25" s="297">
        <v>0</v>
      </c>
      <c r="DM25" s="295">
        <v>14145</v>
      </c>
      <c r="DN25" s="295">
        <v>93830</v>
      </c>
      <c r="DO25" s="295">
        <v>603762</v>
      </c>
      <c r="DP25" s="295">
        <v>921686</v>
      </c>
      <c r="DQ25" s="295">
        <v>404856</v>
      </c>
      <c r="DR25" s="298">
        <v>2038279</v>
      </c>
      <c r="DS25" s="301">
        <v>2038279</v>
      </c>
      <c r="DT25" s="294">
        <v>0</v>
      </c>
      <c r="DU25" s="295">
        <v>0</v>
      </c>
      <c r="DV25" s="296">
        <v>0</v>
      </c>
      <c r="DW25" s="300"/>
      <c r="DX25" s="295">
        <v>0</v>
      </c>
      <c r="DY25" s="295">
        <v>15035</v>
      </c>
      <c r="DZ25" s="295">
        <v>416866</v>
      </c>
      <c r="EA25" s="295">
        <v>690337</v>
      </c>
      <c r="EB25" s="295">
        <v>283326</v>
      </c>
      <c r="EC25" s="298">
        <v>1405564</v>
      </c>
      <c r="ED25" s="299">
        <v>1405564</v>
      </c>
      <c r="EE25" s="294">
        <v>0</v>
      </c>
      <c r="EF25" s="295">
        <v>0</v>
      </c>
      <c r="EG25" s="296">
        <v>0</v>
      </c>
      <c r="EH25" s="300"/>
      <c r="EI25" s="295">
        <v>12741</v>
      </c>
      <c r="EJ25" s="295">
        <v>49564</v>
      </c>
      <c r="EK25" s="295">
        <v>4898</v>
      </c>
      <c r="EL25" s="295">
        <v>36243</v>
      </c>
      <c r="EM25" s="295">
        <v>12611</v>
      </c>
      <c r="EN25" s="298">
        <v>116057</v>
      </c>
      <c r="EO25" s="299">
        <v>116057</v>
      </c>
      <c r="EP25" s="294">
        <v>0</v>
      </c>
      <c r="EQ25" s="295">
        <v>0</v>
      </c>
      <c r="ER25" s="296">
        <v>0</v>
      </c>
      <c r="ES25" s="300"/>
      <c r="ET25" s="295">
        <v>0</v>
      </c>
      <c r="EU25" s="295">
        <v>0</v>
      </c>
      <c r="EV25" s="295">
        <v>0</v>
      </c>
      <c r="EW25" s="295">
        <v>0</v>
      </c>
      <c r="EX25" s="295">
        <v>22554</v>
      </c>
      <c r="EY25" s="298">
        <v>22554</v>
      </c>
      <c r="EZ25" s="299">
        <v>22554</v>
      </c>
      <c r="FA25" s="294">
        <v>0</v>
      </c>
      <c r="FB25" s="295">
        <v>0</v>
      </c>
      <c r="FC25" s="296">
        <v>0</v>
      </c>
      <c r="FD25" s="300"/>
      <c r="FE25" s="295">
        <v>0</v>
      </c>
      <c r="FF25" s="295">
        <v>0</v>
      </c>
      <c r="FG25" s="295">
        <v>0</v>
      </c>
      <c r="FH25" s="295">
        <v>217</v>
      </c>
      <c r="FI25" s="295">
        <v>11315</v>
      </c>
      <c r="FJ25" s="298">
        <v>11532</v>
      </c>
      <c r="FK25" s="299">
        <v>11532</v>
      </c>
      <c r="FL25" s="294">
        <v>0</v>
      </c>
      <c r="FM25" s="295">
        <v>0</v>
      </c>
      <c r="FN25" s="296">
        <v>0</v>
      </c>
      <c r="FO25" s="300"/>
      <c r="FP25" s="295">
        <v>0</v>
      </c>
      <c r="FQ25" s="295">
        <v>0</v>
      </c>
      <c r="FR25" s="295">
        <v>21390</v>
      </c>
      <c r="FS25" s="295">
        <v>180110</v>
      </c>
      <c r="FT25" s="295">
        <v>51060</v>
      </c>
      <c r="FU25" s="298">
        <v>252560</v>
      </c>
      <c r="FV25" s="299">
        <v>252560</v>
      </c>
      <c r="FW25" s="294">
        <v>0</v>
      </c>
      <c r="FX25" s="295">
        <v>0</v>
      </c>
      <c r="FY25" s="296">
        <v>0</v>
      </c>
      <c r="FZ25" s="297">
        <v>0</v>
      </c>
      <c r="GA25" s="295">
        <v>1404</v>
      </c>
      <c r="GB25" s="295">
        <v>28515</v>
      </c>
      <c r="GC25" s="295">
        <v>160608</v>
      </c>
      <c r="GD25" s="295">
        <v>14779</v>
      </c>
      <c r="GE25" s="295">
        <v>23274</v>
      </c>
      <c r="GF25" s="298">
        <v>228580</v>
      </c>
      <c r="GG25" s="299">
        <v>228580</v>
      </c>
      <c r="GH25" s="294">
        <v>0</v>
      </c>
      <c r="GI25" s="295">
        <v>0</v>
      </c>
      <c r="GJ25" s="296">
        <v>0</v>
      </c>
      <c r="GK25" s="297">
        <v>0</v>
      </c>
      <c r="GL25" s="295">
        <v>0</v>
      </c>
      <c r="GM25" s="295">
        <v>716</v>
      </c>
      <c r="GN25" s="295">
        <v>0</v>
      </c>
      <c r="GO25" s="295">
        <v>0</v>
      </c>
      <c r="GP25" s="295">
        <v>716</v>
      </c>
      <c r="GQ25" s="298">
        <v>1432</v>
      </c>
      <c r="GR25" s="299">
        <v>1432</v>
      </c>
      <c r="GS25" s="294">
        <v>0</v>
      </c>
      <c r="GT25" s="295">
        <v>0</v>
      </c>
      <c r="GU25" s="296">
        <v>0</v>
      </c>
      <c r="GV25" s="297">
        <v>0</v>
      </c>
      <c r="GW25" s="295">
        <v>0</v>
      </c>
      <c r="GX25" s="295">
        <v>0</v>
      </c>
      <c r="GY25" s="295">
        <v>0</v>
      </c>
      <c r="GZ25" s="295">
        <v>0</v>
      </c>
      <c r="HA25" s="295">
        <v>0</v>
      </c>
      <c r="HB25" s="298">
        <v>0</v>
      </c>
      <c r="HC25" s="299">
        <v>0</v>
      </c>
      <c r="HD25" s="294">
        <v>0</v>
      </c>
      <c r="HE25" s="295">
        <v>0</v>
      </c>
      <c r="HF25" s="296">
        <v>0</v>
      </c>
      <c r="HG25" s="300"/>
      <c r="HH25" s="295">
        <v>0</v>
      </c>
      <c r="HI25" s="295">
        <v>0</v>
      </c>
      <c r="HJ25" s="295">
        <v>0</v>
      </c>
      <c r="HK25" s="295">
        <v>0</v>
      </c>
      <c r="HL25" s="295">
        <v>0</v>
      </c>
      <c r="HM25" s="298">
        <v>0</v>
      </c>
      <c r="HN25" s="299">
        <v>0</v>
      </c>
      <c r="HO25" s="294">
        <v>0</v>
      </c>
      <c r="HP25" s="295">
        <v>0</v>
      </c>
      <c r="HQ25" s="296">
        <v>0</v>
      </c>
      <c r="HR25" s="297">
        <v>0</v>
      </c>
      <c r="HS25" s="295">
        <v>116430</v>
      </c>
      <c r="HT25" s="295">
        <v>401388</v>
      </c>
      <c r="HU25" s="295">
        <v>1305357</v>
      </c>
      <c r="HV25" s="295">
        <v>1822668</v>
      </c>
      <c r="HW25" s="295">
        <v>881031</v>
      </c>
      <c r="HX25" s="298">
        <v>4526874</v>
      </c>
      <c r="HY25" s="299">
        <v>4526874</v>
      </c>
    </row>
    <row r="26" spans="2:233" ht="21" customHeight="1" x14ac:dyDescent="0.2">
      <c r="B26" s="292" t="s">
        <v>23</v>
      </c>
      <c r="C26" s="294">
        <v>0</v>
      </c>
      <c r="D26" s="295">
        <v>580</v>
      </c>
      <c r="E26" s="296">
        <v>580</v>
      </c>
      <c r="F26" s="297">
        <v>0</v>
      </c>
      <c r="G26" s="295">
        <v>211770</v>
      </c>
      <c r="H26" s="295">
        <v>353675</v>
      </c>
      <c r="I26" s="295">
        <v>1133898</v>
      </c>
      <c r="J26" s="295">
        <v>1335736</v>
      </c>
      <c r="K26" s="295">
        <v>1002306</v>
      </c>
      <c r="L26" s="298">
        <v>4037385</v>
      </c>
      <c r="M26" s="299">
        <v>4037965</v>
      </c>
      <c r="N26" s="294">
        <v>0</v>
      </c>
      <c r="O26" s="295">
        <v>0</v>
      </c>
      <c r="P26" s="296">
        <v>0</v>
      </c>
      <c r="Q26" s="300"/>
      <c r="R26" s="295">
        <v>57350</v>
      </c>
      <c r="S26" s="295">
        <v>198865</v>
      </c>
      <c r="T26" s="295">
        <v>803830</v>
      </c>
      <c r="U26" s="295">
        <v>973040</v>
      </c>
      <c r="V26" s="295">
        <v>647880</v>
      </c>
      <c r="W26" s="298">
        <v>2680965</v>
      </c>
      <c r="X26" s="299">
        <v>2680965</v>
      </c>
      <c r="Y26" s="294">
        <v>0</v>
      </c>
      <c r="Z26" s="295">
        <v>0</v>
      </c>
      <c r="AA26" s="296">
        <v>0</v>
      </c>
      <c r="AB26" s="300"/>
      <c r="AC26" s="295">
        <v>120720</v>
      </c>
      <c r="AD26" s="295">
        <v>109095</v>
      </c>
      <c r="AE26" s="295">
        <v>228538</v>
      </c>
      <c r="AF26" s="295">
        <v>295370</v>
      </c>
      <c r="AG26" s="295">
        <v>230336</v>
      </c>
      <c r="AH26" s="298">
        <v>984059</v>
      </c>
      <c r="AI26" s="299">
        <v>984059</v>
      </c>
      <c r="AJ26" s="294">
        <v>0</v>
      </c>
      <c r="AK26" s="295">
        <v>0</v>
      </c>
      <c r="AL26" s="296">
        <v>0</v>
      </c>
      <c r="AM26" s="300"/>
      <c r="AN26" s="295">
        <v>0</v>
      </c>
      <c r="AO26" s="295">
        <v>0</v>
      </c>
      <c r="AP26" s="295">
        <v>0</v>
      </c>
      <c r="AQ26" s="295">
        <v>0</v>
      </c>
      <c r="AR26" s="295">
        <v>57350</v>
      </c>
      <c r="AS26" s="298">
        <v>57350</v>
      </c>
      <c r="AT26" s="299">
        <v>57350</v>
      </c>
      <c r="AU26" s="294">
        <v>0</v>
      </c>
      <c r="AV26" s="295">
        <v>0</v>
      </c>
      <c r="AW26" s="296">
        <v>0</v>
      </c>
      <c r="AX26" s="300"/>
      <c r="AY26" s="295">
        <v>0</v>
      </c>
      <c r="AZ26" s="295">
        <v>0</v>
      </c>
      <c r="BA26" s="295">
        <v>0</v>
      </c>
      <c r="BB26" s="295">
        <v>24645</v>
      </c>
      <c r="BC26" s="295">
        <v>49910</v>
      </c>
      <c r="BD26" s="298">
        <v>74555</v>
      </c>
      <c r="BE26" s="299">
        <v>74555</v>
      </c>
      <c r="BF26" s="294">
        <v>0</v>
      </c>
      <c r="BG26" s="295">
        <v>0</v>
      </c>
      <c r="BH26" s="296">
        <v>0</v>
      </c>
      <c r="BI26" s="300"/>
      <c r="BJ26" s="295">
        <v>0</v>
      </c>
      <c r="BK26" s="295">
        <v>0</v>
      </c>
      <c r="BL26" s="295">
        <v>0</v>
      </c>
      <c r="BM26" s="295">
        <v>0</v>
      </c>
      <c r="BN26" s="295">
        <v>0</v>
      </c>
      <c r="BO26" s="298">
        <v>0</v>
      </c>
      <c r="BP26" s="299">
        <v>0</v>
      </c>
      <c r="BQ26" s="294">
        <v>0</v>
      </c>
      <c r="BR26" s="295">
        <v>580</v>
      </c>
      <c r="BS26" s="296">
        <v>580</v>
      </c>
      <c r="BT26" s="297">
        <v>0</v>
      </c>
      <c r="BU26" s="295">
        <v>33700</v>
      </c>
      <c r="BV26" s="295">
        <v>45715</v>
      </c>
      <c r="BW26" s="295">
        <v>101530</v>
      </c>
      <c r="BX26" s="295">
        <v>42681</v>
      </c>
      <c r="BY26" s="295">
        <v>16830</v>
      </c>
      <c r="BZ26" s="298">
        <v>240456</v>
      </c>
      <c r="CA26" s="299">
        <v>241036</v>
      </c>
      <c r="CB26" s="294">
        <v>0</v>
      </c>
      <c r="CC26" s="295">
        <v>0</v>
      </c>
      <c r="CD26" s="296">
        <v>0</v>
      </c>
      <c r="CE26" s="297">
        <v>0</v>
      </c>
      <c r="CF26" s="295">
        <v>0</v>
      </c>
      <c r="CG26" s="295">
        <v>0</v>
      </c>
      <c r="CH26" s="295">
        <v>0</v>
      </c>
      <c r="CI26" s="295">
        <v>0</v>
      </c>
      <c r="CJ26" s="295">
        <v>0</v>
      </c>
      <c r="CK26" s="298">
        <v>0</v>
      </c>
      <c r="CL26" s="299">
        <v>0</v>
      </c>
      <c r="CM26" s="294">
        <v>0</v>
      </c>
      <c r="CN26" s="295">
        <v>0</v>
      </c>
      <c r="CO26" s="296">
        <v>0</v>
      </c>
      <c r="CP26" s="297">
        <v>0</v>
      </c>
      <c r="CQ26" s="295">
        <v>0</v>
      </c>
      <c r="CR26" s="295">
        <v>0</v>
      </c>
      <c r="CS26" s="295">
        <v>0</v>
      </c>
      <c r="CT26" s="295">
        <v>0</v>
      </c>
      <c r="CU26" s="295">
        <v>0</v>
      </c>
      <c r="CV26" s="298">
        <v>0</v>
      </c>
      <c r="CW26" s="299">
        <v>0</v>
      </c>
      <c r="CX26" s="294">
        <v>0</v>
      </c>
      <c r="CY26" s="295">
        <v>0</v>
      </c>
      <c r="CZ26" s="296">
        <v>0</v>
      </c>
      <c r="DA26" s="300"/>
      <c r="DB26" s="295">
        <v>0</v>
      </c>
      <c r="DC26" s="295">
        <v>0</v>
      </c>
      <c r="DD26" s="295">
        <v>0</v>
      </c>
      <c r="DE26" s="295">
        <v>0</v>
      </c>
      <c r="DF26" s="295">
        <v>0</v>
      </c>
      <c r="DG26" s="298">
        <v>0</v>
      </c>
      <c r="DH26" s="299">
        <v>0</v>
      </c>
      <c r="DI26" s="294">
        <v>0</v>
      </c>
      <c r="DJ26" s="295">
        <v>2784</v>
      </c>
      <c r="DK26" s="296">
        <v>2784</v>
      </c>
      <c r="DL26" s="297">
        <v>0</v>
      </c>
      <c r="DM26" s="295">
        <v>71075</v>
      </c>
      <c r="DN26" s="295">
        <v>198158</v>
      </c>
      <c r="DO26" s="295">
        <v>1015811</v>
      </c>
      <c r="DP26" s="295">
        <v>1183332</v>
      </c>
      <c r="DQ26" s="295">
        <v>768934</v>
      </c>
      <c r="DR26" s="298">
        <v>3237310</v>
      </c>
      <c r="DS26" s="301">
        <v>3240094</v>
      </c>
      <c r="DT26" s="294">
        <v>0</v>
      </c>
      <c r="DU26" s="295">
        <v>0</v>
      </c>
      <c r="DV26" s="296">
        <v>0</v>
      </c>
      <c r="DW26" s="300"/>
      <c r="DX26" s="295">
        <v>33046</v>
      </c>
      <c r="DY26" s="295">
        <v>138260</v>
      </c>
      <c r="DZ26" s="295">
        <v>927809</v>
      </c>
      <c r="EA26" s="295">
        <v>1024031</v>
      </c>
      <c r="EB26" s="295">
        <v>701195</v>
      </c>
      <c r="EC26" s="298">
        <v>2824341</v>
      </c>
      <c r="ED26" s="299">
        <v>2824341</v>
      </c>
      <c r="EE26" s="294">
        <v>0</v>
      </c>
      <c r="EF26" s="295">
        <v>0</v>
      </c>
      <c r="EG26" s="296">
        <v>0</v>
      </c>
      <c r="EH26" s="300"/>
      <c r="EI26" s="295">
        <v>12611</v>
      </c>
      <c r="EJ26" s="295">
        <v>2219</v>
      </c>
      <c r="EK26" s="295">
        <v>2058</v>
      </c>
      <c r="EL26" s="295">
        <v>53185</v>
      </c>
      <c r="EM26" s="295">
        <v>50384</v>
      </c>
      <c r="EN26" s="298">
        <v>120457</v>
      </c>
      <c r="EO26" s="299">
        <v>120457</v>
      </c>
      <c r="EP26" s="294">
        <v>0</v>
      </c>
      <c r="EQ26" s="295">
        <v>0</v>
      </c>
      <c r="ER26" s="296">
        <v>0</v>
      </c>
      <c r="ES26" s="300"/>
      <c r="ET26" s="295">
        <v>0</v>
      </c>
      <c r="EU26" s="295">
        <v>0</v>
      </c>
      <c r="EV26" s="295">
        <v>0</v>
      </c>
      <c r="EW26" s="295">
        <v>0</v>
      </c>
      <c r="EX26" s="295">
        <v>217</v>
      </c>
      <c r="EY26" s="298">
        <v>217</v>
      </c>
      <c r="EZ26" s="299">
        <v>217</v>
      </c>
      <c r="FA26" s="294">
        <v>0</v>
      </c>
      <c r="FB26" s="295">
        <v>0</v>
      </c>
      <c r="FC26" s="296">
        <v>0</v>
      </c>
      <c r="FD26" s="300"/>
      <c r="FE26" s="295">
        <v>0</v>
      </c>
      <c r="FF26" s="295">
        <v>0</v>
      </c>
      <c r="FG26" s="295">
        <v>0</v>
      </c>
      <c r="FH26" s="295">
        <v>217</v>
      </c>
      <c r="FI26" s="295">
        <v>434</v>
      </c>
      <c r="FJ26" s="298">
        <v>651</v>
      </c>
      <c r="FK26" s="299">
        <v>651</v>
      </c>
      <c r="FL26" s="294">
        <v>0</v>
      </c>
      <c r="FM26" s="295">
        <v>0</v>
      </c>
      <c r="FN26" s="296">
        <v>0</v>
      </c>
      <c r="FO26" s="300"/>
      <c r="FP26" s="295">
        <v>0</v>
      </c>
      <c r="FQ26" s="295">
        <v>0</v>
      </c>
      <c r="FR26" s="295">
        <v>0</v>
      </c>
      <c r="FS26" s="295">
        <v>0</v>
      </c>
      <c r="FT26" s="295">
        <v>0</v>
      </c>
      <c r="FU26" s="298">
        <v>0</v>
      </c>
      <c r="FV26" s="299">
        <v>0</v>
      </c>
      <c r="FW26" s="294">
        <v>0</v>
      </c>
      <c r="FX26" s="295">
        <v>2784</v>
      </c>
      <c r="FY26" s="296">
        <v>2784</v>
      </c>
      <c r="FZ26" s="297">
        <v>0</v>
      </c>
      <c r="GA26" s="295">
        <v>25418</v>
      </c>
      <c r="GB26" s="295">
        <v>57679</v>
      </c>
      <c r="GC26" s="295">
        <v>85944</v>
      </c>
      <c r="GD26" s="295">
        <v>105899</v>
      </c>
      <c r="GE26" s="295">
        <v>16704</v>
      </c>
      <c r="GF26" s="298">
        <v>291644</v>
      </c>
      <c r="GG26" s="299">
        <v>294428</v>
      </c>
      <c r="GH26" s="294">
        <v>0</v>
      </c>
      <c r="GI26" s="295">
        <v>0</v>
      </c>
      <c r="GJ26" s="296">
        <v>0</v>
      </c>
      <c r="GK26" s="297">
        <v>0</v>
      </c>
      <c r="GL26" s="295">
        <v>0</v>
      </c>
      <c r="GM26" s="295">
        <v>0</v>
      </c>
      <c r="GN26" s="295">
        <v>0</v>
      </c>
      <c r="GO26" s="295">
        <v>0</v>
      </c>
      <c r="GP26" s="295">
        <v>0</v>
      </c>
      <c r="GQ26" s="298">
        <v>0</v>
      </c>
      <c r="GR26" s="299">
        <v>0</v>
      </c>
      <c r="GS26" s="294">
        <v>0</v>
      </c>
      <c r="GT26" s="295">
        <v>0</v>
      </c>
      <c r="GU26" s="296">
        <v>0</v>
      </c>
      <c r="GV26" s="297">
        <v>0</v>
      </c>
      <c r="GW26" s="295">
        <v>0</v>
      </c>
      <c r="GX26" s="295">
        <v>0</v>
      </c>
      <c r="GY26" s="295">
        <v>0</v>
      </c>
      <c r="GZ26" s="295">
        <v>0</v>
      </c>
      <c r="HA26" s="295">
        <v>0</v>
      </c>
      <c r="HB26" s="298">
        <v>0</v>
      </c>
      <c r="HC26" s="299">
        <v>0</v>
      </c>
      <c r="HD26" s="294">
        <v>0</v>
      </c>
      <c r="HE26" s="295">
        <v>0</v>
      </c>
      <c r="HF26" s="296">
        <v>0</v>
      </c>
      <c r="HG26" s="300"/>
      <c r="HH26" s="295">
        <v>0</v>
      </c>
      <c r="HI26" s="295">
        <v>0</v>
      </c>
      <c r="HJ26" s="295">
        <v>0</v>
      </c>
      <c r="HK26" s="295">
        <v>0</v>
      </c>
      <c r="HL26" s="295">
        <v>0</v>
      </c>
      <c r="HM26" s="298">
        <v>0</v>
      </c>
      <c r="HN26" s="299">
        <v>0</v>
      </c>
      <c r="HO26" s="294">
        <v>0</v>
      </c>
      <c r="HP26" s="295">
        <v>3364</v>
      </c>
      <c r="HQ26" s="296">
        <v>3364</v>
      </c>
      <c r="HR26" s="297">
        <v>0</v>
      </c>
      <c r="HS26" s="295">
        <v>282845</v>
      </c>
      <c r="HT26" s="295">
        <v>551833</v>
      </c>
      <c r="HU26" s="295">
        <v>2149709</v>
      </c>
      <c r="HV26" s="295">
        <v>2519068</v>
      </c>
      <c r="HW26" s="295">
        <v>1771240</v>
      </c>
      <c r="HX26" s="298">
        <v>7274695</v>
      </c>
      <c r="HY26" s="299">
        <v>7278059</v>
      </c>
    </row>
    <row r="27" spans="2:233" ht="21" customHeight="1" x14ac:dyDescent="0.2">
      <c r="B27" s="292" t="s">
        <v>24</v>
      </c>
      <c r="C27" s="294">
        <v>0</v>
      </c>
      <c r="D27" s="295">
        <v>0</v>
      </c>
      <c r="E27" s="296">
        <v>0</v>
      </c>
      <c r="F27" s="297">
        <v>0</v>
      </c>
      <c r="G27" s="295">
        <v>62595</v>
      </c>
      <c r="H27" s="295">
        <v>63760</v>
      </c>
      <c r="I27" s="295">
        <v>369152</v>
      </c>
      <c r="J27" s="295">
        <v>670795</v>
      </c>
      <c r="K27" s="295">
        <v>382845</v>
      </c>
      <c r="L27" s="298">
        <v>1549147</v>
      </c>
      <c r="M27" s="299">
        <v>1549147</v>
      </c>
      <c r="N27" s="294">
        <v>0</v>
      </c>
      <c r="O27" s="295">
        <v>0</v>
      </c>
      <c r="P27" s="296">
        <v>0</v>
      </c>
      <c r="Q27" s="300"/>
      <c r="R27" s="295">
        <v>0</v>
      </c>
      <c r="S27" s="295">
        <v>0</v>
      </c>
      <c r="T27" s="295">
        <v>258615</v>
      </c>
      <c r="U27" s="295">
        <v>509725</v>
      </c>
      <c r="V27" s="295">
        <v>250280</v>
      </c>
      <c r="W27" s="298">
        <v>1018620</v>
      </c>
      <c r="X27" s="299">
        <v>1018620</v>
      </c>
      <c r="Y27" s="294">
        <v>0</v>
      </c>
      <c r="Z27" s="295">
        <v>0</v>
      </c>
      <c r="AA27" s="296">
        <v>0</v>
      </c>
      <c r="AB27" s="300"/>
      <c r="AC27" s="295">
        <v>59985</v>
      </c>
      <c r="AD27" s="295">
        <v>37975</v>
      </c>
      <c r="AE27" s="295">
        <v>79760</v>
      </c>
      <c r="AF27" s="295">
        <v>120510</v>
      </c>
      <c r="AG27" s="295">
        <v>121275</v>
      </c>
      <c r="AH27" s="298">
        <v>419505</v>
      </c>
      <c r="AI27" s="299">
        <v>419505</v>
      </c>
      <c r="AJ27" s="294">
        <v>0</v>
      </c>
      <c r="AK27" s="295">
        <v>0</v>
      </c>
      <c r="AL27" s="296">
        <v>0</v>
      </c>
      <c r="AM27" s="300"/>
      <c r="AN27" s="295">
        <v>0</v>
      </c>
      <c r="AO27" s="295">
        <v>0</v>
      </c>
      <c r="AP27" s="295">
        <v>0</v>
      </c>
      <c r="AQ27" s="295">
        <v>0</v>
      </c>
      <c r="AR27" s="295">
        <v>0</v>
      </c>
      <c r="AS27" s="298">
        <v>0</v>
      </c>
      <c r="AT27" s="299">
        <v>0</v>
      </c>
      <c r="AU27" s="294">
        <v>0</v>
      </c>
      <c r="AV27" s="295">
        <v>0</v>
      </c>
      <c r="AW27" s="296">
        <v>0</v>
      </c>
      <c r="AX27" s="300"/>
      <c r="AY27" s="295">
        <v>0</v>
      </c>
      <c r="AZ27" s="295">
        <v>0</v>
      </c>
      <c r="BA27" s="295">
        <v>0</v>
      </c>
      <c r="BB27" s="295">
        <v>0</v>
      </c>
      <c r="BC27" s="295">
        <v>0</v>
      </c>
      <c r="BD27" s="298">
        <v>0</v>
      </c>
      <c r="BE27" s="299">
        <v>0</v>
      </c>
      <c r="BF27" s="294">
        <v>0</v>
      </c>
      <c r="BG27" s="295">
        <v>0</v>
      </c>
      <c r="BH27" s="296">
        <v>0</v>
      </c>
      <c r="BI27" s="300"/>
      <c r="BJ27" s="295">
        <v>0</v>
      </c>
      <c r="BK27" s="295">
        <v>0</v>
      </c>
      <c r="BL27" s="295">
        <v>0</v>
      </c>
      <c r="BM27" s="295">
        <v>0</v>
      </c>
      <c r="BN27" s="295">
        <v>0</v>
      </c>
      <c r="BO27" s="298">
        <v>0</v>
      </c>
      <c r="BP27" s="299">
        <v>0</v>
      </c>
      <c r="BQ27" s="294">
        <v>0</v>
      </c>
      <c r="BR27" s="295">
        <v>0</v>
      </c>
      <c r="BS27" s="296">
        <v>0</v>
      </c>
      <c r="BT27" s="297">
        <v>0</v>
      </c>
      <c r="BU27" s="295">
        <v>2055</v>
      </c>
      <c r="BV27" s="295">
        <v>25785</v>
      </c>
      <c r="BW27" s="295">
        <v>26752</v>
      </c>
      <c r="BX27" s="295">
        <v>40560</v>
      </c>
      <c r="BY27" s="295">
        <v>4450</v>
      </c>
      <c r="BZ27" s="298">
        <v>99602</v>
      </c>
      <c r="CA27" s="299">
        <v>99602</v>
      </c>
      <c r="CB27" s="294">
        <v>0</v>
      </c>
      <c r="CC27" s="295">
        <v>0</v>
      </c>
      <c r="CD27" s="296">
        <v>0</v>
      </c>
      <c r="CE27" s="297">
        <v>0</v>
      </c>
      <c r="CF27" s="295">
        <v>555</v>
      </c>
      <c r="CG27" s="295">
        <v>0</v>
      </c>
      <c r="CH27" s="295">
        <v>4025</v>
      </c>
      <c r="CI27" s="295">
        <v>0</v>
      </c>
      <c r="CJ27" s="295">
        <v>6840</v>
      </c>
      <c r="CK27" s="298">
        <v>11420</v>
      </c>
      <c r="CL27" s="299">
        <v>11420</v>
      </c>
      <c r="CM27" s="294">
        <v>0</v>
      </c>
      <c r="CN27" s="295">
        <v>0</v>
      </c>
      <c r="CO27" s="296">
        <v>0</v>
      </c>
      <c r="CP27" s="297">
        <v>0</v>
      </c>
      <c r="CQ27" s="295">
        <v>0</v>
      </c>
      <c r="CR27" s="295">
        <v>0</v>
      </c>
      <c r="CS27" s="295">
        <v>0</v>
      </c>
      <c r="CT27" s="295">
        <v>0</v>
      </c>
      <c r="CU27" s="295">
        <v>0</v>
      </c>
      <c r="CV27" s="298">
        <v>0</v>
      </c>
      <c r="CW27" s="299">
        <v>0</v>
      </c>
      <c r="CX27" s="294">
        <v>0</v>
      </c>
      <c r="CY27" s="295">
        <v>0</v>
      </c>
      <c r="CZ27" s="296">
        <v>0</v>
      </c>
      <c r="DA27" s="300"/>
      <c r="DB27" s="295">
        <v>0</v>
      </c>
      <c r="DC27" s="295">
        <v>0</v>
      </c>
      <c r="DD27" s="295">
        <v>0</v>
      </c>
      <c r="DE27" s="295">
        <v>0</v>
      </c>
      <c r="DF27" s="295">
        <v>0</v>
      </c>
      <c r="DG27" s="298">
        <v>0</v>
      </c>
      <c r="DH27" s="299">
        <v>0</v>
      </c>
      <c r="DI27" s="294">
        <v>0</v>
      </c>
      <c r="DJ27" s="295">
        <v>0</v>
      </c>
      <c r="DK27" s="296">
        <v>0</v>
      </c>
      <c r="DL27" s="297">
        <v>0</v>
      </c>
      <c r="DM27" s="295">
        <v>10805</v>
      </c>
      <c r="DN27" s="295">
        <v>16774</v>
      </c>
      <c r="DO27" s="295">
        <v>430908</v>
      </c>
      <c r="DP27" s="295">
        <v>785944</v>
      </c>
      <c r="DQ27" s="295">
        <v>477775</v>
      </c>
      <c r="DR27" s="298">
        <v>1722206</v>
      </c>
      <c r="DS27" s="301">
        <v>1722206</v>
      </c>
      <c r="DT27" s="294">
        <v>0</v>
      </c>
      <c r="DU27" s="295">
        <v>0</v>
      </c>
      <c r="DV27" s="296">
        <v>0</v>
      </c>
      <c r="DW27" s="300"/>
      <c r="DX27" s="295">
        <v>0</v>
      </c>
      <c r="DY27" s="295">
        <v>0</v>
      </c>
      <c r="DZ27" s="295">
        <v>349100</v>
      </c>
      <c r="EA27" s="295">
        <v>673532</v>
      </c>
      <c r="EB27" s="295">
        <v>464674</v>
      </c>
      <c r="EC27" s="298">
        <v>1487306</v>
      </c>
      <c r="ED27" s="299">
        <v>1487306</v>
      </c>
      <c r="EE27" s="294">
        <v>0</v>
      </c>
      <c r="EF27" s="295">
        <v>0</v>
      </c>
      <c r="EG27" s="296">
        <v>0</v>
      </c>
      <c r="EH27" s="300"/>
      <c r="EI27" s="295">
        <v>651</v>
      </c>
      <c r="EJ27" s="295">
        <v>651</v>
      </c>
      <c r="EK27" s="295">
        <v>34215</v>
      </c>
      <c r="EL27" s="295">
        <v>61461</v>
      </c>
      <c r="EM27" s="295">
        <v>7654</v>
      </c>
      <c r="EN27" s="298">
        <v>104632</v>
      </c>
      <c r="EO27" s="299">
        <v>104632</v>
      </c>
      <c r="EP27" s="294">
        <v>0</v>
      </c>
      <c r="EQ27" s="295">
        <v>0</v>
      </c>
      <c r="ER27" s="296">
        <v>0</v>
      </c>
      <c r="ES27" s="300"/>
      <c r="ET27" s="295">
        <v>0</v>
      </c>
      <c r="EU27" s="295">
        <v>0</v>
      </c>
      <c r="EV27" s="295">
        <v>0</v>
      </c>
      <c r="EW27" s="295">
        <v>0</v>
      </c>
      <c r="EX27" s="295">
        <v>0</v>
      </c>
      <c r="EY27" s="298">
        <v>0</v>
      </c>
      <c r="EZ27" s="299">
        <v>0</v>
      </c>
      <c r="FA27" s="294">
        <v>0</v>
      </c>
      <c r="FB27" s="295">
        <v>0</v>
      </c>
      <c r="FC27" s="296">
        <v>0</v>
      </c>
      <c r="FD27" s="300"/>
      <c r="FE27" s="295">
        <v>0</v>
      </c>
      <c r="FF27" s="295">
        <v>0</v>
      </c>
      <c r="FG27" s="295">
        <v>0</v>
      </c>
      <c r="FH27" s="295">
        <v>0</v>
      </c>
      <c r="FI27" s="295">
        <v>0</v>
      </c>
      <c r="FJ27" s="298">
        <v>0</v>
      </c>
      <c r="FK27" s="299">
        <v>0</v>
      </c>
      <c r="FL27" s="294">
        <v>0</v>
      </c>
      <c r="FM27" s="295">
        <v>0</v>
      </c>
      <c r="FN27" s="296">
        <v>0</v>
      </c>
      <c r="FO27" s="300"/>
      <c r="FP27" s="295">
        <v>0</v>
      </c>
      <c r="FQ27" s="295">
        <v>0</v>
      </c>
      <c r="FR27" s="295">
        <v>0</v>
      </c>
      <c r="FS27" s="295">
        <v>0</v>
      </c>
      <c r="FT27" s="295">
        <v>0</v>
      </c>
      <c r="FU27" s="298">
        <v>0</v>
      </c>
      <c r="FV27" s="299">
        <v>0</v>
      </c>
      <c r="FW27" s="294">
        <v>0</v>
      </c>
      <c r="FX27" s="295">
        <v>0</v>
      </c>
      <c r="FY27" s="296">
        <v>0</v>
      </c>
      <c r="FZ27" s="297">
        <v>0</v>
      </c>
      <c r="GA27" s="295">
        <v>10119</v>
      </c>
      <c r="GB27" s="295">
        <v>16123</v>
      </c>
      <c r="GC27" s="295">
        <v>47516</v>
      </c>
      <c r="GD27" s="295">
        <v>50951</v>
      </c>
      <c r="GE27" s="295">
        <v>5335</v>
      </c>
      <c r="GF27" s="298">
        <v>130044</v>
      </c>
      <c r="GG27" s="299">
        <v>130044</v>
      </c>
      <c r="GH27" s="294">
        <v>0</v>
      </c>
      <c r="GI27" s="295">
        <v>0</v>
      </c>
      <c r="GJ27" s="296">
        <v>0</v>
      </c>
      <c r="GK27" s="297">
        <v>0</v>
      </c>
      <c r="GL27" s="295">
        <v>35</v>
      </c>
      <c r="GM27" s="295">
        <v>0</v>
      </c>
      <c r="GN27" s="295">
        <v>77</v>
      </c>
      <c r="GO27" s="295">
        <v>0</v>
      </c>
      <c r="GP27" s="295">
        <v>112</v>
      </c>
      <c r="GQ27" s="298">
        <v>224</v>
      </c>
      <c r="GR27" s="299">
        <v>224</v>
      </c>
      <c r="GS27" s="294">
        <v>0</v>
      </c>
      <c r="GT27" s="295">
        <v>0</v>
      </c>
      <c r="GU27" s="296">
        <v>0</v>
      </c>
      <c r="GV27" s="297">
        <v>0</v>
      </c>
      <c r="GW27" s="295">
        <v>0</v>
      </c>
      <c r="GX27" s="295">
        <v>0</v>
      </c>
      <c r="GY27" s="295">
        <v>0</v>
      </c>
      <c r="GZ27" s="295">
        <v>0</v>
      </c>
      <c r="HA27" s="295">
        <v>0</v>
      </c>
      <c r="HB27" s="298">
        <v>0</v>
      </c>
      <c r="HC27" s="299">
        <v>0</v>
      </c>
      <c r="HD27" s="294">
        <v>0</v>
      </c>
      <c r="HE27" s="295">
        <v>0</v>
      </c>
      <c r="HF27" s="296">
        <v>0</v>
      </c>
      <c r="HG27" s="300"/>
      <c r="HH27" s="295">
        <v>0</v>
      </c>
      <c r="HI27" s="295">
        <v>0</v>
      </c>
      <c r="HJ27" s="295">
        <v>0</v>
      </c>
      <c r="HK27" s="295">
        <v>0</v>
      </c>
      <c r="HL27" s="295">
        <v>0</v>
      </c>
      <c r="HM27" s="298">
        <v>0</v>
      </c>
      <c r="HN27" s="299">
        <v>0</v>
      </c>
      <c r="HO27" s="294">
        <v>0</v>
      </c>
      <c r="HP27" s="295">
        <v>0</v>
      </c>
      <c r="HQ27" s="296">
        <v>0</v>
      </c>
      <c r="HR27" s="297">
        <v>0</v>
      </c>
      <c r="HS27" s="295">
        <v>73400</v>
      </c>
      <c r="HT27" s="295">
        <v>80534</v>
      </c>
      <c r="HU27" s="295">
        <v>800060</v>
      </c>
      <c r="HV27" s="295">
        <v>1456739</v>
      </c>
      <c r="HW27" s="295">
        <v>860620</v>
      </c>
      <c r="HX27" s="298">
        <v>3271353</v>
      </c>
      <c r="HY27" s="299">
        <v>3271353</v>
      </c>
    </row>
    <row r="28" spans="2:233" ht="21" customHeight="1" x14ac:dyDescent="0.2">
      <c r="B28" s="292" t="s">
        <v>25</v>
      </c>
      <c r="C28" s="294">
        <v>0</v>
      </c>
      <c r="D28" s="295">
        <v>0</v>
      </c>
      <c r="E28" s="296">
        <v>0</v>
      </c>
      <c r="F28" s="297">
        <v>0</v>
      </c>
      <c r="G28" s="295">
        <v>15920</v>
      </c>
      <c r="H28" s="295">
        <v>275162</v>
      </c>
      <c r="I28" s="295">
        <v>571988</v>
      </c>
      <c r="J28" s="295">
        <v>680138</v>
      </c>
      <c r="K28" s="295">
        <v>555025</v>
      </c>
      <c r="L28" s="298">
        <v>2098233</v>
      </c>
      <c r="M28" s="299">
        <v>2098233</v>
      </c>
      <c r="N28" s="294">
        <v>0</v>
      </c>
      <c r="O28" s="295">
        <v>0</v>
      </c>
      <c r="P28" s="296">
        <v>0</v>
      </c>
      <c r="Q28" s="300"/>
      <c r="R28" s="295">
        <v>2550</v>
      </c>
      <c r="S28" s="295">
        <v>7905</v>
      </c>
      <c r="T28" s="295">
        <v>467730</v>
      </c>
      <c r="U28" s="295">
        <v>442335</v>
      </c>
      <c r="V28" s="295">
        <v>440290</v>
      </c>
      <c r="W28" s="298">
        <v>1360810</v>
      </c>
      <c r="X28" s="299">
        <v>1360810</v>
      </c>
      <c r="Y28" s="294">
        <v>0</v>
      </c>
      <c r="Z28" s="295">
        <v>0</v>
      </c>
      <c r="AA28" s="296">
        <v>0</v>
      </c>
      <c r="AB28" s="300"/>
      <c r="AC28" s="295">
        <v>2635</v>
      </c>
      <c r="AD28" s="295">
        <v>193710</v>
      </c>
      <c r="AE28" s="295">
        <v>40710</v>
      </c>
      <c r="AF28" s="295">
        <v>231570</v>
      </c>
      <c r="AG28" s="295">
        <v>68200</v>
      </c>
      <c r="AH28" s="298">
        <v>536825</v>
      </c>
      <c r="AI28" s="299">
        <v>536825</v>
      </c>
      <c r="AJ28" s="294">
        <v>0</v>
      </c>
      <c r="AK28" s="295">
        <v>0</v>
      </c>
      <c r="AL28" s="296">
        <v>0</v>
      </c>
      <c r="AM28" s="300"/>
      <c r="AN28" s="295">
        <v>0</v>
      </c>
      <c r="AO28" s="295">
        <v>0</v>
      </c>
      <c r="AP28" s="295">
        <v>0</v>
      </c>
      <c r="AQ28" s="295">
        <v>0</v>
      </c>
      <c r="AR28" s="295">
        <v>0</v>
      </c>
      <c r="AS28" s="298">
        <v>0</v>
      </c>
      <c r="AT28" s="299">
        <v>0</v>
      </c>
      <c r="AU28" s="294">
        <v>0</v>
      </c>
      <c r="AV28" s="295">
        <v>0</v>
      </c>
      <c r="AW28" s="296">
        <v>0</v>
      </c>
      <c r="AX28" s="300"/>
      <c r="AY28" s="295">
        <v>0</v>
      </c>
      <c r="AZ28" s="295">
        <v>0</v>
      </c>
      <c r="BA28" s="295">
        <v>0</v>
      </c>
      <c r="BB28" s="295">
        <v>0</v>
      </c>
      <c r="BC28" s="295">
        <v>32705</v>
      </c>
      <c r="BD28" s="298">
        <v>32705</v>
      </c>
      <c r="BE28" s="299">
        <v>32705</v>
      </c>
      <c r="BF28" s="294">
        <v>0</v>
      </c>
      <c r="BG28" s="295">
        <v>0</v>
      </c>
      <c r="BH28" s="296">
        <v>0</v>
      </c>
      <c r="BI28" s="300"/>
      <c r="BJ28" s="295">
        <v>0</v>
      </c>
      <c r="BK28" s="295">
        <v>0</v>
      </c>
      <c r="BL28" s="295">
        <v>0</v>
      </c>
      <c r="BM28" s="295">
        <v>0</v>
      </c>
      <c r="BN28" s="295">
        <v>0</v>
      </c>
      <c r="BO28" s="298">
        <v>0</v>
      </c>
      <c r="BP28" s="299">
        <v>0</v>
      </c>
      <c r="BQ28" s="294">
        <v>0</v>
      </c>
      <c r="BR28" s="295">
        <v>0</v>
      </c>
      <c r="BS28" s="296">
        <v>0</v>
      </c>
      <c r="BT28" s="297">
        <v>0</v>
      </c>
      <c r="BU28" s="295">
        <v>10735</v>
      </c>
      <c r="BV28" s="295">
        <v>73547</v>
      </c>
      <c r="BW28" s="295">
        <v>63103</v>
      </c>
      <c r="BX28" s="295">
        <v>6233</v>
      </c>
      <c r="BY28" s="295">
        <v>13830</v>
      </c>
      <c r="BZ28" s="298">
        <v>167448</v>
      </c>
      <c r="CA28" s="299">
        <v>167448</v>
      </c>
      <c r="CB28" s="294">
        <v>0</v>
      </c>
      <c r="CC28" s="295">
        <v>0</v>
      </c>
      <c r="CD28" s="296">
        <v>0</v>
      </c>
      <c r="CE28" s="297">
        <v>0</v>
      </c>
      <c r="CF28" s="295">
        <v>0</v>
      </c>
      <c r="CG28" s="295">
        <v>0</v>
      </c>
      <c r="CH28" s="295">
        <v>445</v>
      </c>
      <c r="CI28" s="295">
        <v>0</v>
      </c>
      <c r="CJ28" s="295">
        <v>0</v>
      </c>
      <c r="CK28" s="298">
        <v>445</v>
      </c>
      <c r="CL28" s="299">
        <v>445</v>
      </c>
      <c r="CM28" s="294">
        <v>0</v>
      </c>
      <c r="CN28" s="295">
        <v>0</v>
      </c>
      <c r="CO28" s="296">
        <v>0</v>
      </c>
      <c r="CP28" s="297">
        <v>0</v>
      </c>
      <c r="CQ28" s="295">
        <v>0</v>
      </c>
      <c r="CR28" s="295">
        <v>0</v>
      </c>
      <c r="CS28" s="295">
        <v>0</v>
      </c>
      <c r="CT28" s="295">
        <v>0</v>
      </c>
      <c r="CU28" s="295">
        <v>0</v>
      </c>
      <c r="CV28" s="298">
        <v>0</v>
      </c>
      <c r="CW28" s="299">
        <v>0</v>
      </c>
      <c r="CX28" s="294">
        <v>0</v>
      </c>
      <c r="CY28" s="295">
        <v>0</v>
      </c>
      <c r="CZ28" s="296">
        <v>0</v>
      </c>
      <c r="DA28" s="300"/>
      <c r="DB28" s="295">
        <v>0</v>
      </c>
      <c r="DC28" s="295">
        <v>0</v>
      </c>
      <c r="DD28" s="295">
        <v>0</v>
      </c>
      <c r="DE28" s="295">
        <v>0</v>
      </c>
      <c r="DF28" s="295">
        <v>0</v>
      </c>
      <c r="DG28" s="298">
        <v>0</v>
      </c>
      <c r="DH28" s="299">
        <v>0</v>
      </c>
      <c r="DI28" s="294">
        <v>0</v>
      </c>
      <c r="DJ28" s="295">
        <v>0</v>
      </c>
      <c r="DK28" s="296">
        <v>0</v>
      </c>
      <c r="DL28" s="297">
        <v>0</v>
      </c>
      <c r="DM28" s="295">
        <v>23154</v>
      </c>
      <c r="DN28" s="295">
        <v>210951</v>
      </c>
      <c r="DO28" s="295">
        <v>709911</v>
      </c>
      <c r="DP28" s="295">
        <v>716526</v>
      </c>
      <c r="DQ28" s="295">
        <v>437201</v>
      </c>
      <c r="DR28" s="298">
        <v>2097743</v>
      </c>
      <c r="DS28" s="301">
        <v>2097743</v>
      </c>
      <c r="DT28" s="294">
        <v>0</v>
      </c>
      <c r="DU28" s="295">
        <v>0</v>
      </c>
      <c r="DV28" s="296">
        <v>0</v>
      </c>
      <c r="DW28" s="300"/>
      <c r="DX28" s="295">
        <v>15035</v>
      </c>
      <c r="DY28" s="295">
        <v>58187</v>
      </c>
      <c r="DZ28" s="295">
        <v>603151</v>
      </c>
      <c r="EA28" s="295">
        <v>680912</v>
      </c>
      <c r="EB28" s="295">
        <v>398241</v>
      </c>
      <c r="EC28" s="298">
        <v>1755526</v>
      </c>
      <c r="ED28" s="299">
        <v>1755526</v>
      </c>
      <c r="EE28" s="294">
        <v>0</v>
      </c>
      <c r="EF28" s="295">
        <v>0</v>
      </c>
      <c r="EG28" s="296">
        <v>0</v>
      </c>
      <c r="EH28" s="300"/>
      <c r="EI28" s="295">
        <v>0</v>
      </c>
      <c r="EJ28" s="295">
        <v>36111</v>
      </c>
      <c r="EK28" s="295">
        <v>6237</v>
      </c>
      <c r="EL28" s="295">
        <v>24459</v>
      </c>
      <c r="EM28" s="295">
        <v>11687</v>
      </c>
      <c r="EN28" s="298">
        <v>78494</v>
      </c>
      <c r="EO28" s="299">
        <v>78494</v>
      </c>
      <c r="EP28" s="294">
        <v>0</v>
      </c>
      <c r="EQ28" s="295">
        <v>0</v>
      </c>
      <c r="ER28" s="296">
        <v>0</v>
      </c>
      <c r="ES28" s="300"/>
      <c r="ET28" s="295">
        <v>0</v>
      </c>
      <c r="EU28" s="295">
        <v>0</v>
      </c>
      <c r="EV28" s="295">
        <v>0</v>
      </c>
      <c r="EW28" s="295">
        <v>0</v>
      </c>
      <c r="EX28" s="295">
        <v>0</v>
      </c>
      <c r="EY28" s="298">
        <v>0</v>
      </c>
      <c r="EZ28" s="299">
        <v>0</v>
      </c>
      <c r="FA28" s="294">
        <v>0</v>
      </c>
      <c r="FB28" s="295">
        <v>0</v>
      </c>
      <c r="FC28" s="296">
        <v>0</v>
      </c>
      <c r="FD28" s="300"/>
      <c r="FE28" s="295">
        <v>0</v>
      </c>
      <c r="FF28" s="295">
        <v>0</v>
      </c>
      <c r="FG28" s="295">
        <v>0</v>
      </c>
      <c r="FH28" s="295">
        <v>0</v>
      </c>
      <c r="FI28" s="295">
        <v>217</v>
      </c>
      <c r="FJ28" s="298">
        <v>217</v>
      </c>
      <c r="FK28" s="299">
        <v>217</v>
      </c>
      <c r="FL28" s="294">
        <v>0</v>
      </c>
      <c r="FM28" s="295">
        <v>0</v>
      </c>
      <c r="FN28" s="296">
        <v>0</v>
      </c>
      <c r="FO28" s="300"/>
      <c r="FP28" s="295">
        <v>0</v>
      </c>
      <c r="FQ28" s="295">
        <v>0</v>
      </c>
      <c r="FR28" s="295">
        <v>0</v>
      </c>
      <c r="FS28" s="295">
        <v>0</v>
      </c>
      <c r="FT28" s="295">
        <v>0</v>
      </c>
      <c r="FU28" s="298">
        <v>0</v>
      </c>
      <c r="FV28" s="299">
        <v>0</v>
      </c>
      <c r="FW28" s="294">
        <v>0</v>
      </c>
      <c r="FX28" s="295">
        <v>0</v>
      </c>
      <c r="FY28" s="296">
        <v>0</v>
      </c>
      <c r="FZ28" s="297">
        <v>0</v>
      </c>
      <c r="GA28" s="295">
        <v>8119</v>
      </c>
      <c r="GB28" s="295">
        <v>116653</v>
      </c>
      <c r="GC28" s="295">
        <v>100502</v>
      </c>
      <c r="GD28" s="295">
        <v>11155</v>
      </c>
      <c r="GE28" s="295">
        <v>27056</v>
      </c>
      <c r="GF28" s="298">
        <v>263485</v>
      </c>
      <c r="GG28" s="299">
        <v>263485</v>
      </c>
      <c r="GH28" s="294">
        <v>0</v>
      </c>
      <c r="GI28" s="295">
        <v>0</v>
      </c>
      <c r="GJ28" s="296">
        <v>0</v>
      </c>
      <c r="GK28" s="297">
        <v>0</v>
      </c>
      <c r="GL28" s="295">
        <v>0</v>
      </c>
      <c r="GM28" s="295">
        <v>0</v>
      </c>
      <c r="GN28" s="295">
        <v>21</v>
      </c>
      <c r="GO28" s="295">
        <v>0</v>
      </c>
      <c r="GP28" s="295">
        <v>0</v>
      </c>
      <c r="GQ28" s="298">
        <v>21</v>
      </c>
      <c r="GR28" s="299">
        <v>21</v>
      </c>
      <c r="GS28" s="294">
        <v>0</v>
      </c>
      <c r="GT28" s="295">
        <v>0</v>
      </c>
      <c r="GU28" s="296">
        <v>0</v>
      </c>
      <c r="GV28" s="297">
        <v>0</v>
      </c>
      <c r="GW28" s="295">
        <v>0</v>
      </c>
      <c r="GX28" s="295">
        <v>0</v>
      </c>
      <c r="GY28" s="295">
        <v>0</v>
      </c>
      <c r="GZ28" s="295">
        <v>0</v>
      </c>
      <c r="HA28" s="295">
        <v>0</v>
      </c>
      <c r="HB28" s="298">
        <v>0</v>
      </c>
      <c r="HC28" s="299">
        <v>0</v>
      </c>
      <c r="HD28" s="294">
        <v>0</v>
      </c>
      <c r="HE28" s="295">
        <v>0</v>
      </c>
      <c r="HF28" s="296">
        <v>0</v>
      </c>
      <c r="HG28" s="300"/>
      <c r="HH28" s="295">
        <v>0</v>
      </c>
      <c r="HI28" s="295">
        <v>0</v>
      </c>
      <c r="HJ28" s="295">
        <v>0</v>
      </c>
      <c r="HK28" s="295">
        <v>0</v>
      </c>
      <c r="HL28" s="295">
        <v>0</v>
      </c>
      <c r="HM28" s="298">
        <v>0</v>
      </c>
      <c r="HN28" s="299">
        <v>0</v>
      </c>
      <c r="HO28" s="294">
        <v>0</v>
      </c>
      <c r="HP28" s="295">
        <v>0</v>
      </c>
      <c r="HQ28" s="296">
        <v>0</v>
      </c>
      <c r="HR28" s="297">
        <v>0</v>
      </c>
      <c r="HS28" s="295">
        <v>39074</v>
      </c>
      <c r="HT28" s="295">
        <v>486113</v>
      </c>
      <c r="HU28" s="295">
        <v>1281899</v>
      </c>
      <c r="HV28" s="295">
        <v>1396664</v>
      </c>
      <c r="HW28" s="295">
        <v>992226</v>
      </c>
      <c r="HX28" s="298">
        <v>4195976</v>
      </c>
      <c r="HY28" s="299">
        <v>4195976</v>
      </c>
    </row>
    <row r="29" spans="2:233" ht="21" customHeight="1" x14ac:dyDescent="0.2">
      <c r="B29" s="292" t="s">
        <v>26</v>
      </c>
      <c r="C29" s="294">
        <v>0</v>
      </c>
      <c r="D29" s="295">
        <v>2030</v>
      </c>
      <c r="E29" s="296">
        <v>2030</v>
      </c>
      <c r="F29" s="297">
        <v>0</v>
      </c>
      <c r="G29" s="295">
        <v>38240</v>
      </c>
      <c r="H29" s="295">
        <v>154555</v>
      </c>
      <c r="I29" s="295">
        <v>457116</v>
      </c>
      <c r="J29" s="295">
        <v>784340</v>
      </c>
      <c r="K29" s="295">
        <v>328045</v>
      </c>
      <c r="L29" s="298">
        <v>1762296</v>
      </c>
      <c r="M29" s="299">
        <v>1764326</v>
      </c>
      <c r="N29" s="294">
        <v>0</v>
      </c>
      <c r="O29" s="295">
        <v>0</v>
      </c>
      <c r="P29" s="296">
        <v>0</v>
      </c>
      <c r="Q29" s="300"/>
      <c r="R29" s="295">
        <v>0</v>
      </c>
      <c r="S29" s="295">
        <v>59210</v>
      </c>
      <c r="T29" s="295">
        <v>253040</v>
      </c>
      <c r="U29" s="295">
        <v>637110</v>
      </c>
      <c r="V29" s="295">
        <v>252910</v>
      </c>
      <c r="W29" s="298">
        <v>1202270</v>
      </c>
      <c r="X29" s="299">
        <v>1202270</v>
      </c>
      <c r="Y29" s="294">
        <v>0</v>
      </c>
      <c r="Z29" s="295">
        <v>0</v>
      </c>
      <c r="AA29" s="296">
        <v>0</v>
      </c>
      <c r="AB29" s="300"/>
      <c r="AC29" s="295">
        <v>35340</v>
      </c>
      <c r="AD29" s="295">
        <v>89125</v>
      </c>
      <c r="AE29" s="295">
        <v>176615</v>
      </c>
      <c r="AF29" s="295">
        <v>138880</v>
      </c>
      <c r="AG29" s="295">
        <v>68045</v>
      </c>
      <c r="AH29" s="298">
        <v>508005</v>
      </c>
      <c r="AI29" s="299">
        <v>508005</v>
      </c>
      <c r="AJ29" s="294">
        <v>0</v>
      </c>
      <c r="AK29" s="295">
        <v>0</v>
      </c>
      <c r="AL29" s="296">
        <v>0</v>
      </c>
      <c r="AM29" s="300"/>
      <c r="AN29" s="295">
        <v>0</v>
      </c>
      <c r="AO29" s="295">
        <v>0</v>
      </c>
      <c r="AP29" s="295">
        <v>0</v>
      </c>
      <c r="AQ29" s="295">
        <v>0</v>
      </c>
      <c r="AR29" s="295">
        <v>0</v>
      </c>
      <c r="AS29" s="298">
        <v>0</v>
      </c>
      <c r="AT29" s="299">
        <v>0</v>
      </c>
      <c r="AU29" s="294">
        <v>0</v>
      </c>
      <c r="AV29" s="295">
        <v>0</v>
      </c>
      <c r="AW29" s="296">
        <v>0</v>
      </c>
      <c r="AX29" s="300"/>
      <c r="AY29" s="295">
        <v>0</v>
      </c>
      <c r="AZ29" s="295">
        <v>0</v>
      </c>
      <c r="BA29" s="295">
        <v>0</v>
      </c>
      <c r="BB29" s="295">
        <v>0</v>
      </c>
      <c r="BC29" s="295">
        <v>5270</v>
      </c>
      <c r="BD29" s="298">
        <v>5270</v>
      </c>
      <c r="BE29" s="299">
        <v>5270</v>
      </c>
      <c r="BF29" s="294">
        <v>0</v>
      </c>
      <c r="BG29" s="295">
        <v>0</v>
      </c>
      <c r="BH29" s="296">
        <v>0</v>
      </c>
      <c r="BI29" s="300"/>
      <c r="BJ29" s="295">
        <v>0</v>
      </c>
      <c r="BK29" s="295">
        <v>0</v>
      </c>
      <c r="BL29" s="295">
        <v>0</v>
      </c>
      <c r="BM29" s="295">
        <v>0</v>
      </c>
      <c r="BN29" s="295">
        <v>0</v>
      </c>
      <c r="BO29" s="298">
        <v>0</v>
      </c>
      <c r="BP29" s="299">
        <v>0</v>
      </c>
      <c r="BQ29" s="294">
        <v>0</v>
      </c>
      <c r="BR29" s="295">
        <v>2030</v>
      </c>
      <c r="BS29" s="296">
        <v>2030</v>
      </c>
      <c r="BT29" s="297">
        <v>0</v>
      </c>
      <c r="BU29" s="295">
        <v>2900</v>
      </c>
      <c r="BV29" s="295">
        <v>3330</v>
      </c>
      <c r="BW29" s="295">
        <v>27461</v>
      </c>
      <c r="BX29" s="295">
        <v>7760</v>
      </c>
      <c r="BY29" s="295">
        <v>1820</v>
      </c>
      <c r="BZ29" s="298">
        <v>43271</v>
      </c>
      <c r="CA29" s="299">
        <v>45301</v>
      </c>
      <c r="CB29" s="294">
        <v>0</v>
      </c>
      <c r="CC29" s="295">
        <v>0</v>
      </c>
      <c r="CD29" s="296">
        <v>0</v>
      </c>
      <c r="CE29" s="297">
        <v>0</v>
      </c>
      <c r="CF29" s="295">
        <v>0</v>
      </c>
      <c r="CG29" s="295">
        <v>2890</v>
      </c>
      <c r="CH29" s="295">
        <v>0</v>
      </c>
      <c r="CI29" s="295">
        <v>590</v>
      </c>
      <c r="CJ29" s="295">
        <v>0</v>
      </c>
      <c r="CK29" s="298">
        <v>3480</v>
      </c>
      <c r="CL29" s="299">
        <v>3480</v>
      </c>
      <c r="CM29" s="294">
        <v>0</v>
      </c>
      <c r="CN29" s="295">
        <v>0</v>
      </c>
      <c r="CO29" s="296">
        <v>0</v>
      </c>
      <c r="CP29" s="297">
        <v>0</v>
      </c>
      <c r="CQ29" s="295">
        <v>0</v>
      </c>
      <c r="CR29" s="295">
        <v>0</v>
      </c>
      <c r="CS29" s="295">
        <v>0</v>
      </c>
      <c r="CT29" s="295">
        <v>0</v>
      </c>
      <c r="CU29" s="295">
        <v>0</v>
      </c>
      <c r="CV29" s="298">
        <v>0</v>
      </c>
      <c r="CW29" s="299">
        <v>0</v>
      </c>
      <c r="CX29" s="294">
        <v>0</v>
      </c>
      <c r="CY29" s="295">
        <v>0</v>
      </c>
      <c r="CZ29" s="296">
        <v>0</v>
      </c>
      <c r="DA29" s="300"/>
      <c r="DB29" s="295">
        <v>0</v>
      </c>
      <c r="DC29" s="295">
        <v>0</v>
      </c>
      <c r="DD29" s="295">
        <v>0</v>
      </c>
      <c r="DE29" s="295">
        <v>0</v>
      </c>
      <c r="DF29" s="295">
        <v>0</v>
      </c>
      <c r="DG29" s="298">
        <v>0</v>
      </c>
      <c r="DH29" s="299">
        <v>0</v>
      </c>
      <c r="DI29" s="294">
        <v>0</v>
      </c>
      <c r="DJ29" s="295">
        <v>9744</v>
      </c>
      <c r="DK29" s="296">
        <v>9744</v>
      </c>
      <c r="DL29" s="297">
        <v>0</v>
      </c>
      <c r="DM29" s="295">
        <v>15746</v>
      </c>
      <c r="DN29" s="295">
        <v>168872</v>
      </c>
      <c r="DO29" s="295">
        <v>462803</v>
      </c>
      <c r="DP29" s="295">
        <v>741245</v>
      </c>
      <c r="DQ29" s="295">
        <v>438945</v>
      </c>
      <c r="DR29" s="298">
        <v>1827611</v>
      </c>
      <c r="DS29" s="301">
        <v>1837355</v>
      </c>
      <c r="DT29" s="294">
        <v>0</v>
      </c>
      <c r="DU29" s="295">
        <v>0</v>
      </c>
      <c r="DV29" s="296">
        <v>0</v>
      </c>
      <c r="DW29" s="300"/>
      <c r="DX29" s="295">
        <v>0</v>
      </c>
      <c r="DY29" s="295">
        <v>119722</v>
      </c>
      <c r="DZ29" s="295">
        <v>345076</v>
      </c>
      <c r="EA29" s="295">
        <v>719202</v>
      </c>
      <c r="EB29" s="295">
        <v>409387</v>
      </c>
      <c r="EC29" s="298">
        <v>1593387</v>
      </c>
      <c r="ED29" s="299">
        <v>1593387</v>
      </c>
      <c r="EE29" s="294">
        <v>0</v>
      </c>
      <c r="EF29" s="295">
        <v>0</v>
      </c>
      <c r="EG29" s="296">
        <v>0</v>
      </c>
      <c r="EH29" s="300"/>
      <c r="EI29" s="295">
        <v>434</v>
      </c>
      <c r="EJ29" s="295">
        <v>34627</v>
      </c>
      <c r="EK29" s="295">
        <v>71779</v>
      </c>
      <c r="EL29" s="295">
        <v>12772</v>
      </c>
      <c r="EM29" s="295">
        <v>589</v>
      </c>
      <c r="EN29" s="298">
        <v>120201</v>
      </c>
      <c r="EO29" s="299">
        <v>120201</v>
      </c>
      <c r="EP29" s="294">
        <v>0</v>
      </c>
      <c r="EQ29" s="295">
        <v>0</v>
      </c>
      <c r="ER29" s="296">
        <v>0</v>
      </c>
      <c r="ES29" s="300"/>
      <c r="ET29" s="295">
        <v>0</v>
      </c>
      <c r="EU29" s="295">
        <v>0</v>
      </c>
      <c r="EV29" s="295">
        <v>0</v>
      </c>
      <c r="EW29" s="295">
        <v>0</v>
      </c>
      <c r="EX29" s="295">
        <v>0</v>
      </c>
      <c r="EY29" s="298">
        <v>0</v>
      </c>
      <c r="EZ29" s="299">
        <v>0</v>
      </c>
      <c r="FA29" s="294">
        <v>0</v>
      </c>
      <c r="FB29" s="295">
        <v>0</v>
      </c>
      <c r="FC29" s="296">
        <v>0</v>
      </c>
      <c r="FD29" s="300"/>
      <c r="FE29" s="295">
        <v>0</v>
      </c>
      <c r="FF29" s="295">
        <v>0</v>
      </c>
      <c r="FG29" s="295">
        <v>0</v>
      </c>
      <c r="FH29" s="295">
        <v>0</v>
      </c>
      <c r="FI29" s="295">
        <v>434</v>
      </c>
      <c r="FJ29" s="298">
        <v>434</v>
      </c>
      <c r="FK29" s="299">
        <v>434</v>
      </c>
      <c r="FL29" s="294">
        <v>0</v>
      </c>
      <c r="FM29" s="295">
        <v>0</v>
      </c>
      <c r="FN29" s="296">
        <v>0</v>
      </c>
      <c r="FO29" s="300"/>
      <c r="FP29" s="295">
        <v>0</v>
      </c>
      <c r="FQ29" s="295">
        <v>0</v>
      </c>
      <c r="FR29" s="295">
        <v>0</v>
      </c>
      <c r="FS29" s="295">
        <v>0</v>
      </c>
      <c r="FT29" s="295">
        <v>0</v>
      </c>
      <c r="FU29" s="298">
        <v>0</v>
      </c>
      <c r="FV29" s="299">
        <v>0</v>
      </c>
      <c r="FW29" s="294">
        <v>0</v>
      </c>
      <c r="FX29" s="295">
        <v>9744</v>
      </c>
      <c r="FY29" s="296">
        <v>9744</v>
      </c>
      <c r="FZ29" s="297">
        <v>0</v>
      </c>
      <c r="GA29" s="295">
        <v>15312</v>
      </c>
      <c r="GB29" s="295">
        <v>12698</v>
      </c>
      <c r="GC29" s="295">
        <v>45948</v>
      </c>
      <c r="GD29" s="295">
        <v>9215</v>
      </c>
      <c r="GE29" s="295">
        <v>28535</v>
      </c>
      <c r="GF29" s="298">
        <v>111708</v>
      </c>
      <c r="GG29" s="299">
        <v>121452</v>
      </c>
      <c r="GH29" s="294">
        <v>0</v>
      </c>
      <c r="GI29" s="295">
        <v>0</v>
      </c>
      <c r="GJ29" s="296">
        <v>0</v>
      </c>
      <c r="GK29" s="297">
        <v>0</v>
      </c>
      <c r="GL29" s="295">
        <v>0</v>
      </c>
      <c r="GM29" s="295">
        <v>1825</v>
      </c>
      <c r="GN29" s="295">
        <v>0</v>
      </c>
      <c r="GO29" s="295">
        <v>56</v>
      </c>
      <c r="GP29" s="295">
        <v>0</v>
      </c>
      <c r="GQ29" s="298">
        <v>1881</v>
      </c>
      <c r="GR29" s="299">
        <v>1881</v>
      </c>
      <c r="GS29" s="294">
        <v>0</v>
      </c>
      <c r="GT29" s="295">
        <v>0</v>
      </c>
      <c r="GU29" s="296">
        <v>0</v>
      </c>
      <c r="GV29" s="297">
        <v>0</v>
      </c>
      <c r="GW29" s="295">
        <v>0</v>
      </c>
      <c r="GX29" s="295">
        <v>0</v>
      </c>
      <c r="GY29" s="295">
        <v>0</v>
      </c>
      <c r="GZ29" s="295">
        <v>0</v>
      </c>
      <c r="HA29" s="295">
        <v>0</v>
      </c>
      <c r="HB29" s="298">
        <v>0</v>
      </c>
      <c r="HC29" s="299">
        <v>0</v>
      </c>
      <c r="HD29" s="294">
        <v>0</v>
      </c>
      <c r="HE29" s="295">
        <v>0</v>
      </c>
      <c r="HF29" s="296">
        <v>0</v>
      </c>
      <c r="HG29" s="300"/>
      <c r="HH29" s="295">
        <v>0</v>
      </c>
      <c r="HI29" s="295">
        <v>0</v>
      </c>
      <c r="HJ29" s="295">
        <v>0</v>
      </c>
      <c r="HK29" s="295">
        <v>0</v>
      </c>
      <c r="HL29" s="295">
        <v>0</v>
      </c>
      <c r="HM29" s="298">
        <v>0</v>
      </c>
      <c r="HN29" s="299">
        <v>0</v>
      </c>
      <c r="HO29" s="294">
        <v>0</v>
      </c>
      <c r="HP29" s="295">
        <v>11774</v>
      </c>
      <c r="HQ29" s="296">
        <v>11774</v>
      </c>
      <c r="HR29" s="297">
        <v>0</v>
      </c>
      <c r="HS29" s="295">
        <v>53986</v>
      </c>
      <c r="HT29" s="295">
        <v>323427</v>
      </c>
      <c r="HU29" s="295">
        <v>919919</v>
      </c>
      <c r="HV29" s="295">
        <v>1525585</v>
      </c>
      <c r="HW29" s="295">
        <v>766990</v>
      </c>
      <c r="HX29" s="298">
        <v>3589907</v>
      </c>
      <c r="HY29" s="299">
        <v>3601681</v>
      </c>
    </row>
    <row r="30" spans="2:233" ht="21" customHeight="1" x14ac:dyDescent="0.2">
      <c r="B30" s="292" t="s">
        <v>27</v>
      </c>
      <c r="C30" s="294">
        <v>0</v>
      </c>
      <c r="D30" s="295">
        <v>0</v>
      </c>
      <c r="E30" s="296">
        <v>0</v>
      </c>
      <c r="F30" s="297">
        <v>0</v>
      </c>
      <c r="G30" s="295">
        <v>38940</v>
      </c>
      <c r="H30" s="295">
        <v>156220</v>
      </c>
      <c r="I30" s="295">
        <v>572770</v>
      </c>
      <c r="J30" s="295">
        <v>597210</v>
      </c>
      <c r="K30" s="295">
        <v>429395</v>
      </c>
      <c r="L30" s="298">
        <v>1794535</v>
      </c>
      <c r="M30" s="299">
        <v>1794535</v>
      </c>
      <c r="N30" s="294">
        <v>0</v>
      </c>
      <c r="O30" s="295">
        <v>0</v>
      </c>
      <c r="P30" s="296">
        <v>0</v>
      </c>
      <c r="Q30" s="300"/>
      <c r="R30" s="295">
        <v>35340</v>
      </c>
      <c r="S30" s="295">
        <v>26535</v>
      </c>
      <c r="T30" s="295">
        <v>350920</v>
      </c>
      <c r="U30" s="295">
        <v>426605</v>
      </c>
      <c r="V30" s="295">
        <v>357345</v>
      </c>
      <c r="W30" s="298">
        <v>1196745</v>
      </c>
      <c r="X30" s="299">
        <v>1196745</v>
      </c>
      <c r="Y30" s="294">
        <v>0</v>
      </c>
      <c r="Z30" s="295">
        <v>0</v>
      </c>
      <c r="AA30" s="296">
        <v>0</v>
      </c>
      <c r="AB30" s="300"/>
      <c r="AC30" s="295">
        <v>2635</v>
      </c>
      <c r="AD30" s="295">
        <v>127365</v>
      </c>
      <c r="AE30" s="295">
        <v>138570</v>
      </c>
      <c r="AF30" s="295">
        <v>162265</v>
      </c>
      <c r="AG30" s="295">
        <v>37975</v>
      </c>
      <c r="AH30" s="298">
        <v>468810</v>
      </c>
      <c r="AI30" s="299">
        <v>468810</v>
      </c>
      <c r="AJ30" s="294">
        <v>0</v>
      </c>
      <c r="AK30" s="295">
        <v>0</v>
      </c>
      <c r="AL30" s="296">
        <v>0</v>
      </c>
      <c r="AM30" s="300"/>
      <c r="AN30" s="295">
        <v>0</v>
      </c>
      <c r="AO30" s="295">
        <v>0</v>
      </c>
      <c r="AP30" s="295">
        <v>0</v>
      </c>
      <c r="AQ30" s="295">
        <v>0</v>
      </c>
      <c r="AR30" s="295">
        <v>0</v>
      </c>
      <c r="AS30" s="298">
        <v>0</v>
      </c>
      <c r="AT30" s="299">
        <v>0</v>
      </c>
      <c r="AU30" s="294">
        <v>0</v>
      </c>
      <c r="AV30" s="295">
        <v>0</v>
      </c>
      <c r="AW30" s="296">
        <v>0</v>
      </c>
      <c r="AX30" s="300"/>
      <c r="AY30" s="295">
        <v>0</v>
      </c>
      <c r="AZ30" s="295">
        <v>0</v>
      </c>
      <c r="BA30" s="295">
        <v>0</v>
      </c>
      <c r="BB30" s="295">
        <v>0</v>
      </c>
      <c r="BC30" s="295">
        <v>0</v>
      </c>
      <c r="BD30" s="298">
        <v>0</v>
      </c>
      <c r="BE30" s="299">
        <v>0</v>
      </c>
      <c r="BF30" s="294">
        <v>0</v>
      </c>
      <c r="BG30" s="295">
        <v>0</v>
      </c>
      <c r="BH30" s="296">
        <v>0</v>
      </c>
      <c r="BI30" s="300"/>
      <c r="BJ30" s="295">
        <v>0</v>
      </c>
      <c r="BK30" s="295">
        <v>0</v>
      </c>
      <c r="BL30" s="295">
        <v>65255</v>
      </c>
      <c r="BM30" s="295">
        <v>7905</v>
      </c>
      <c r="BN30" s="295">
        <v>0</v>
      </c>
      <c r="BO30" s="298">
        <v>73160</v>
      </c>
      <c r="BP30" s="299">
        <v>73160</v>
      </c>
      <c r="BQ30" s="294">
        <v>0</v>
      </c>
      <c r="BR30" s="295">
        <v>0</v>
      </c>
      <c r="BS30" s="296">
        <v>0</v>
      </c>
      <c r="BT30" s="297">
        <v>0</v>
      </c>
      <c r="BU30" s="295">
        <v>965</v>
      </c>
      <c r="BV30" s="295">
        <v>2320</v>
      </c>
      <c r="BW30" s="295">
        <v>18025</v>
      </c>
      <c r="BX30" s="295">
        <v>0</v>
      </c>
      <c r="BY30" s="295">
        <v>34075</v>
      </c>
      <c r="BZ30" s="298">
        <v>55385</v>
      </c>
      <c r="CA30" s="299">
        <v>55385</v>
      </c>
      <c r="CB30" s="294">
        <v>0</v>
      </c>
      <c r="CC30" s="295">
        <v>0</v>
      </c>
      <c r="CD30" s="296">
        <v>0</v>
      </c>
      <c r="CE30" s="297">
        <v>0</v>
      </c>
      <c r="CF30" s="295">
        <v>0</v>
      </c>
      <c r="CG30" s="295">
        <v>0</v>
      </c>
      <c r="CH30" s="295">
        <v>0</v>
      </c>
      <c r="CI30" s="295">
        <v>435</v>
      </c>
      <c r="CJ30" s="295">
        <v>0</v>
      </c>
      <c r="CK30" s="298">
        <v>435</v>
      </c>
      <c r="CL30" s="299">
        <v>435</v>
      </c>
      <c r="CM30" s="294">
        <v>0</v>
      </c>
      <c r="CN30" s="295">
        <v>0</v>
      </c>
      <c r="CO30" s="296">
        <v>0</v>
      </c>
      <c r="CP30" s="297">
        <v>0</v>
      </c>
      <c r="CQ30" s="295">
        <v>0</v>
      </c>
      <c r="CR30" s="295">
        <v>0</v>
      </c>
      <c r="CS30" s="295">
        <v>0</v>
      </c>
      <c r="CT30" s="295">
        <v>0</v>
      </c>
      <c r="CU30" s="295">
        <v>0</v>
      </c>
      <c r="CV30" s="298">
        <v>0</v>
      </c>
      <c r="CW30" s="299">
        <v>0</v>
      </c>
      <c r="CX30" s="294">
        <v>0</v>
      </c>
      <c r="CY30" s="295">
        <v>0</v>
      </c>
      <c r="CZ30" s="296">
        <v>0</v>
      </c>
      <c r="DA30" s="300"/>
      <c r="DB30" s="295">
        <v>0</v>
      </c>
      <c r="DC30" s="295">
        <v>0</v>
      </c>
      <c r="DD30" s="295">
        <v>0</v>
      </c>
      <c r="DE30" s="295">
        <v>0</v>
      </c>
      <c r="DF30" s="295">
        <v>0</v>
      </c>
      <c r="DG30" s="298">
        <v>0</v>
      </c>
      <c r="DH30" s="299">
        <v>0</v>
      </c>
      <c r="DI30" s="294">
        <v>0</v>
      </c>
      <c r="DJ30" s="295">
        <v>0</v>
      </c>
      <c r="DK30" s="296">
        <v>0</v>
      </c>
      <c r="DL30" s="297">
        <v>0</v>
      </c>
      <c r="DM30" s="295">
        <v>56906</v>
      </c>
      <c r="DN30" s="295">
        <v>70424</v>
      </c>
      <c r="DO30" s="295">
        <v>529418</v>
      </c>
      <c r="DP30" s="295">
        <v>602315</v>
      </c>
      <c r="DQ30" s="295">
        <v>343716</v>
      </c>
      <c r="DR30" s="298">
        <v>1602779</v>
      </c>
      <c r="DS30" s="301">
        <v>1602779</v>
      </c>
      <c r="DT30" s="294">
        <v>0</v>
      </c>
      <c r="DU30" s="295">
        <v>0</v>
      </c>
      <c r="DV30" s="296">
        <v>0</v>
      </c>
      <c r="DW30" s="300"/>
      <c r="DX30" s="295">
        <v>30070</v>
      </c>
      <c r="DY30" s="295">
        <v>15035</v>
      </c>
      <c r="DZ30" s="295">
        <v>316417</v>
      </c>
      <c r="EA30" s="295">
        <v>497685</v>
      </c>
      <c r="EB30" s="295">
        <v>303952</v>
      </c>
      <c r="EC30" s="298">
        <v>1163159</v>
      </c>
      <c r="ED30" s="299">
        <v>1163159</v>
      </c>
      <c r="EE30" s="294">
        <v>0</v>
      </c>
      <c r="EF30" s="295">
        <v>0</v>
      </c>
      <c r="EG30" s="296">
        <v>0</v>
      </c>
      <c r="EH30" s="300"/>
      <c r="EI30" s="295">
        <v>21576</v>
      </c>
      <c r="EJ30" s="295">
        <v>47399</v>
      </c>
      <c r="EK30" s="295">
        <v>70091</v>
      </c>
      <c r="EL30" s="295">
        <v>37078</v>
      </c>
      <c r="EM30" s="295">
        <v>10664</v>
      </c>
      <c r="EN30" s="298">
        <v>186808</v>
      </c>
      <c r="EO30" s="299">
        <v>186808</v>
      </c>
      <c r="EP30" s="294">
        <v>0</v>
      </c>
      <c r="EQ30" s="295">
        <v>0</v>
      </c>
      <c r="ER30" s="296">
        <v>0</v>
      </c>
      <c r="ES30" s="300"/>
      <c r="ET30" s="295">
        <v>0</v>
      </c>
      <c r="EU30" s="295">
        <v>0</v>
      </c>
      <c r="EV30" s="295">
        <v>0</v>
      </c>
      <c r="EW30" s="295">
        <v>0</v>
      </c>
      <c r="EX30" s="295">
        <v>0</v>
      </c>
      <c r="EY30" s="298">
        <v>0</v>
      </c>
      <c r="EZ30" s="299">
        <v>0</v>
      </c>
      <c r="FA30" s="294">
        <v>0</v>
      </c>
      <c r="FB30" s="295">
        <v>0</v>
      </c>
      <c r="FC30" s="296">
        <v>0</v>
      </c>
      <c r="FD30" s="300"/>
      <c r="FE30" s="295">
        <v>0</v>
      </c>
      <c r="FF30" s="295">
        <v>0</v>
      </c>
      <c r="FG30" s="295">
        <v>0</v>
      </c>
      <c r="FH30" s="295">
        <v>0</v>
      </c>
      <c r="FI30" s="295">
        <v>0</v>
      </c>
      <c r="FJ30" s="298">
        <v>0</v>
      </c>
      <c r="FK30" s="299">
        <v>0</v>
      </c>
      <c r="FL30" s="294">
        <v>0</v>
      </c>
      <c r="FM30" s="295">
        <v>0</v>
      </c>
      <c r="FN30" s="296">
        <v>0</v>
      </c>
      <c r="FO30" s="300"/>
      <c r="FP30" s="295">
        <v>0</v>
      </c>
      <c r="FQ30" s="295">
        <v>0</v>
      </c>
      <c r="FR30" s="295">
        <v>123070</v>
      </c>
      <c r="FS30" s="295">
        <v>64728</v>
      </c>
      <c r="FT30" s="295">
        <v>0</v>
      </c>
      <c r="FU30" s="298">
        <v>187798</v>
      </c>
      <c r="FV30" s="299">
        <v>187798</v>
      </c>
      <c r="FW30" s="294">
        <v>0</v>
      </c>
      <c r="FX30" s="295">
        <v>0</v>
      </c>
      <c r="FY30" s="296">
        <v>0</v>
      </c>
      <c r="FZ30" s="297">
        <v>0</v>
      </c>
      <c r="GA30" s="295">
        <v>5260</v>
      </c>
      <c r="GB30" s="295">
        <v>7990</v>
      </c>
      <c r="GC30" s="295">
        <v>19840</v>
      </c>
      <c r="GD30" s="295">
        <v>0</v>
      </c>
      <c r="GE30" s="295">
        <v>29100</v>
      </c>
      <c r="GF30" s="298">
        <v>62190</v>
      </c>
      <c r="GG30" s="299">
        <v>62190</v>
      </c>
      <c r="GH30" s="294">
        <v>0</v>
      </c>
      <c r="GI30" s="295">
        <v>0</v>
      </c>
      <c r="GJ30" s="296">
        <v>0</v>
      </c>
      <c r="GK30" s="297">
        <v>0</v>
      </c>
      <c r="GL30" s="295">
        <v>0</v>
      </c>
      <c r="GM30" s="295">
        <v>0</v>
      </c>
      <c r="GN30" s="295">
        <v>0</v>
      </c>
      <c r="GO30" s="295">
        <v>2824</v>
      </c>
      <c r="GP30" s="295">
        <v>0</v>
      </c>
      <c r="GQ30" s="298">
        <v>2824</v>
      </c>
      <c r="GR30" s="299">
        <v>2824</v>
      </c>
      <c r="GS30" s="294">
        <v>0</v>
      </c>
      <c r="GT30" s="295">
        <v>0</v>
      </c>
      <c r="GU30" s="296">
        <v>0</v>
      </c>
      <c r="GV30" s="297">
        <v>0</v>
      </c>
      <c r="GW30" s="295">
        <v>0</v>
      </c>
      <c r="GX30" s="295">
        <v>0</v>
      </c>
      <c r="GY30" s="295">
        <v>0</v>
      </c>
      <c r="GZ30" s="295">
        <v>0</v>
      </c>
      <c r="HA30" s="295">
        <v>0</v>
      </c>
      <c r="HB30" s="298">
        <v>0</v>
      </c>
      <c r="HC30" s="299">
        <v>0</v>
      </c>
      <c r="HD30" s="294">
        <v>0</v>
      </c>
      <c r="HE30" s="295">
        <v>0</v>
      </c>
      <c r="HF30" s="296">
        <v>0</v>
      </c>
      <c r="HG30" s="300"/>
      <c r="HH30" s="295">
        <v>0</v>
      </c>
      <c r="HI30" s="295">
        <v>0</v>
      </c>
      <c r="HJ30" s="295">
        <v>0</v>
      </c>
      <c r="HK30" s="295">
        <v>0</v>
      </c>
      <c r="HL30" s="295">
        <v>0</v>
      </c>
      <c r="HM30" s="298">
        <v>0</v>
      </c>
      <c r="HN30" s="299">
        <v>0</v>
      </c>
      <c r="HO30" s="294">
        <v>0</v>
      </c>
      <c r="HP30" s="295">
        <v>0</v>
      </c>
      <c r="HQ30" s="296">
        <v>0</v>
      </c>
      <c r="HR30" s="297">
        <v>0</v>
      </c>
      <c r="HS30" s="295">
        <v>95846</v>
      </c>
      <c r="HT30" s="295">
        <v>226644</v>
      </c>
      <c r="HU30" s="295">
        <v>1102188</v>
      </c>
      <c r="HV30" s="295">
        <v>1199525</v>
      </c>
      <c r="HW30" s="295">
        <v>773111</v>
      </c>
      <c r="HX30" s="298">
        <v>3397314</v>
      </c>
      <c r="HY30" s="299">
        <v>3397314</v>
      </c>
    </row>
    <row r="31" spans="2:233" ht="21" customHeight="1" x14ac:dyDescent="0.2">
      <c r="B31" s="292" t="s">
        <v>28</v>
      </c>
      <c r="C31" s="294">
        <v>0</v>
      </c>
      <c r="D31" s="295">
        <v>0</v>
      </c>
      <c r="E31" s="296">
        <v>0</v>
      </c>
      <c r="F31" s="297">
        <v>0</v>
      </c>
      <c r="G31" s="295">
        <v>0</v>
      </c>
      <c r="H31" s="295">
        <v>43660</v>
      </c>
      <c r="I31" s="295">
        <v>224870</v>
      </c>
      <c r="J31" s="295">
        <v>163505</v>
      </c>
      <c r="K31" s="295">
        <v>85524</v>
      </c>
      <c r="L31" s="298">
        <v>517559</v>
      </c>
      <c r="M31" s="299">
        <v>517559</v>
      </c>
      <c r="N31" s="294">
        <v>0</v>
      </c>
      <c r="O31" s="295">
        <v>0</v>
      </c>
      <c r="P31" s="296">
        <v>0</v>
      </c>
      <c r="Q31" s="300"/>
      <c r="R31" s="295">
        <v>0</v>
      </c>
      <c r="S31" s="295">
        <v>30690</v>
      </c>
      <c r="T31" s="295">
        <v>185535</v>
      </c>
      <c r="U31" s="295">
        <v>130800</v>
      </c>
      <c r="V31" s="295">
        <v>64534</v>
      </c>
      <c r="W31" s="298">
        <v>411559</v>
      </c>
      <c r="X31" s="299">
        <v>411559</v>
      </c>
      <c r="Y31" s="294">
        <v>0</v>
      </c>
      <c r="Z31" s="295">
        <v>0</v>
      </c>
      <c r="AA31" s="296">
        <v>0</v>
      </c>
      <c r="AB31" s="300"/>
      <c r="AC31" s="295">
        <v>0</v>
      </c>
      <c r="AD31" s="295">
        <v>12970</v>
      </c>
      <c r="AE31" s="295">
        <v>35340</v>
      </c>
      <c r="AF31" s="295">
        <v>32705</v>
      </c>
      <c r="AG31" s="295">
        <v>20670</v>
      </c>
      <c r="AH31" s="298">
        <v>101685</v>
      </c>
      <c r="AI31" s="299">
        <v>101685</v>
      </c>
      <c r="AJ31" s="294">
        <v>0</v>
      </c>
      <c r="AK31" s="295">
        <v>0</v>
      </c>
      <c r="AL31" s="296">
        <v>0</v>
      </c>
      <c r="AM31" s="300"/>
      <c r="AN31" s="295">
        <v>0</v>
      </c>
      <c r="AO31" s="295">
        <v>0</v>
      </c>
      <c r="AP31" s="295">
        <v>0</v>
      </c>
      <c r="AQ31" s="295">
        <v>0</v>
      </c>
      <c r="AR31" s="295">
        <v>0</v>
      </c>
      <c r="AS31" s="298">
        <v>0</v>
      </c>
      <c r="AT31" s="299">
        <v>0</v>
      </c>
      <c r="AU31" s="294">
        <v>0</v>
      </c>
      <c r="AV31" s="295">
        <v>0</v>
      </c>
      <c r="AW31" s="296">
        <v>0</v>
      </c>
      <c r="AX31" s="300"/>
      <c r="AY31" s="295">
        <v>0</v>
      </c>
      <c r="AZ31" s="295">
        <v>0</v>
      </c>
      <c r="BA31" s="295">
        <v>0</v>
      </c>
      <c r="BB31" s="295">
        <v>0</v>
      </c>
      <c r="BC31" s="295">
        <v>0</v>
      </c>
      <c r="BD31" s="298">
        <v>0</v>
      </c>
      <c r="BE31" s="299">
        <v>0</v>
      </c>
      <c r="BF31" s="294">
        <v>0</v>
      </c>
      <c r="BG31" s="295">
        <v>0</v>
      </c>
      <c r="BH31" s="296">
        <v>0</v>
      </c>
      <c r="BI31" s="300"/>
      <c r="BJ31" s="295">
        <v>0</v>
      </c>
      <c r="BK31" s="295">
        <v>0</v>
      </c>
      <c r="BL31" s="295">
        <v>2635</v>
      </c>
      <c r="BM31" s="295">
        <v>0</v>
      </c>
      <c r="BN31" s="295">
        <v>0</v>
      </c>
      <c r="BO31" s="298">
        <v>2635</v>
      </c>
      <c r="BP31" s="299">
        <v>2635</v>
      </c>
      <c r="BQ31" s="294">
        <v>0</v>
      </c>
      <c r="BR31" s="295">
        <v>0</v>
      </c>
      <c r="BS31" s="296">
        <v>0</v>
      </c>
      <c r="BT31" s="297">
        <v>0</v>
      </c>
      <c r="BU31" s="295">
        <v>0</v>
      </c>
      <c r="BV31" s="295">
        <v>0</v>
      </c>
      <c r="BW31" s="295">
        <v>1360</v>
      </c>
      <c r="BX31" s="295">
        <v>0</v>
      </c>
      <c r="BY31" s="295">
        <v>320</v>
      </c>
      <c r="BZ31" s="298">
        <v>1680</v>
      </c>
      <c r="CA31" s="299">
        <v>1680</v>
      </c>
      <c r="CB31" s="294">
        <v>0</v>
      </c>
      <c r="CC31" s="295">
        <v>0</v>
      </c>
      <c r="CD31" s="296">
        <v>0</v>
      </c>
      <c r="CE31" s="297">
        <v>0</v>
      </c>
      <c r="CF31" s="295">
        <v>0</v>
      </c>
      <c r="CG31" s="295">
        <v>0</v>
      </c>
      <c r="CH31" s="295">
        <v>0</v>
      </c>
      <c r="CI31" s="295">
        <v>0</v>
      </c>
      <c r="CJ31" s="295">
        <v>0</v>
      </c>
      <c r="CK31" s="298">
        <v>0</v>
      </c>
      <c r="CL31" s="299">
        <v>0</v>
      </c>
      <c r="CM31" s="294">
        <v>0</v>
      </c>
      <c r="CN31" s="295">
        <v>0</v>
      </c>
      <c r="CO31" s="296">
        <v>0</v>
      </c>
      <c r="CP31" s="297">
        <v>0</v>
      </c>
      <c r="CQ31" s="295">
        <v>0</v>
      </c>
      <c r="CR31" s="295">
        <v>0</v>
      </c>
      <c r="CS31" s="295">
        <v>0</v>
      </c>
      <c r="CT31" s="295">
        <v>0</v>
      </c>
      <c r="CU31" s="295">
        <v>0</v>
      </c>
      <c r="CV31" s="298">
        <v>0</v>
      </c>
      <c r="CW31" s="299">
        <v>0</v>
      </c>
      <c r="CX31" s="294">
        <v>0</v>
      </c>
      <c r="CY31" s="295">
        <v>0</v>
      </c>
      <c r="CZ31" s="296">
        <v>0</v>
      </c>
      <c r="DA31" s="300"/>
      <c r="DB31" s="295">
        <v>0</v>
      </c>
      <c r="DC31" s="295">
        <v>0</v>
      </c>
      <c r="DD31" s="295">
        <v>0</v>
      </c>
      <c r="DE31" s="295">
        <v>0</v>
      </c>
      <c r="DF31" s="295">
        <v>0</v>
      </c>
      <c r="DG31" s="298">
        <v>0</v>
      </c>
      <c r="DH31" s="299">
        <v>0</v>
      </c>
      <c r="DI31" s="294">
        <v>0</v>
      </c>
      <c r="DJ31" s="295">
        <v>0</v>
      </c>
      <c r="DK31" s="296">
        <v>0</v>
      </c>
      <c r="DL31" s="297">
        <v>0</v>
      </c>
      <c r="DM31" s="295">
        <v>0</v>
      </c>
      <c r="DN31" s="295">
        <v>36237</v>
      </c>
      <c r="DO31" s="295">
        <v>167056</v>
      </c>
      <c r="DP31" s="295">
        <v>127253</v>
      </c>
      <c r="DQ31" s="295">
        <v>63539</v>
      </c>
      <c r="DR31" s="298">
        <v>394085</v>
      </c>
      <c r="DS31" s="301">
        <v>394085</v>
      </c>
      <c r="DT31" s="294">
        <v>0</v>
      </c>
      <c r="DU31" s="295">
        <v>0</v>
      </c>
      <c r="DV31" s="296">
        <v>0</v>
      </c>
      <c r="DW31" s="300"/>
      <c r="DX31" s="295">
        <v>0</v>
      </c>
      <c r="DY31" s="295">
        <v>14570</v>
      </c>
      <c r="DZ31" s="295">
        <v>136586</v>
      </c>
      <c r="EA31" s="295">
        <v>127036</v>
      </c>
      <c r="EB31" s="295">
        <v>59590</v>
      </c>
      <c r="EC31" s="298">
        <v>337782</v>
      </c>
      <c r="ED31" s="299">
        <v>337782</v>
      </c>
      <c r="EE31" s="294">
        <v>0</v>
      </c>
      <c r="EF31" s="295">
        <v>0</v>
      </c>
      <c r="EG31" s="296">
        <v>0</v>
      </c>
      <c r="EH31" s="300"/>
      <c r="EI31" s="295">
        <v>0</v>
      </c>
      <c r="EJ31" s="295">
        <v>21667</v>
      </c>
      <c r="EK31" s="295">
        <v>434</v>
      </c>
      <c r="EL31" s="295">
        <v>217</v>
      </c>
      <c r="EM31" s="295">
        <v>189</v>
      </c>
      <c r="EN31" s="298">
        <v>22507</v>
      </c>
      <c r="EO31" s="299">
        <v>22507</v>
      </c>
      <c r="EP31" s="294">
        <v>0</v>
      </c>
      <c r="EQ31" s="295">
        <v>0</v>
      </c>
      <c r="ER31" s="296">
        <v>0</v>
      </c>
      <c r="ES31" s="300"/>
      <c r="ET31" s="295">
        <v>0</v>
      </c>
      <c r="EU31" s="295">
        <v>0</v>
      </c>
      <c r="EV31" s="295">
        <v>0</v>
      </c>
      <c r="EW31" s="295">
        <v>0</v>
      </c>
      <c r="EX31" s="295">
        <v>0</v>
      </c>
      <c r="EY31" s="298">
        <v>0</v>
      </c>
      <c r="EZ31" s="299">
        <v>0</v>
      </c>
      <c r="FA31" s="294">
        <v>0</v>
      </c>
      <c r="FB31" s="295">
        <v>0</v>
      </c>
      <c r="FC31" s="296">
        <v>0</v>
      </c>
      <c r="FD31" s="300"/>
      <c r="FE31" s="295">
        <v>0</v>
      </c>
      <c r="FF31" s="295">
        <v>0</v>
      </c>
      <c r="FG31" s="295">
        <v>0</v>
      </c>
      <c r="FH31" s="295">
        <v>0</v>
      </c>
      <c r="FI31" s="295">
        <v>0</v>
      </c>
      <c r="FJ31" s="298">
        <v>0</v>
      </c>
      <c r="FK31" s="299">
        <v>0</v>
      </c>
      <c r="FL31" s="294">
        <v>0</v>
      </c>
      <c r="FM31" s="295">
        <v>0</v>
      </c>
      <c r="FN31" s="296">
        <v>0</v>
      </c>
      <c r="FO31" s="300"/>
      <c r="FP31" s="295">
        <v>0</v>
      </c>
      <c r="FQ31" s="295">
        <v>0</v>
      </c>
      <c r="FR31" s="295">
        <v>21576</v>
      </c>
      <c r="FS31" s="295">
        <v>0</v>
      </c>
      <c r="FT31" s="295">
        <v>0</v>
      </c>
      <c r="FU31" s="298">
        <v>21576</v>
      </c>
      <c r="FV31" s="299">
        <v>21576</v>
      </c>
      <c r="FW31" s="294">
        <v>0</v>
      </c>
      <c r="FX31" s="295">
        <v>0</v>
      </c>
      <c r="FY31" s="296">
        <v>0</v>
      </c>
      <c r="FZ31" s="297">
        <v>0</v>
      </c>
      <c r="GA31" s="295">
        <v>0</v>
      </c>
      <c r="GB31" s="295">
        <v>0</v>
      </c>
      <c r="GC31" s="295">
        <v>8460</v>
      </c>
      <c r="GD31" s="295">
        <v>0</v>
      </c>
      <c r="GE31" s="295">
        <v>3760</v>
      </c>
      <c r="GF31" s="298">
        <v>12220</v>
      </c>
      <c r="GG31" s="299">
        <v>12220</v>
      </c>
      <c r="GH31" s="294">
        <v>0</v>
      </c>
      <c r="GI31" s="295">
        <v>0</v>
      </c>
      <c r="GJ31" s="296">
        <v>0</v>
      </c>
      <c r="GK31" s="297">
        <v>0</v>
      </c>
      <c r="GL31" s="295">
        <v>0</v>
      </c>
      <c r="GM31" s="295">
        <v>0</v>
      </c>
      <c r="GN31" s="295">
        <v>0</v>
      </c>
      <c r="GO31" s="295">
        <v>0</v>
      </c>
      <c r="GP31" s="295">
        <v>0</v>
      </c>
      <c r="GQ31" s="298">
        <v>0</v>
      </c>
      <c r="GR31" s="299">
        <v>0</v>
      </c>
      <c r="GS31" s="294">
        <v>0</v>
      </c>
      <c r="GT31" s="295">
        <v>0</v>
      </c>
      <c r="GU31" s="296">
        <v>0</v>
      </c>
      <c r="GV31" s="297">
        <v>0</v>
      </c>
      <c r="GW31" s="295">
        <v>0</v>
      </c>
      <c r="GX31" s="295">
        <v>0</v>
      </c>
      <c r="GY31" s="295">
        <v>0</v>
      </c>
      <c r="GZ31" s="295">
        <v>0</v>
      </c>
      <c r="HA31" s="295">
        <v>0</v>
      </c>
      <c r="HB31" s="298">
        <v>0</v>
      </c>
      <c r="HC31" s="299">
        <v>0</v>
      </c>
      <c r="HD31" s="294">
        <v>0</v>
      </c>
      <c r="HE31" s="295">
        <v>0</v>
      </c>
      <c r="HF31" s="296">
        <v>0</v>
      </c>
      <c r="HG31" s="300"/>
      <c r="HH31" s="295">
        <v>0</v>
      </c>
      <c r="HI31" s="295">
        <v>0</v>
      </c>
      <c r="HJ31" s="295">
        <v>0</v>
      </c>
      <c r="HK31" s="295">
        <v>0</v>
      </c>
      <c r="HL31" s="295">
        <v>0</v>
      </c>
      <c r="HM31" s="298">
        <v>0</v>
      </c>
      <c r="HN31" s="299">
        <v>0</v>
      </c>
      <c r="HO31" s="294">
        <v>0</v>
      </c>
      <c r="HP31" s="295">
        <v>0</v>
      </c>
      <c r="HQ31" s="296">
        <v>0</v>
      </c>
      <c r="HR31" s="297">
        <v>0</v>
      </c>
      <c r="HS31" s="295">
        <v>0</v>
      </c>
      <c r="HT31" s="295">
        <v>79897</v>
      </c>
      <c r="HU31" s="295">
        <v>391926</v>
      </c>
      <c r="HV31" s="295">
        <v>290758</v>
      </c>
      <c r="HW31" s="295">
        <v>149063</v>
      </c>
      <c r="HX31" s="298">
        <v>911644</v>
      </c>
      <c r="HY31" s="299">
        <v>911644</v>
      </c>
    </row>
    <row r="32" spans="2:233" ht="21" customHeight="1" x14ac:dyDescent="0.2">
      <c r="B32" s="292" t="s">
        <v>29</v>
      </c>
      <c r="C32" s="294">
        <v>0</v>
      </c>
      <c r="D32" s="295">
        <v>0</v>
      </c>
      <c r="E32" s="296">
        <v>0</v>
      </c>
      <c r="F32" s="297">
        <v>0</v>
      </c>
      <c r="G32" s="295">
        <v>3320</v>
      </c>
      <c r="H32" s="295">
        <v>91320</v>
      </c>
      <c r="I32" s="295">
        <v>258657</v>
      </c>
      <c r="J32" s="295">
        <v>512250</v>
      </c>
      <c r="K32" s="295">
        <v>174215</v>
      </c>
      <c r="L32" s="298">
        <v>1039762</v>
      </c>
      <c r="M32" s="299">
        <v>1039762</v>
      </c>
      <c r="N32" s="294">
        <v>0</v>
      </c>
      <c r="O32" s="295">
        <v>0</v>
      </c>
      <c r="P32" s="296">
        <v>0</v>
      </c>
      <c r="Q32" s="300"/>
      <c r="R32" s="295">
        <v>0</v>
      </c>
      <c r="S32" s="295">
        <v>35495</v>
      </c>
      <c r="T32" s="295">
        <v>102035</v>
      </c>
      <c r="U32" s="295">
        <v>265205</v>
      </c>
      <c r="V32" s="295">
        <v>110775</v>
      </c>
      <c r="W32" s="298">
        <v>513510</v>
      </c>
      <c r="X32" s="299">
        <v>513510</v>
      </c>
      <c r="Y32" s="294">
        <v>0</v>
      </c>
      <c r="Z32" s="295">
        <v>0</v>
      </c>
      <c r="AA32" s="296">
        <v>0</v>
      </c>
      <c r="AB32" s="300"/>
      <c r="AC32" s="295">
        <v>2635</v>
      </c>
      <c r="AD32" s="295">
        <v>42050</v>
      </c>
      <c r="AE32" s="295">
        <v>75295</v>
      </c>
      <c r="AF32" s="295">
        <v>87265</v>
      </c>
      <c r="AG32" s="295">
        <v>26215</v>
      </c>
      <c r="AH32" s="298">
        <v>233460</v>
      </c>
      <c r="AI32" s="299">
        <v>233460</v>
      </c>
      <c r="AJ32" s="294">
        <v>0</v>
      </c>
      <c r="AK32" s="295">
        <v>0</v>
      </c>
      <c r="AL32" s="296">
        <v>0</v>
      </c>
      <c r="AM32" s="300"/>
      <c r="AN32" s="295">
        <v>0</v>
      </c>
      <c r="AO32" s="295">
        <v>0</v>
      </c>
      <c r="AP32" s="295">
        <v>0</v>
      </c>
      <c r="AQ32" s="295">
        <v>0</v>
      </c>
      <c r="AR32" s="295">
        <v>0</v>
      </c>
      <c r="AS32" s="298">
        <v>0</v>
      </c>
      <c r="AT32" s="299">
        <v>0</v>
      </c>
      <c r="AU32" s="294">
        <v>0</v>
      </c>
      <c r="AV32" s="295">
        <v>0</v>
      </c>
      <c r="AW32" s="296">
        <v>0</v>
      </c>
      <c r="AX32" s="300"/>
      <c r="AY32" s="295">
        <v>0</v>
      </c>
      <c r="AZ32" s="295">
        <v>0</v>
      </c>
      <c r="BA32" s="295">
        <v>0</v>
      </c>
      <c r="BB32" s="295">
        <v>0</v>
      </c>
      <c r="BC32" s="295">
        <v>0</v>
      </c>
      <c r="BD32" s="298">
        <v>0</v>
      </c>
      <c r="BE32" s="299">
        <v>0</v>
      </c>
      <c r="BF32" s="294">
        <v>0</v>
      </c>
      <c r="BG32" s="295">
        <v>0</v>
      </c>
      <c r="BH32" s="296">
        <v>0</v>
      </c>
      <c r="BI32" s="300"/>
      <c r="BJ32" s="295">
        <v>0</v>
      </c>
      <c r="BK32" s="295">
        <v>0</v>
      </c>
      <c r="BL32" s="295">
        <v>43245</v>
      </c>
      <c r="BM32" s="295">
        <v>155465</v>
      </c>
      <c r="BN32" s="295">
        <v>24645</v>
      </c>
      <c r="BO32" s="298">
        <v>223355</v>
      </c>
      <c r="BP32" s="299">
        <v>223355</v>
      </c>
      <c r="BQ32" s="294">
        <v>0</v>
      </c>
      <c r="BR32" s="295">
        <v>0</v>
      </c>
      <c r="BS32" s="296">
        <v>0</v>
      </c>
      <c r="BT32" s="297">
        <v>0</v>
      </c>
      <c r="BU32" s="295">
        <v>685</v>
      </c>
      <c r="BV32" s="295">
        <v>10585</v>
      </c>
      <c r="BW32" s="295">
        <v>38082</v>
      </c>
      <c r="BX32" s="295">
        <v>4315</v>
      </c>
      <c r="BY32" s="295">
        <v>12580</v>
      </c>
      <c r="BZ32" s="298">
        <v>66247</v>
      </c>
      <c r="CA32" s="299">
        <v>66247</v>
      </c>
      <c r="CB32" s="294">
        <v>0</v>
      </c>
      <c r="CC32" s="295">
        <v>0</v>
      </c>
      <c r="CD32" s="296">
        <v>0</v>
      </c>
      <c r="CE32" s="297">
        <v>0</v>
      </c>
      <c r="CF32" s="295">
        <v>0</v>
      </c>
      <c r="CG32" s="295">
        <v>3190</v>
      </c>
      <c r="CH32" s="295">
        <v>0</v>
      </c>
      <c r="CI32" s="295">
        <v>0</v>
      </c>
      <c r="CJ32" s="295">
        <v>0</v>
      </c>
      <c r="CK32" s="298">
        <v>3190</v>
      </c>
      <c r="CL32" s="299">
        <v>3190</v>
      </c>
      <c r="CM32" s="294">
        <v>0</v>
      </c>
      <c r="CN32" s="295">
        <v>0</v>
      </c>
      <c r="CO32" s="296">
        <v>0</v>
      </c>
      <c r="CP32" s="297">
        <v>0</v>
      </c>
      <c r="CQ32" s="295">
        <v>0</v>
      </c>
      <c r="CR32" s="295">
        <v>0</v>
      </c>
      <c r="CS32" s="295">
        <v>0</v>
      </c>
      <c r="CT32" s="295">
        <v>0</v>
      </c>
      <c r="CU32" s="295">
        <v>0</v>
      </c>
      <c r="CV32" s="298">
        <v>0</v>
      </c>
      <c r="CW32" s="299">
        <v>0</v>
      </c>
      <c r="CX32" s="294">
        <v>0</v>
      </c>
      <c r="CY32" s="295">
        <v>0</v>
      </c>
      <c r="CZ32" s="296">
        <v>0</v>
      </c>
      <c r="DA32" s="300"/>
      <c r="DB32" s="295">
        <v>0</v>
      </c>
      <c r="DC32" s="295">
        <v>0</v>
      </c>
      <c r="DD32" s="295">
        <v>0</v>
      </c>
      <c r="DE32" s="295">
        <v>0</v>
      </c>
      <c r="DF32" s="295">
        <v>0</v>
      </c>
      <c r="DG32" s="298">
        <v>0</v>
      </c>
      <c r="DH32" s="299">
        <v>0</v>
      </c>
      <c r="DI32" s="294">
        <v>0</v>
      </c>
      <c r="DJ32" s="295">
        <v>0</v>
      </c>
      <c r="DK32" s="296">
        <v>0</v>
      </c>
      <c r="DL32" s="297">
        <v>0</v>
      </c>
      <c r="DM32" s="295">
        <v>4346</v>
      </c>
      <c r="DN32" s="295">
        <v>39492</v>
      </c>
      <c r="DO32" s="295">
        <v>253807</v>
      </c>
      <c r="DP32" s="295">
        <v>431250</v>
      </c>
      <c r="DQ32" s="295">
        <v>157696</v>
      </c>
      <c r="DR32" s="298">
        <v>886591</v>
      </c>
      <c r="DS32" s="301">
        <v>886591</v>
      </c>
      <c r="DT32" s="294">
        <v>0</v>
      </c>
      <c r="DU32" s="295">
        <v>0</v>
      </c>
      <c r="DV32" s="296">
        <v>0</v>
      </c>
      <c r="DW32" s="300"/>
      <c r="DX32" s="295">
        <v>0</v>
      </c>
      <c r="DY32" s="295">
        <v>26505</v>
      </c>
      <c r="DZ32" s="295">
        <v>79792</v>
      </c>
      <c r="EA32" s="295">
        <v>250263</v>
      </c>
      <c r="EB32" s="295">
        <v>114534</v>
      </c>
      <c r="EC32" s="298">
        <v>471094</v>
      </c>
      <c r="ED32" s="299">
        <v>471094</v>
      </c>
      <c r="EE32" s="294">
        <v>0</v>
      </c>
      <c r="EF32" s="295">
        <v>0</v>
      </c>
      <c r="EG32" s="296">
        <v>0</v>
      </c>
      <c r="EH32" s="300"/>
      <c r="EI32" s="295">
        <v>217</v>
      </c>
      <c r="EJ32" s="295">
        <v>532</v>
      </c>
      <c r="EK32" s="295">
        <v>10745</v>
      </c>
      <c r="EL32" s="295">
        <v>1085</v>
      </c>
      <c r="EM32" s="295">
        <v>7811</v>
      </c>
      <c r="EN32" s="298">
        <v>20390</v>
      </c>
      <c r="EO32" s="299">
        <v>20390</v>
      </c>
      <c r="EP32" s="294">
        <v>0</v>
      </c>
      <c r="EQ32" s="295">
        <v>0</v>
      </c>
      <c r="ER32" s="296">
        <v>0</v>
      </c>
      <c r="ES32" s="300"/>
      <c r="ET32" s="295">
        <v>0</v>
      </c>
      <c r="EU32" s="295">
        <v>0</v>
      </c>
      <c r="EV32" s="295">
        <v>0</v>
      </c>
      <c r="EW32" s="295">
        <v>0</v>
      </c>
      <c r="EX32" s="295">
        <v>0</v>
      </c>
      <c r="EY32" s="298">
        <v>0</v>
      </c>
      <c r="EZ32" s="299">
        <v>0</v>
      </c>
      <c r="FA32" s="294">
        <v>0</v>
      </c>
      <c r="FB32" s="295">
        <v>0</v>
      </c>
      <c r="FC32" s="296">
        <v>0</v>
      </c>
      <c r="FD32" s="300"/>
      <c r="FE32" s="295">
        <v>0</v>
      </c>
      <c r="FF32" s="295">
        <v>0</v>
      </c>
      <c r="FG32" s="295">
        <v>0</v>
      </c>
      <c r="FH32" s="295">
        <v>0</v>
      </c>
      <c r="FI32" s="295">
        <v>0</v>
      </c>
      <c r="FJ32" s="298">
        <v>0</v>
      </c>
      <c r="FK32" s="299">
        <v>0</v>
      </c>
      <c r="FL32" s="294">
        <v>0</v>
      </c>
      <c r="FM32" s="295">
        <v>0</v>
      </c>
      <c r="FN32" s="296">
        <v>0</v>
      </c>
      <c r="FO32" s="300"/>
      <c r="FP32" s="295">
        <v>0</v>
      </c>
      <c r="FQ32" s="295">
        <v>0</v>
      </c>
      <c r="FR32" s="295">
        <v>123070</v>
      </c>
      <c r="FS32" s="295">
        <v>172816</v>
      </c>
      <c r="FT32" s="295">
        <v>21576</v>
      </c>
      <c r="FU32" s="298">
        <v>317462</v>
      </c>
      <c r="FV32" s="299">
        <v>317462</v>
      </c>
      <c r="FW32" s="294">
        <v>0</v>
      </c>
      <c r="FX32" s="295">
        <v>0</v>
      </c>
      <c r="FY32" s="296">
        <v>0</v>
      </c>
      <c r="FZ32" s="297">
        <v>0</v>
      </c>
      <c r="GA32" s="295">
        <v>4129</v>
      </c>
      <c r="GB32" s="295">
        <v>11290</v>
      </c>
      <c r="GC32" s="295">
        <v>40200</v>
      </c>
      <c r="GD32" s="295">
        <v>7086</v>
      </c>
      <c r="GE32" s="295">
        <v>13775</v>
      </c>
      <c r="GF32" s="298">
        <v>76480</v>
      </c>
      <c r="GG32" s="299">
        <v>76480</v>
      </c>
      <c r="GH32" s="294">
        <v>0</v>
      </c>
      <c r="GI32" s="295">
        <v>0</v>
      </c>
      <c r="GJ32" s="296">
        <v>0</v>
      </c>
      <c r="GK32" s="297">
        <v>0</v>
      </c>
      <c r="GL32" s="295">
        <v>0</v>
      </c>
      <c r="GM32" s="295">
        <v>1165</v>
      </c>
      <c r="GN32" s="295">
        <v>0</v>
      </c>
      <c r="GO32" s="295">
        <v>0</v>
      </c>
      <c r="GP32" s="295">
        <v>0</v>
      </c>
      <c r="GQ32" s="298">
        <v>1165</v>
      </c>
      <c r="GR32" s="299">
        <v>1165</v>
      </c>
      <c r="GS32" s="294">
        <v>0</v>
      </c>
      <c r="GT32" s="295">
        <v>0</v>
      </c>
      <c r="GU32" s="296">
        <v>0</v>
      </c>
      <c r="GV32" s="297">
        <v>0</v>
      </c>
      <c r="GW32" s="295">
        <v>0</v>
      </c>
      <c r="GX32" s="295">
        <v>0</v>
      </c>
      <c r="GY32" s="295">
        <v>0</v>
      </c>
      <c r="GZ32" s="295">
        <v>0</v>
      </c>
      <c r="HA32" s="295">
        <v>0</v>
      </c>
      <c r="HB32" s="298">
        <v>0</v>
      </c>
      <c r="HC32" s="299">
        <v>0</v>
      </c>
      <c r="HD32" s="294">
        <v>0</v>
      </c>
      <c r="HE32" s="295">
        <v>0</v>
      </c>
      <c r="HF32" s="296">
        <v>0</v>
      </c>
      <c r="HG32" s="300"/>
      <c r="HH32" s="295">
        <v>0</v>
      </c>
      <c r="HI32" s="295">
        <v>0</v>
      </c>
      <c r="HJ32" s="295">
        <v>0</v>
      </c>
      <c r="HK32" s="295">
        <v>0</v>
      </c>
      <c r="HL32" s="295">
        <v>0</v>
      </c>
      <c r="HM32" s="298">
        <v>0</v>
      </c>
      <c r="HN32" s="299">
        <v>0</v>
      </c>
      <c r="HO32" s="294">
        <v>0</v>
      </c>
      <c r="HP32" s="295">
        <v>0</v>
      </c>
      <c r="HQ32" s="296">
        <v>0</v>
      </c>
      <c r="HR32" s="297">
        <v>0</v>
      </c>
      <c r="HS32" s="295">
        <v>7666</v>
      </c>
      <c r="HT32" s="295">
        <v>130812</v>
      </c>
      <c r="HU32" s="295">
        <v>512464</v>
      </c>
      <c r="HV32" s="295">
        <v>943500</v>
      </c>
      <c r="HW32" s="295">
        <v>331911</v>
      </c>
      <c r="HX32" s="298">
        <v>1926353</v>
      </c>
      <c r="HY32" s="299">
        <v>1926353</v>
      </c>
    </row>
    <row r="33" spans="2:233" ht="21" customHeight="1" x14ac:dyDescent="0.2">
      <c r="B33" s="292" t="s">
        <v>30</v>
      </c>
      <c r="C33" s="294">
        <v>0</v>
      </c>
      <c r="D33" s="295">
        <v>0</v>
      </c>
      <c r="E33" s="296">
        <v>0</v>
      </c>
      <c r="F33" s="297">
        <v>0</v>
      </c>
      <c r="G33" s="295">
        <v>62620</v>
      </c>
      <c r="H33" s="295">
        <v>29020</v>
      </c>
      <c r="I33" s="295">
        <v>306085</v>
      </c>
      <c r="J33" s="295">
        <v>221030</v>
      </c>
      <c r="K33" s="295">
        <v>214625</v>
      </c>
      <c r="L33" s="298">
        <v>833380</v>
      </c>
      <c r="M33" s="299">
        <v>833380</v>
      </c>
      <c r="N33" s="294">
        <v>0</v>
      </c>
      <c r="O33" s="295">
        <v>0</v>
      </c>
      <c r="P33" s="296">
        <v>0</v>
      </c>
      <c r="Q33" s="300"/>
      <c r="R33" s="295">
        <v>2635</v>
      </c>
      <c r="S33" s="295">
        <v>2635</v>
      </c>
      <c r="T33" s="295">
        <v>215565</v>
      </c>
      <c r="U33" s="295">
        <v>131130</v>
      </c>
      <c r="V33" s="295">
        <v>176650</v>
      </c>
      <c r="W33" s="298">
        <v>528615</v>
      </c>
      <c r="X33" s="299">
        <v>528615</v>
      </c>
      <c r="Y33" s="294">
        <v>0</v>
      </c>
      <c r="Z33" s="295">
        <v>0</v>
      </c>
      <c r="AA33" s="296">
        <v>0</v>
      </c>
      <c r="AB33" s="300"/>
      <c r="AC33" s="295">
        <v>59985</v>
      </c>
      <c r="AD33" s="295">
        <v>24645</v>
      </c>
      <c r="AE33" s="295">
        <v>45185</v>
      </c>
      <c r="AF33" s="295">
        <v>89900</v>
      </c>
      <c r="AG33" s="295">
        <v>5270</v>
      </c>
      <c r="AH33" s="298">
        <v>224985</v>
      </c>
      <c r="AI33" s="299">
        <v>224985</v>
      </c>
      <c r="AJ33" s="294">
        <v>0</v>
      </c>
      <c r="AK33" s="295">
        <v>0</v>
      </c>
      <c r="AL33" s="296">
        <v>0</v>
      </c>
      <c r="AM33" s="300"/>
      <c r="AN33" s="295">
        <v>0</v>
      </c>
      <c r="AO33" s="295">
        <v>0</v>
      </c>
      <c r="AP33" s="295">
        <v>0</v>
      </c>
      <c r="AQ33" s="295">
        <v>0</v>
      </c>
      <c r="AR33" s="295">
        <v>0</v>
      </c>
      <c r="AS33" s="298">
        <v>0</v>
      </c>
      <c r="AT33" s="299">
        <v>0</v>
      </c>
      <c r="AU33" s="294">
        <v>0</v>
      </c>
      <c r="AV33" s="295">
        <v>0</v>
      </c>
      <c r="AW33" s="296">
        <v>0</v>
      </c>
      <c r="AX33" s="300"/>
      <c r="AY33" s="295">
        <v>0</v>
      </c>
      <c r="AZ33" s="295">
        <v>0</v>
      </c>
      <c r="BA33" s="295">
        <v>35495</v>
      </c>
      <c r="BB33" s="295">
        <v>0</v>
      </c>
      <c r="BC33" s="295">
        <v>32705</v>
      </c>
      <c r="BD33" s="298">
        <v>68200</v>
      </c>
      <c r="BE33" s="299">
        <v>68200</v>
      </c>
      <c r="BF33" s="294">
        <v>0</v>
      </c>
      <c r="BG33" s="295">
        <v>0</v>
      </c>
      <c r="BH33" s="296">
        <v>0</v>
      </c>
      <c r="BI33" s="300"/>
      <c r="BJ33" s="295">
        <v>0</v>
      </c>
      <c r="BK33" s="295">
        <v>0</v>
      </c>
      <c r="BL33" s="295">
        <v>0</v>
      </c>
      <c r="BM33" s="295">
        <v>0</v>
      </c>
      <c r="BN33" s="295">
        <v>0</v>
      </c>
      <c r="BO33" s="298">
        <v>0</v>
      </c>
      <c r="BP33" s="299">
        <v>0</v>
      </c>
      <c r="BQ33" s="294">
        <v>0</v>
      </c>
      <c r="BR33" s="295">
        <v>0</v>
      </c>
      <c r="BS33" s="296">
        <v>0</v>
      </c>
      <c r="BT33" s="297">
        <v>0</v>
      </c>
      <c r="BU33" s="295">
        <v>0</v>
      </c>
      <c r="BV33" s="295">
        <v>1740</v>
      </c>
      <c r="BW33" s="295">
        <v>9840</v>
      </c>
      <c r="BX33" s="295">
        <v>0</v>
      </c>
      <c r="BY33" s="295">
        <v>0</v>
      </c>
      <c r="BZ33" s="298">
        <v>11580</v>
      </c>
      <c r="CA33" s="299">
        <v>11580</v>
      </c>
      <c r="CB33" s="294">
        <v>0</v>
      </c>
      <c r="CC33" s="295">
        <v>0</v>
      </c>
      <c r="CD33" s="296">
        <v>0</v>
      </c>
      <c r="CE33" s="297">
        <v>0</v>
      </c>
      <c r="CF33" s="295">
        <v>0</v>
      </c>
      <c r="CG33" s="295">
        <v>0</v>
      </c>
      <c r="CH33" s="295">
        <v>0</v>
      </c>
      <c r="CI33" s="295">
        <v>0</v>
      </c>
      <c r="CJ33" s="295">
        <v>0</v>
      </c>
      <c r="CK33" s="298">
        <v>0</v>
      </c>
      <c r="CL33" s="299">
        <v>0</v>
      </c>
      <c r="CM33" s="294">
        <v>0</v>
      </c>
      <c r="CN33" s="295">
        <v>0</v>
      </c>
      <c r="CO33" s="296">
        <v>0</v>
      </c>
      <c r="CP33" s="297">
        <v>0</v>
      </c>
      <c r="CQ33" s="295">
        <v>0</v>
      </c>
      <c r="CR33" s="295">
        <v>0</v>
      </c>
      <c r="CS33" s="295">
        <v>0</v>
      </c>
      <c r="CT33" s="295">
        <v>0</v>
      </c>
      <c r="CU33" s="295">
        <v>0</v>
      </c>
      <c r="CV33" s="298">
        <v>0</v>
      </c>
      <c r="CW33" s="299">
        <v>0</v>
      </c>
      <c r="CX33" s="294">
        <v>0</v>
      </c>
      <c r="CY33" s="295">
        <v>0</v>
      </c>
      <c r="CZ33" s="296">
        <v>0</v>
      </c>
      <c r="DA33" s="300"/>
      <c r="DB33" s="295">
        <v>0</v>
      </c>
      <c r="DC33" s="295">
        <v>0</v>
      </c>
      <c r="DD33" s="295">
        <v>0</v>
      </c>
      <c r="DE33" s="295">
        <v>0</v>
      </c>
      <c r="DF33" s="295">
        <v>0</v>
      </c>
      <c r="DG33" s="298">
        <v>0</v>
      </c>
      <c r="DH33" s="299">
        <v>0</v>
      </c>
      <c r="DI33" s="294">
        <v>0</v>
      </c>
      <c r="DJ33" s="295">
        <v>0</v>
      </c>
      <c r="DK33" s="296">
        <v>0</v>
      </c>
      <c r="DL33" s="297">
        <v>0</v>
      </c>
      <c r="DM33" s="295">
        <v>57660</v>
      </c>
      <c r="DN33" s="295">
        <v>24729</v>
      </c>
      <c r="DO33" s="295">
        <v>363141</v>
      </c>
      <c r="DP33" s="295">
        <v>209839</v>
      </c>
      <c r="DQ33" s="295">
        <v>188286</v>
      </c>
      <c r="DR33" s="298">
        <v>843655</v>
      </c>
      <c r="DS33" s="301">
        <v>843655</v>
      </c>
      <c r="DT33" s="294">
        <v>0</v>
      </c>
      <c r="DU33" s="295">
        <v>0</v>
      </c>
      <c r="DV33" s="296">
        <v>0</v>
      </c>
      <c r="DW33" s="300"/>
      <c r="DX33" s="295">
        <v>21576</v>
      </c>
      <c r="DY33" s="295">
        <v>15035</v>
      </c>
      <c r="DZ33" s="295">
        <v>302088</v>
      </c>
      <c r="EA33" s="295">
        <v>198524</v>
      </c>
      <c r="EB33" s="295">
        <v>165873</v>
      </c>
      <c r="EC33" s="298">
        <v>703096</v>
      </c>
      <c r="ED33" s="299">
        <v>703096</v>
      </c>
      <c r="EE33" s="294">
        <v>0</v>
      </c>
      <c r="EF33" s="295">
        <v>0</v>
      </c>
      <c r="EG33" s="296">
        <v>0</v>
      </c>
      <c r="EH33" s="300"/>
      <c r="EI33" s="295">
        <v>36084</v>
      </c>
      <c r="EJ33" s="295">
        <v>217</v>
      </c>
      <c r="EK33" s="295">
        <v>43857</v>
      </c>
      <c r="EL33" s="295">
        <v>11315</v>
      </c>
      <c r="EM33" s="295">
        <v>22196</v>
      </c>
      <c r="EN33" s="298">
        <v>113669</v>
      </c>
      <c r="EO33" s="299">
        <v>113669</v>
      </c>
      <c r="EP33" s="294">
        <v>0</v>
      </c>
      <c r="EQ33" s="295">
        <v>0</v>
      </c>
      <c r="ER33" s="296">
        <v>0</v>
      </c>
      <c r="ES33" s="300"/>
      <c r="ET33" s="295">
        <v>0</v>
      </c>
      <c r="EU33" s="295">
        <v>0</v>
      </c>
      <c r="EV33" s="295">
        <v>0</v>
      </c>
      <c r="EW33" s="295">
        <v>0</v>
      </c>
      <c r="EX33" s="295">
        <v>0</v>
      </c>
      <c r="EY33" s="298">
        <v>0</v>
      </c>
      <c r="EZ33" s="299">
        <v>0</v>
      </c>
      <c r="FA33" s="294">
        <v>0</v>
      </c>
      <c r="FB33" s="295">
        <v>0</v>
      </c>
      <c r="FC33" s="296">
        <v>0</v>
      </c>
      <c r="FD33" s="300"/>
      <c r="FE33" s="295">
        <v>0</v>
      </c>
      <c r="FF33" s="295">
        <v>0</v>
      </c>
      <c r="FG33" s="295">
        <v>11687</v>
      </c>
      <c r="FH33" s="295">
        <v>0</v>
      </c>
      <c r="FI33" s="295">
        <v>217</v>
      </c>
      <c r="FJ33" s="298">
        <v>11904</v>
      </c>
      <c r="FK33" s="299">
        <v>11904</v>
      </c>
      <c r="FL33" s="294">
        <v>0</v>
      </c>
      <c r="FM33" s="295">
        <v>0</v>
      </c>
      <c r="FN33" s="296">
        <v>0</v>
      </c>
      <c r="FO33" s="300"/>
      <c r="FP33" s="295">
        <v>0</v>
      </c>
      <c r="FQ33" s="295">
        <v>0</v>
      </c>
      <c r="FR33" s="295">
        <v>0</v>
      </c>
      <c r="FS33" s="295">
        <v>0</v>
      </c>
      <c r="FT33" s="295">
        <v>0</v>
      </c>
      <c r="FU33" s="298">
        <v>0</v>
      </c>
      <c r="FV33" s="299">
        <v>0</v>
      </c>
      <c r="FW33" s="294">
        <v>0</v>
      </c>
      <c r="FX33" s="295">
        <v>0</v>
      </c>
      <c r="FY33" s="296">
        <v>0</v>
      </c>
      <c r="FZ33" s="297">
        <v>0</v>
      </c>
      <c r="GA33" s="295">
        <v>0</v>
      </c>
      <c r="GB33" s="295">
        <v>9477</v>
      </c>
      <c r="GC33" s="295">
        <v>5509</v>
      </c>
      <c r="GD33" s="295">
        <v>0</v>
      </c>
      <c r="GE33" s="295">
        <v>0</v>
      </c>
      <c r="GF33" s="298">
        <v>14986</v>
      </c>
      <c r="GG33" s="299">
        <v>14986</v>
      </c>
      <c r="GH33" s="294">
        <v>0</v>
      </c>
      <c r="GI33" s="295">
        <v>0</v>
      </c>
      <c r="GJ33" s="296">
        <v>0</v>
      </c>
      <c r="GK33" s="297">
        <v>0</v>
      </c>
      <c r="GL33" s="295">
        <v>0</v>
      </c>
      <c r="GM33" s="295">
        <v>0</v>
      </c>
      <c r="GN33" s="295">
        <v>0</v>
      </c>
      <c r="GO33" s="295">
        <v>0</v>
      </c>
      <c r="GP33" s="295">
        <v>0</v>
      </c>
      <c r="GQ33" s="298">
        <v>0</v>
      </c>
      <c r="GR33" s="299">
        <v>0</v>
      </c>
      <c r="GS33" s="294">
        <v>0</v>
      </c>
      <c r="GT33" s="295">
        <v>0</v>
      </c>
      <c r="GU33" s="296">
        <v>0</v>
      </c>
      <c r="GV33" s="297">
        <v>0</v>
      </c>
      <c r="GW33" s="295">
        <v>0</v>
      </c>
      <c r="GX33" s="295">
        <v>0</v>
      </c>
      <c r="GY33" s="295">
        <v>0</v>
      </c>
      <c r="GZ33" s="295">
        <v>0</v>
      </c>
      <c r="HA33" s="295">
        <v>0</v>
      </c>
      <c r="HB33" s="298">
        <v>0</v>
      </c>
      <c r="HC33" s="299">
        <v>0</v>
      </c>
      <c r="HD33" s="294">
        <v>0</v>
      </c>
      <c r="HE33" s="295">
        <v>0</v>
      </c>
      <c r="HF33" s="296">
        <v>0</v>
      </c>
      <c r="HG33" s="300"/>
      <c r="HH33" s="295">
        <v>0</v>
      </c>
      <c r="HI33" s="295">
        <v>0</v>
      </c>
      <c r="HJ33" s="295">
        <v>0</v>
      </c>
      <c r="HK33" s="295">
        <v>0</v>
      </c>
      <c r="HL33" s="295">
        <v>0</v>
      </c>
      <c r="HM33" s="298">
        <v>0</v>
      </c>
      <c r="HN33" s="299">
        <v>0</v>
      </c>
      <c r="HO33" s="294">
        <v>0</v>
      </c>
      <c r="HP33" s="295">
        <v>0</v>
      </c>
      <c r="HQ33" s="296">
        <v>0</v>
      </c>
      <c r="HR33" s="297">
        <v>0</v>
      </c>
      <c r="HS33" s="295">
        <v>120280</v>
      </c>
      <c r="HT33" s="295">
        <v>53749</v>
      </c>
      <c r="HU33" s="295">
        <v>669226</v>
      </c>
      <c r="HV33" s="295">
        <v>430869</v>
      </c>
      <c r="HW33" s="295">
        <v>402911</v>
      </c>
      <c r="HX33" s="298">
        <v>1677035</v>
      </c>
      <c r="HY33" s="299">
        <v>1677035</v>
      </c>
    </row>
    <row r="34" spans="2:233" ht="21" customHeight="1" x14ac:dyDescent="0.2">
      <c r="B34" s="292" t="s">
        <v>31</v>
      </c>
      <c r="C34" s="294">
        <v>0</v>
      </c>
      <c r="D34" s="295">
        <v>0</v>
      </c>
      <c r="E34" s="296">
        <v>0</v>
      </c>
      <c r="F34" s="297">
        <v>0</v>
      </c>
      <c r="G34" s="295">
        <v>3045</v>
      </c>
      <c r="H34" s="295">
        <v>104355</v>
      </c>
      <c r="I34" s="295">
        <v>240635</v>
      </c>
      <c r="J34" s="295">
        <v>195400</v>
      </c>
      <c r="K34" s="295">
        <v>114835</v>
      </c>
      <c r="L34" s="298">
        <v>658270</v>
      </c>
      <c r="M34" s="299">
        <v>658270</v>
      </c>
      <c r="N34" s="294">
        <v>0</v>
      </c>
      <c r="O34" s="295">
        <v>0</v>
      </c>
      <c r="P34" s="296">
        <v>0</v>
      </c>
      <c r="Q34" s="300"/>
      <c r="R34" s="295">
        <v>0</v>
      </c>
      <c r="S34" s="295">
        <v>62625</v>
      </c>
      <c r="T34" s="295">
        <v>220565</v>
      </c>
      <c r="U34" s="295">
        <v>126745</v>
      </c>
      <c r="V34" s="295">
        <v>114835</v>
      </c>
      <c r="W34" s="298">
        <v>524770</v>
      </c>
      <c r="X34" s="299">
        <v>524770</v>
      </c>
      <c r="Y34" s="294">
        <v>0</v>
      </c>
      <c r="Z34" s="295">
        <v>0</v>
      </c>
      <c r="AA34" s="296">
        <v>0</v>
      </c>
      <c r="AB34" s="300"/>
      <c r="AC34" s="295">
        <v>0</v>
      </c>
      <c r="AD34" s="295">
        <v>39410</v>
      </c>
      <c r="AE34" s="295">
        <v>5270</v>
      </c>
      <c r="AF34" s="295">
        <v>65060</v>
      </c>
      <c r="AG34" s="295">
        <v>0</v>
      </c>
      <c r="AH34" s="298">
        <v>109740</v>
      </c>
      <c r="AI34" s="299">
        <v>109740</v>
      </c>
      <c r="AJ34" s="294">
        <v>0</v>
      </c>
      <c r="AK34" s="295">
        <v>0</v>
      </c>
      <c r="AL34" s="296">
        <v>0</v>
      </c>
      <c r="AM34" s="300"/>
      <c r="AN34" s="295">
        <v>0</v>
      </c>
      <c r="AO34" s="295">
        <v>0</v>
      </c>
      <c r="AP34" s="295">
        <v>0</v>
      </c>
      <c r="AQ34" s="295">
        <v>0</v>
      </c>
      <c r="AR34" s="295">
        <v>0</v>
      </c>
      <c r="AS34" s="298">
        <v>0</v>
      </c>
      <c r="AT34" s="299">
        <v>0</v>
      </c>
      <c r="AU34" s="294">
        <v>0</v>
      </c>
      <c r="AV34" s="295">
        <v>0</v>
      </c>
      <c r="AW34" s="296">
        <v>0</v>
      </c>
      <c r="AX34" s="300"/>
      <c r="AY34" s="295">
        <v>0</v>
      </c>
      <c r="AZ34" s="295">
        <v>0</v>
      </c>
      <c r="BA34" s="295">
        <v>0</v>
      </c>
      <c r="BB34" s="295">
        <v>0</v>
      </c>
      <c r="BC34" s="295">
        <v>0</v>
      </c>
      <c r="BD34" s="298">
        <v>0</v>
      </c>
      <c r="BE34" s="299">
        <v>0</v>
      </c>
      <c r="BF34" s="294">
        <v>0</v>
      </c>
      <c r="BG34" s="295">
        <v>0</v>
      </c>
      <c r="BH34" s="296">
        <v>0</v>
      </c>
      <c r="BI34" s="300"/>
      <c r="BJ34" s="295">
        <v>0</v>
      </c>
      <c r="BK34" s="295">
        <v>0</v>
      </c>
      <c r="BL34" s="295">
        <v>0</v>
      </c>
      <c r="BM34" s="295">
        <v>0</v>
      </c>
      <c r="BN34" s="295">
        <v>0</v>
      </c>
      <c r="BO34" s="298">
        <v>0</v>
      </c>
      <c r="BP34" s="299">
        <v>0</v>
      </c>
      <c r="BQ34" s="294">
        <v>0</v>
      </c>
      <c r="BR34" s="295">
        <v>0</v>
      </c>
      <c r="BS34" s="296">
        <v>0</v>
      </c>
      <c r="BT34" s="297">
        <v>0</v>
      </c>
      <c r="BU34" s="295">
        <v>3045</v>
      </c>
      <c r="BV34" s="295">
        <v>1885</v>
      </c>
      <c r="BW34" s="295">
        <v>14800</v>
      </c>
      <c r="BX34" s="295">
        <v>3595</v>
      </c>
      <c r="BY34" s="295">
        <v>0</v>
      </c>
      <c r="BZ34" s="298">
        <v>23325</v>
      </c>
      <c r="CA34" s="299">
        <v>23325</v>
      </c>
      <c r="CB34" s="294">
        <v>0</v>
      </c>
      <c r="CC34" s="295">
        <v>0</v>
      </c>
      <c r="CD34" s="296">
        <v>0</v>
      </c>
      <c r="CE34" s="297">
        <v>0</v>
      </c>
      <c r="CF34" s="295">
        <v>0</v>
      </c>
      <c r="CG34" s="295">
        <v>435</v>
      </c>
      <c r="CH34" s="295">
        <v>0</v>
      </c>
      <c r="CI34" s="295">
        <v>0</v>
      </c>
      <c r="CJ34" s="295">
        <v>0</v>
      </c>
      <c r="CK34" s="298">
        <v>435</v>
      </c>
      <c r="CL34" s="299">
        <v>435</v>
      </c>
      <c r="CM34" s="294">
        <v>0</v>
      </c>
      <c r="CN34" s="295">
        <v>0</v>
      </c>
      <c r="CO34" s="296">
        <v>0</v>
      </c>
      <c r="CP34" s="297">
        <v>0</v>
      </c>
      <c r="CQ34" s="295">
        <v>0</v>
      </c>
      <c r="CR34" s="295">
        <v>0</v>
      </c>
      <c r="CS34" s="295">
        <v>0</v>
      </c>
      <c r="CT34" s="295">
        <v>0</v>
      </c>
      <c r="CU34" s="295">
        <v>0</v>
      </c>
      <c r="CV34" s="298">
        <v>0</v>
      </c>
      <c r="CW34" s="299">
        <v>0</v>
      </c>
      <c r="CX34" s="294">
        <v>0</v>
      </c>
      <c r="CY34" s="295">
        <v>0</v>
      </c>
      <c r="CZ34" s="296">
        <v>0</v>
      </c>
      <c r="DA34" s="300"/>
      <c r="DB34" s="295">
        <v>0</v>
      </c>
      <c r="DC34" s="295">
        <v>0</v>
      </c>
      <c r="DD34" s="295">
        <v>0</v>
      </c>
      <c r="DE34" s="295">
        <v>0</v>
      </c>
      <c r="DF34" s="295">
        <v>0</v>
      </c>
      <c r="DG34" s="298">
        <v>0</v>
      </c>
      <c r="DH34" s="299">
        <v>0</v>
      </c>
      <c r="DI34" s="294">
        <v>0</v>
      </c>
      <c r="DJ34" s="295">
        <v>0</v>
      </c>
      <c r="DK34" s="296">
        <v>0</v>
      </c>
      <c r="DL34" s="297">
        <v>0</v>
      </c>
      <c r="DM34" s="295">
        <v>8775</v>
      </c>
      <c r="DN34" s="295">
        <v>61957</v>
      </c>
      <c r="DO34" s="295">
        <v>346371</v>
      </c>
      <c r="DP34" s="295">
        <v>249332</v>
      </c>
      <c r="DQ34" s="295">
        <v>151595</v>
      </c>
      <c r="DR34" s="298">
        <v>818030</v>
      </c>
      <c r="DS34" s="301">
        <v>818030</v>
      </c>
      <c r="DT34" s="294">
        <v>0</v>
      </c>
      <c r="DU34" s="295">
        <v>0</v>
      </c>
      <c r="DV34" s="296">
        <v>0</v>
      </c>
      <c r="DW34" s="300"/>
      <c r="DX34" s="295">
        <v>0</v>
      </c>
      <c r="DY34" s="295">
        <v>54226</v>
      </c>
      <c r="DZ34" s="295">
        <v>326058</v>
      </c>
      <c r="EA34" s="295">
        <v>241029</v>
      </c>
      <c r="EB34" s="295">
        <v>151595</v>
      </c>
      <c r="EC34" s="298">
        <v>772908</v>
      </c>
      <c r="ED34" s="299">
        <v>772908</v>
      </c>
      <c r="EE34" s="294">
        <v>0</v>
      </c>
      <c r="EF34" s="295">
        <v>0</v>
      </c>
      <c r="EG34" s="296">
        <v>0</v>
      </c>
      <c r="EH34" s="300"/>
      <c r="EI34" s="295">
        <v>0</v>
      </c>
      <c r="EJ34" s="295">
        <v>683</v>
      </c>
      <c r="EK34" s="295">
        <v>434</v>
      </c>
      <c r="EL34" s="295">
        <v>1085</v>
      </c>
      <c r="EM34" s="295">
        <v>0</v>
      </c>
      <c r="EN34" s="298">
        <v>2202</v>
      </c>
      <c r="EO34" s="299">
        <v>2202</v>
      </c>
      <c r="EP34" s="294">
        <v>0</v>
      </c>
      <c r="EQ34" s="295">
        <v>0</v>
      </c>
      <c r="ER34" s="296">
        <v>0</v>
      </c>
      <c r="ES34" s="300"/>
      <c r="ET34" s="295">
        <v>0</v>
      </c>
      <c r="EU34" s="295">
        <v>0</v>
      </c>
      <c r="EV34" s="295">
        <v>0</v>
      </c>
      <c r="EW34" s="295">
        <v>0</v>
      </c>
      <c r="EX34" s="295">
        <v>0</v>
      </c>
      <c r="EY34" s="298">
        <v>0</v>
      </c>
      <c r="EZ34" s="299">
        <v>0</v>
      </c>
      <c r="FA34" s="294">
        <v>0</v>
      </c>
      <c r="FB34" s="295">
        <v>0</v>
      </c>
      <c r="FC34" s="296">
        <v>0</v>
      </c>
      <c r="FD34" s="300"/>
      <c r="FE34" s="295">
        <v>0</v>
      </c>
      <c r="FF34" s="295">
        <v>0</v>
      </c>
      <c r="FG34" s="295">
        <v>0</v>
      </c>
      <c r="FH34" s="295">
        <v>0</v>
      </c>
      <c r="FI34" s="295">
        <v>0</v>
      </c>
      <c r="FJ34" s="298">
        <v>0</v>
      </c>
      <c r="FK34" s="299">
        <v>0</v>
      </c>
      <c r="FL34" s="294">
        <v>0</v>
      </c>
      <c r="FM34" s="295">
        <v>0</v>
      </c>
      <c r="FN34" s="296">
        <v>0</v>
      </c>
      <c r="FO34" s="300"/>
      <c r="FP34" s="295">
        <v>0</v>
      </c>
      <c r="FQ34" s="295">
        <v>0</v>
      </c>
      <c r="FR34" s="295">
        <v>0</v>
      </c>
      <c r="FS34" s="295">
        <v>0</v>
      </c>
      <c r="FT34" s="295">
        <v>0</v>
      </c>
      <c r="FU34" s="298">
        <v>0</v>
      </c>
      <c r="FV34" s="299">
        <v>0</v>
      </c>
      <c r="FW34" s="294">
        <v>0</v>
      </c>
      <c r="FX34" s="295">
        <v>0</v>
      </c>
      <c r="FY34" s="296">
        <v>0</v>
      </c>
      <c r="FZ34" s="297">
        <v>0</v>
      </c>
      <c r="GA34" s="295">
        <v>8775</v>
      </c>
      <c r="GB34" s="295">
        <v>5616</v>
      </c>
      <c r="GC34" s="295">
        <v>19879</v>
      </c>
      <c r="GD34" s="295">
        <v>7218</v>
      </c>
      <c r="GE34" s="295">
        <v>0</v>
      </c>
      <c r="GF34" s="298">
        <v>41488</v>
      </c>
      <c r="GG34" s="299">
        <v>41488</v>
      </c>
      <c r="GH34" s="294">
        <v>0</v>
      </c>
      <c r="GI34" s="295">
        <v>0</v>
      </c>
      <c r="GJ34" s="296">
        <v>0</v>
      </c>
      <c r="GK34" s="297">
        <v>0</v>
      </c>
      <c r="GL34" s="295">
        <v>0</v>
      </c>
      <c r="GM34" s="295">
        <v>1432</v>
      </c>
      <c r="GN34" s="295">
        <v>0</v>
      </c>
      <c r="GO34" s="295">
        <v>0</v>
      </c>
      <c r="GP34" s="295">
        <v>0</v>
      </c>
      <c r="GQ34" s="298">
        <v>1432</v>
      </c>
      <c r="GR34" s="299">
        <v>1432</v>
      </c>
      <c r="GS34" s="294">
        <v>0</v>
      </c>
      <c r="GT34" s="295">
        <v>0</v>
      </c>
      <c r="GU34" s="296">
        <v>0</v>
      </c>
      <c r="GV34" s="297">
        <v>0</v>
      </c>
      <c r="GW34" s="295">
        <v>0</v>
      </c>
      <c r="GX34" s="295">
        <v>0</v>
      </c>
      <c r="GY34" s="295">
        <v>0</v>
      </c>
      <c r="GZ34" s="295">
        <v>0</v>
      </c>
      <c r="HA34" s="295">
        <v>0</v>
      </c>
      <c r="HB34" s="298">
        <v>0</v>
      </c>
      <c r="HC34" s="299">
        <v>0</v>
      </c>
      <c r="HD34" s="294">
        <v>0</v>
      </c>
      <c r="HE34" s="295">
        <v>0</v>
      </c>
      <c r="HF34" s="296">
        <v>0</v>
      </c>
      <c r="HG34" s="300"/>
      <c r="HH34" s="295">
        <v>0</v>
      </c>
      <c r="HI34" s="295">
        <v>0</v>
      </c>
      <c r="HJ34" s="295">
        <v>0</v>
      </c>
      <c r="HK34" s="295">
        <v>0</v>
      </c>
      <c r="HL34" s="295">
        <v>0</v>
      </c>
      <c r="HM34" s="298">
        <v>0</v>
      </c>
      <c r="HN34" s="299">
        <v>0</v>
      </c>
      <c r="HO34" s="294">
        <v>0</v>
      </c>
      <c r="HP34" s="295">
        <v>0</v>
      </c>
      <c r="HQ34" s="296">
        <v>0</v>
      </c>
      <c r="HR34" s="297">
        <v>0</v>
      </c>
      <c r="HS34" s="295">
        <v>11820</v>
      </c>
      <c r="HT34" s="295">
        <v>166312</v>
      </c>
      <c r="HU34" s="295">
        <v>587006</v>
      </c>
      <c r="HV34" s="295">
        <v>444732</v>
      </c>
      <c r="HW34" s="295">
        <v>266430</v>
      </c>
      <c r="HX34" s="298">
        <v>1476300</v>
      </c>
      <c r="HY34" s="299">
        <v>1476300</v>
      </c>
    </row>
    <row r="35" spans="2:233" ht="21" customHeight="1" x14ac:dyDescent="0.2">
      <c r="B35" s="292" t="s">
        <v>32</v>
      </c>
      <c r="C35" s="294">
        <v>0</v>
      </c>
      <c r="D35" s="295">
        <v>0</v>
      </c>
      <c r="E35" s="296">
        <v>0</v>
      </c>
      <c r="F35" s="297">
        <v>0</v>
      </c>
      <c r="G35" s="295">
        <v>35495</v>
      </c>
      <c r="H35" s="295">
        <v>45418</v>
      </c>
      <c r="I35" s="295">
        <v>418169</v>
      </c>
      <c r="J35" s="295">
        <v>370730</v>
      </c>
      <c r="K35" s="295">
        <v>108435</v>
      </c>
      <c r="L35" s="298">
        <v>978247</v>
      </c>
      <c r="M35" s="299">
        <v>978247</v>
      </c>
      <c r="N35" s="294">
        <v>0</v>
      </c>
      <c r="O35" s="295">
        <v>0</v>
      </c>
      <c r="P35" s="296">
        <v>0</v>
      </c>
      <c r="Q35" s="300"/>
      <c r="R35" s="295">
        <v>35495</v>
      </c>
      <c r="S35" s="295">
        <v>0</v>
      </c>
      <c r="T35" s="295">
        <v>103895</v>
      </c>
      <c r="U35" s="295">
        <v>229010</v>
      </c>
      <c r="V35" s="295">
        <v>7905</v>
      </c>
      <c r="W35" s="298">
        <v>376305</v>
      </c>
      <c r="X35" s="299">
        <v>376305</v>
      </c>
      <c r="Y35" s="294">
        <v>0</v>
      </c>
      <c r="Z35" s="295">
        <v>0</v>
      </c>
      <c r="AA35" s="296">
        <v>0</v>
      </c>
      <c r="AB35" s="300"/>
      <c r="AC35" s="295">
        <v>0</v>
      </c>
      <c r="AD35" s="295">
        <v>32705</v>
      </c>
      <c r="AE35" s="295">
        <v>65255</v>
      </c>
      <c r="AF35" s="295">
        <v>129235</v>
      </c>
      <c r="AG35" s="295">
        <v>35495</v>
      </c>
      <c r="AH35" s="298">
        <v>262690</v>
      </c>
      <c r="AI35" s="299">
        <v>262690</v>
      </c>
      <c r="AJ35" s="294">
        <v>0</v>
      </c>
      <c r="AK35" s="295">
        <v>0</v>
      </c>
      <c r="AL35" s="296">
        <v>0</v>
      </c>
      <c r="AM35" s="300"/>
      <c r="AN35" s="295">
        <v>0</v>
      </c>
      <c r="AO35" s="295">
        <v>0</v>
      </c>
      <c r="AP35" s="295">
        <v>0</v>
      </c>
      <c r="AQ35" s="295">
        <v>0</v>
      </c>
      <c r="AR35" s="295">
        <v>0</v>
      </c>
      <c r="AS35" s="298">
        <v>0</v>
      </c>
      <c r="AT35" s="299">
        <v>0</v>
      </c>
      <c r="AU35" s="294">
        <v>0</v>
      </c>
      <c r="AV35" s="295">
        <v>0</v>
      </c>
      <c r="AW35" s="296">
        <v>0</v>
      </c>
      <c r="AX35" s="300"/>
      <c r="AY35" s="295">
        <v>0</v>
      </c>
      <c r="AZ35" s="295">
        <v>0</v>
      </c>
      <c r="BA35" s="295">
        <v>0</v>
      </c>
      <c r="BB35" s="295">
        <v>0</v>
      </c>
      <c r="BC35" s="295">
        <v>32705</v>
      </c>
      <c r="BD35" s="298">
        <v>32705</v>
      </c>
      <c r="BE35" s="299">
        <v>32705</v>
      </c>
      <c r="BF35" s="294">
        <v>0</v>
      </c>
      <c r="BG35" s="295">
        <v>0</v>
      </c>
      <c r="BH35" s="296">
        <v>0</v>
      </c>
      <c r="BI35" s="300"/>
      <c r="BJ35" s="295">
        <v>0</v>
      </c>
      <c r="BK35" s="295">
        <v>0</v>
      </c>
      <c r="BL35" s="295">
        <v>239335</v>
      </c>
      <c r="BM35" s="295">
        <v>8160</v>
      </c>
      <c r="BN35" s="295">
        <v>24645</v>
      </c>
      <c r="BO35" s="298">
        <v>272140</v>
      </c>
      <c r="BP35" s="299">
        <v>272140</v>
      </c>
      <c r="BQ35" s="294">
        <v>0</v>
      </c>
      <c r="BR35" s="295">
        <v>0</v>
      </c>
      <c r="BS35" s="296">
        <v>0</v>
      </c>
      <c r="BT35" s="297">
        <v>0</v>
      </c>
      <c r="BU35" s="295">
        <v>0</v>
      </c>
      <c r="BV35" s="295">
        <v>12713</v>
      </c>
      <c r="BW35" s="295">
        <v>9394</v>
      </c>
      <c r="BX35" s="295">
        <v>4060</v>
      </c>
      <c r="BY35" s="295">
        <v>7685</v>
      </c>
      <c r="BZ35" s="298">
        <v>33852</v>
      </c>
      <c r="CA35" s="299">
        <v>33852</v>
      </c>
      <c r="CB35" s="294">
        <v>0</v>
      </c>
      <c r="CC35" s="295">
        <v>0</v>
      </c>
      <c r="CD35" s="296">
        <v>0</v>
      </c>
      <c r="CE35" s="297">
        <v>0</v>
      </c>
      <c r="CF35" s="295">
        <v>0</v>
      </c>
      <c r="CG35" s="295">
        <v>0</v>
      </c>
      <c r="CH35" s="295">
        <v>290</v>
      </c>
      <c r="CI35" s="295">
        <v>265</v>
      </c>
      <c r="CJ35" s="295">
        <v>0</v>
      </c>
      <c r="CK35" s="298">
        <v>555</v>
      </c>
      <c r="CL35" s="299">
        <v>555</v>
      </c>
      <c r="CM35" s="294">
        <v>0</v>
      </c>
      <c r="CN35" s="295">
        <v>0</v>
      </c>
      <c r="CO35" s="296">
        <v>0</v>
      </c>
      <c r="CP35" s="297">
        <v>0</v>
      </c>
      <c r="CQ35" s="295">
        <v>0</v>
      </c>
      <c r="CR35" s="295">
        <v>0</v>
      </c>
      <c r="CS35" s="295">
        <v>0</v>
      </c>
      <c r="CT35" s="295">
        <v>0</v>
      </c>
      <c r="CU35" s="295">
        <v>0</v>
      </c>
      <c r="CV35" s="298">
        <v>0</v>
      </c>
      <c r="CW35" s="299">
        <v>0</v>
      </c>
      <c r="CX35" s="294">
        <v>0</v>
      </c>
      <c r="CY35" s="295">
        <v>0</v>
      </c>
      <c r="CZ35" s="296">
        <v>0</v>
      </c>
      <c r="DA35" s="300"/>
      <c r="DB35" s="295">
        <v>0</v>
      </c>
      <c r="DC35" s="295">
        <v>0</v>
      </c>
      <c r="DD35" s="295">
        <v>0</v>
      </c>
      <c r="DE35" s="295">
        <v>0</v>
      </c>
      <c r="DF35" s="295">
        <v>0</v>
      </c>
      <c r="DG35" s="298">
        <v>0</v>
      </c>
      <c r="DH35" s="299">
        <v>0</v>
      </c>
      <c r="DI35" s="294">
        <v>0</v>
      </c>
      <c r="DJ35" s="295">
        <v>0</v>
      </c>
      <c r="DK35" s="296">
        <v>0</v>
      </c>
      <c r="DL35" s="297">
        <v>0</v>
      </c>
      <c r="DM35" s="295">
        <v>26505</v>
      </c>
      <c r="DN35" s="295">
        <v>24136</v>
      </c>
      <c r="DO35" s="295">
        <v>344711</v>
      </c>
      <c r="DP35" s="295">
        <v>337567</v>
      </c>
      <c r="DQ35" s="295">
        <v>109348</v>
      </c>
      <c r="DR35" s="298">
        <v>842267</v>
      </c>
      <c r="DS35" s="301">
        <v>842267</v>
      </c>
      <c r="DT35" s="294">
        <v>0</v>
      </c>
      <c r="DU35" s="295">
        <v>0</v>
      </c>
      <c r="DV35" s="296">
        <v>0</v>
      </c>
      <c r="DW35" s="300"/>
      <c r="DX35" s="295">
        <v>26505</v>
      </c>
      <c r="DY35" s="295">
        <v>0</v>
      </c>
      <c r="DZ35" s="295">
        <v>137158</v>
      </c>
      <c r="EA35" s="295">
        <v>274114</v>
      </c>
      <c r="EB35" s="295">
        <v>64728</v>
      </c>
      <c r="EC35" s="298">
        <v>502505</v>
      </c>
      <c r="ED35" s="299">
        <v>502505</v>
      </c>
      <c r="EE35" s="294">
        <v>0</v>
      </c>
      <c r="EF35" s="295">
        <v>0</v>
      </c>
      <c r="EG35" s="296">
        <v>0</v>
      </c>
      <c r="EH35" s="300"/>
      <c r="EI35" s="295">
        <v>0</v>
      </c>
      <c r="EJ35" s="295">
        <v>186</v>
      </c>
      <c r="EK35" s="295">
        <v>22816</v>
      </c>
      <c r="EL35" s="295">
        <v>12946</v>
      </c>
      <c r="EM35" s="295">
        <v>11722</v>
      </c>
      <c r="EN35" s="298">
        <v>47670</v>
      </c>
      <c r="EO35" s="299">
        <v>47670</v>
      </c>
      <c r="EP35" s="294">
        <v>0</v>
      </c>
      <c r="EQ35" s="295">
        <v>0</v>
      </c>
      <c r="ER35" s="296">
        <v>0</v>
      </c>
      <c r="ES35" s="300"/>
      <c r="ET35" s="295">
        <v>0</v>
      </c>
      <c r="EU35" s="295">
        <v>0</v>
      </c>
      <c r="EV35" s="295">
        <v>0</v>
      </c>
      <c r="EW35" s="295">
        <v>0</v>
      </c>
      <c r="EX35" s="295">
        <v>0</v>
      </c>
      <c r="EY35" s="298">
        <v>0</v>
      </c>
      <c r="EZ35" s="299">
        <v>0</v>
      </c>
      <c r="FA35" s="294">
        <v>0</v>
      </c>
      <c r="FB35" s="295">
        <v>0</v>
      </c>
      <c r="FC35" s="296">
        <v>0</v>
      </c>
      <c r="FD35" s="300"/>
      <c r="FE35" s="295">
        <v>0</v>
      </c>
      <c r="FF35" s="295">
        <v>0</v>
      </c>
      <c r="FG35" s="295">
        <v>0</v>
      </c>
      <c r="FH35" s="295">
        <v>0</v>
      </c>
      <c r="FI35" s="295">
        <v>217</v>
      </c>
      <c r="FJ35" s="298">
        <v>217</v>
      </c>
      <c r="FK35" s="299">
        <v>217</v>
      </c>
      <c r="FL35" s="294">
        <v>0</v>
      </c>
      <c r="FM35" s="295">
        <v>0</v>
      </c>
      <c r="FN35" s="296">
        <v>0</v>
      </c>
      <c r="FO35" s="300"/>
      <c r="FP35" s="295">
        <v>0</v>
      </c>
      <c r="FQ35" s="295">
        <v>0</v>
      </c>
      <c r="FR35" s="295">
        <v>171595</v>
      </c>
      <c r="FS35" s="295">
        <v>33696</v>
      </c>
      <c r="FT35" s="295">
        <v>10881</v>
      </c>
      <c r="FU35" s="298">
        <v>216172</v>
      </c>
      <c r="FV35" s="299">
        <v>216172</v>
      </c>
      <c r="FW35" s="294">
        <v>0</v>
      </c>
      <c r="FX35" s="295">
        <v>0</v>
      </c>
      <c r="FY35" s="296">
        <v>0</v>
      </c>
      <c r="FZ35" s="297">
        <v>0</v>
      </c>
      <c r="GA35" s="295">
        <v>0</v>
      </c>
      <c r="GB35" s="295">
        <v>23950</v>
      </c>
      <c r="GC35" s="295">
        <v>11710</v>
      </c>
      <c r="GD35" s="295">
        <v>15737</v>
      </c>
      <c r="GE35" s="295">
        <v>21800</v>
      </c>
      <c r="GF35" s="298">
        <v>73197</v>
      </c>
      <c r="GG35" s="299">
        <v>73197</v>
      </c>
      <c r="GH35" s="294">
        <v>0</v>
      </c>
      <c r="GI35" s="295">
        <v>0</v>
      </c>
      <c r="GJ35" s="296">
        <v>0</v>
      </c>
      <c r="GK35" s="297">
        <v>0</v>
      </c>
      <c r="GL35" s="295">
        <v>0</v>
      </c>
      <c r="GM35" s="295">
        <v>0</v>
      </c>
      <c r="GN35" s="295">
        <v>1432</v>
      </c>
      <c r="GO35" s="295">
        <v>1074</v>
      </c>
      <c r="GP35" s="295">
        <v>0</v>
      </c>
      <c r="GQ35" s="298">
        <v>2506</v>
      </c>
      <c r="GR35" s="299">
        <v>2506</v>
      </c>
      <c r="GS35" s="294">
        <v>0</v>
      </c>
      <c r="GT35" s="295">
        <v>0</v>
      </c>
      <c r="GU35" s="296">
        <v>0</v>
      </c>
      <c r="GV35" s="297">
        <v>0</v>
      </c>
      <c r="GW35" s="295">
        <v>0</v>
      </c>
      <c r="GX35" s="295">
        <v>0</v>
      </c>
      <c r="GY35" s="295">
        <v>0</v>
      </c>
      <c r="GZ35" s="295">
        <v>0</v>
      </c>
      <c r="HA35" s="295">
        <v>0</v>
      </c>
      <c r="HB35" s="298">
        <v>0</v>
      </c>
      <c r="HC35" s="299">
        <v>0</v>
      </c>
      <c r="HD35" s="294">
        <v>0</v>
      </c>
      <c r="HE35" s="295">
        <v>0</v>
      </c>
      <c r="HF35" s="296">
        <v>0</v>
      </c>
      <c r="HG35" s="300"/>
      <c r="HH35" s="295">
        <v>0</v>
      </c>
      <c r="HI35" s="295">
        <v>0</v>
      </c>
      <c r="HJ35" s="295">
        <v>0</v>
      </c>
      <c r="HK35" s="295">
        <v>0</v>
      </c>
      <c r="HL35" s="295">
        <v>0</v>
      </c>
      <c r="HM35" s="298">
        <v>0</v>
      </c>
      <c r="HN35" s="299">
        <v>0</v>
      </c>
      <c r="HO35" s="294">
        <v>0</v>
      </c>
      <c r="HP35" s="295">
        <v>0</v>
      </c>
      <c r="HQ35" s="296">
        <v>0</v>
      </c>
      <c r="HR35" s="297">
        <v>0</v>
      </c>
      <c r="HS35" s="295">
        <v>62000</v>
      </c>
      <c r="HT35" s="295">
        <v>69554</v>
      </c>
      <c r="HU35" s="295">
        <v>762880</v>
      </c>
      <c r="HV35" s="295">
        <v>708297</v>
      </c>
      <c r="HW35" s="295">
        <v>217783</v>
      </c>
      <c r="HX35" s="298">
        <v>1820514</v>
      </c>
      <c r="HY35" s="299">
        <v>1820514</v>
      </c>
    </row>
    <row r="36" spans="2:233" ht="21" customHeight="1" x14ac:dyDescent="0.2">
      <c r="B36" s="292" t="s">
        <v>33</v>
      </c>
      <c r="C36" s="294">
        <v>0</v>
      </c>
      <c r="D36" s="295">
        <v>0</v>
      </c>
      <c r="E36" s="296">
        <v>0</v>
      </c>
      <c r="F36" s="297">
        <v>0</v>
      </c>
      <c r="G36" s="295">
        <v>87265</v>
      </c>
      <c r="H36" s="295">
        <v>162680</v>
      </c>
      <c r="I36" s="295">
        <v>425900</v>
      </c>
      <c r="J36" s="295">
        <v>600160</v>
      </c>
      <c r="K36" s="295">
        <v>283050</v>
      </c>
      <c r="L36" s="298">
        <v>1559055</v>
      </c>
      <c r="M36" s="299">
        <v>1559055</v>
      </c>
      <c r="N36" s="294">
        <v>0</v>
      </c>
      <c r="O36" s="295">
        <v>0</v>
      </c>
      <c r="P36" s="296">
        <v>0</v>
      </c>
      <c r="Q36" s="300"/>
      <c r="R36" s="295">
        <v>0</v>
      </c>
      <c r="S36" s="295">
        <v>27280</v>
      </c>
      <c r="T36" s="295">
        <v>256370</v>
      </c>
      <c r="U36" s="295">
        <v>383280</v>
      </c>
      <c r="V36" s="295">
        <v>218085</v>
      </c>
      <c r="W36" s="298">
        <v>885015</v>
      </c>
      <c r="X36" s="299">
        <v>885015</v>
      </c>
      <c r="Y36" s="294">
        <v>0</v>
      </c>
      <c r="Z36" s="295">
        <v>0</v>
      </c>
      <c r="AA36" s="296">
        <v>0</v>
      </c>
      <c r="AB36" s="300"/>
      <c r="AC36" s="295">
        <v>62620</v>
      </c>
      <c r="AD36" s="295">
        <v>65410</v>
      </c>
      <c r="AE36" s="295">
        <v>141670</v>
      </c>
      <c r="AF36" s="295">
        <v>138725</v>
      </c>
      <c r="AG36" s="295">
        <v>31205</v>
      </c>
      <c r="AH36" s="298">
        <v>439630</v>
      </c>
      <c r="AI36" s="299">
        <v>439630</v>
      </c>
      <c r="AJ36" s="294">
        <v>0</v>
      </c>
      <c r="AK36" s="295">
        <v>0</v>
      </c>
      <c r="AL36" s="296">
        <v>0</v>
      </c>
      <c r="AM36" s="300"/>
      <c r="AN36" s="295">
        <v>0</v>
      </c>
      <c r="AO36" s="295">
        <v>0</v>
      </c>
      <c r="AP36" s="295">
        <v>0</v>
      </c>
      <c r="AQ36" s="295">
        <v>0</v>
      </c>
      <c r="AR36" s="295">
        <v>0</v>
      </c>
      <c r="AS36" s="298">
        <v>0</v>
      </c>
      <c r="AT36" s="299">
        <v>0</v>
      </c>
      <c r="AU36" s="294">
        <v>0</v>
      </c>
      <c r="AV36" s="295">
        <v>0</v>
      </c>
      <c r="AW36" s="296">
        <v>0</v>
      </c>
      <c r="AX36" s="300"/>
      <c r="AY36" s="295">
        <v>24645</v>
      </c>
      <c r="AZ36" s="295">
        <v>68045</v>
      </c>
      <c r="BA36" s="295">
        <v>27280</v>
      </c>
      <c r="BB36" s="295">
        <v>67605</v>
      </c>
      <c r="BC36" s="295">
        <v>33760</v>
      </c>
      <c r="BD36" s="298">
        <v>221335</v>
      </c>
      <c r="BE36" s="299">
        <v>221335</v>
      </c>
      <c r="BF36" s="294">
        <v>0</v>
      </c>
      <c r="BG36" s="295">
        <v>0</v>
      </c>
      <c r="BH36" s="296">
        <v>0</v>
      </c>
      <c r="BI36" s="300"/>
      <c r="BJ36" s="295">
        <v>0</v>
      </c>
      <c r="BK36" s="295">
        <v>0</v>
      </c>
      <c r="BL36" s="295">
        <v>0</v>
      </c>
      <c r="BM36" s="295">
        <v>0</v>
      </c>
      <c r="BN36" s="295">
        <v>0</v>
      </c>
      <c r="BO36" s="298">
        <v>0</v>
      </c>
      <c r="BP36" s="299">
        <v>0</v>
      </c>
      <c r="BQ36" s="294">
        <v>0</v>
      </c>
      <c r="BR36" s="295">
        <v>0</v>
      </c>
      <c r="BS36" s="296">
        <v>0</v>
      </c>
      <c r="BT36" s="297">
        <v>0</v>
      </c>
      <c r="BU36" s="295">
        <v>0</v>
      </c>
      <c r="BV36" s="295">
        <v>1945</v>
      </c>
      <c r="BW36" s="295">
        <v>0</v>
      </c>
      <c r="BX36" s="295">
        <v>10550</v>
      </c>
      <c r="BY36" s="295">
        <v>0</v>
      </c>
      <c r="BZ36" s="298">
        <v>12495</v>
      </c>
      <c r="CA36" s="299">
        <v>12495</v>
      </c>
      <c r="CB36" s="294">
        <v>0</v>
      </c>
      <c r="CC36" s="295">
        <v>0</v>
      </c>
      <c r="CD36" s="296">
        <v>0</v>
      </c>
      <c r="CE36" s="297">
        <v>0</v>
      </c>
      <c r="CF36" s="295">
        <v>0</v>
      </c>
      <c r="CG36" s="295">
        <v>0</v>
      </c>
      <c r="CH36" s="295">
        <v>0</v>
      </c>
      <c r="CI36" s="295">
        <v>0</v>
      </c>
      <c r="CJ36" s="295">
        <v>0</v>
      </c>
      <c r="CK36" s="298">
        <v>0</v>
      </c>
      <c r="CL36" s="299">
        <v>0</v>
      </c>
      <c r="CM36" s="294">
        <v>0</v>
      </c>
      <c r="CN36" s="295">
        <v>0</v>
      </c>
      <c r="CO36" s="296">
        <v>0</v>
      </c>
      <c r="CP36" s="297">
        <v>0</v>
      </c>
      <c r="CQ36" s="295">
        <v>0</v>
      </c>
      <c r="CR36" s="295">
        <v>0</v>
      </c>
      <c r="CS36" s="295">
        <v>0</v>
      </c>
      <c r="CT36" s="295">
        <v>0</v>
      </c>
      <c r="CU36" s="295">
        <v>0</v>
      </c>
      <c r="CV36" s="298">
        <v>0</v>
      </c>
      <c r="CW36" s="299">
        <v>0</v>
      </c>
      <c r="CX36" s="294">
        <v>0</v>
      </c>
      <c r="CY36" s="295">
        <v>0</v>
      </c>
      <c r="CZ36" s="296">
        <v>0</v>
      </c>
      <c r="DA36" s="300"/>
      <c r="DB36" s="295">
        <v>0</v>
      </c>
      <c r="DC36" s="295">
        <v>0</v>
      </c>
      <c r="DD36" s="295">
        <v>580</v>
      </c>
      <c r="DE36" s="295">
        <v>0</v>
      </c>
      <c r="DF36" s="295">
        <v>0</v>
      </c>
      <c r="DG36" s="298">
        <v>580</v>
      </c>
      <c r="DH36" s="299">
        <v>580</v>
      </c>
      <c r="DI36" s="294">
        <v>0</v>
      </c>
      <c r="DJ36" s="295">
        <v>0</v>
      </c>
      <c r="DK36" s="296">
        <v>0</v>
      </c>
      <c r="DL36" s="297">
        <v>0</v>
      </c>
      <c r="DM36" s="295">
        <v>1085</v>
      </c>
      <c r="DN36" s="295">
        <v>64969</v>
      </c>
      <c r="DO36" s="295">
        <v>332572</v>
      </c>
      <c r="DP36" s="295">
        <v>420969</v>
      </c>
      <c r="DQ36" s="295">
        <v>183844</v>
      </c>
      <c r="DR36" s="298">
        <v>1003439</v>
      </c>
      <c r="DS36" s="301">
        <v>1003439</v>
      </c>
      <c r="DT36" s="294">
        <v>0</v>
      </c>
      <c r="DU36" s="295">
        <v>0</v>
      </c>
      <c r="DV36" s="296">
        <v>0</v>
      </c>
      <c r="DW36" s="300"/>
      <c r="DX36" s="295">
        <v>0</v>
      </c>
      <c r="DY36" s="295">
        <v>36611</v>
      </c>
      <c r="DZ36" s="295">
        <v>308078</v>
      </c>
      <c r="EA36" s="295">
        <v>395144</v>
      </c>
      <c r="EB36" s="295">
        <v>183396</v>
      </c>
      <c r="EC36" s="298">
        <v>923229</v>
      </c>
      <c r="ED36" s="299">
        <v>923229</v>
      </c>
      <c r="EE36" s="294">
        <v>0</v>
      </c>
      <c r="EF36" s="295">
        <v>0</v>
      </c>
      <c r="EG36" s="296">
        <v>0</v>
      </c>
      <c r="EH36" s="300"/>
      <c r="EI36" s="295">
        <v>868</v>
      </c>
      <c r="EJ36" s="295">
        <v>12338</v>
      </c>
      <c r="EK36" s="295">
        <v>24025</v>
      </c>
      <c r="EL36" s="295">
        <v>1519</v>
      </c>
      <c r="EM36" s="295">
        <v>224</v>
      </c>
      <c r="EN36" s="298">
        <v>38974</v>
      </c>
      <c r="EO36" s="299">
        <v>38974</v>
      </c>
      <c r="EP36" s="294">
        <v>0</v>
      </c>
      <c r="EQ36" s="295">
        <v>0</v>
      </c>
      <c r="ER36" s="296">
        <v>0</v>
      </c>
      <c r="ES36" s="300"/>
      <c r="ET36" s="295">
        <v>0</v>
      </c>
      <c r="EU36" s="295">
        <v>0</v>
      </c>
      <c r="EV36" s="295">
        <v>0</v>
      </c>
      <c r="EW36" s="295">
        <v>0</v>
      </c>
      <c r="EX36" s="295">
        <v>0</v>
      </c>
      <c r="EY36" s="298">
        <v>0</v>
      </c>
      <c r="EZ36" s="299">
        <v>0</v>
      </c>
      <c r="FA36" s="294">
        <v>0</v>
      </c>
      <c r="FB36" s="295">
        <v>0</v>
      </c>
      <c r="FC36" s="296">
        <v>0</v>
      </c>
      <c r="FD36" s="300"/>
      <c r="FE36" s="295">
        <v>217</v>
      </c>
      <c r="FF36" s="295">
        <v>12555</v>
      </c>
      <c r="FG36" s="295">
        <v>434</v>
      </c>
      <c r="FH36" s="295">
        <v>22620</v>
      </c>
      <c r="FI36" s="295">
        <v>224</v>
      </c>
      <c r="FJ36" s="298">
        <v>36050</v>
      </c>
      <c r="FK36" s="299">
        <v>36050</v>
      </c>
      <c r="FL36" s="294">
        <v>0</v>
      </c>
      <c r="FM36" s="295">
        <v>0</v>
      </c>
      <c r="FN36" s="296">
        <v>0</v>
      </c>
      <c r="FO36" s="300"/>
      <c r="FP36" s="295">
        <v>0</v>
      </c>
      <c r="FQ36" s="295">
        <v>0</v>
      </c>
      <c r="FR36" s="295">
        <v>0</v>
      </c>
      <c r="FS36" s="295">
        <v>0</v>
      </c>
      <c r="FT36" s="295">
        <v>0</v>
      </c>
      <c r="FU36" s="298">
        <v>0</v>
      </c>
      <c r="FV36" s="299">
        <v>0</v>
      </c>
      <c r="FW36" s="294">
        <v>0</v>
      </c>
      <c r="FX36" s="295">
        <v>0</v>
      </c>
      <c r="FY36" s="296">
        <v>0</v>
      </c>
      <c r="FZ36" s="297">
        <v>0</v>
      </c>
      <c r="GA36" s="295">
        <v>0</v>
      </c>
      <c r="GB36" s="295">
        <v>3465</v>
      </c>
      <c r="GC36" s="295">
        <v>0</v>
      </c>
      <c r="GD36" s="295">
        <v>1686</v>
      </c>
      <c r="GE36" s="295">
        <v>0</v>
      </c>
      <c r="GF36" s="298">
        <v>5151</v>
      </c>
      <c r="GG36" s="299">
        <v>5151</v>
      </c>
      <c r="GH36" s="294">
        <v>0</v>
      </c>
      <c r="GI36" s="295">
        <v>0</v>
      </c>
      <c r="GJ36" s="296">
        <v>0</v>
      </c>
      <c r="GK36" s="297">
        <v>0</v>
      </c>
      <c r="GL36" s="295">
        <v>0</v>
      </c>
      <c r="GM36" s="295">
        <v>0</v>
      </c>
      <c r="GN36" s="295">
        <v>0</v>
      </c>
      <c r="GO36" s="295">
        <v>0</v>
      </c>
      <c r="GP36" s="295">
        <v>0</v>
      </c>
      <c r="GQ36" s="298">
        <v>0</v>
      </c>
      <c r="GR36" s="299">
        <v>0</v>
      </c>
      <c r="GS36" s="294">
        <v>0</v>
      </c>
      <c r="GT36" s="295">
        <v>0</v>
      </c>
      <c r="GU36" s="296">
        <v>0</v>
      </c>
      <c r="GV36" s="297">
        <v>0</v>
      </c>
      <c r="GW36" s="295">
        <v>0</v>
      </c>
      <c r="GX36" s="295">
        <v>0</v>
      </c>
      <c r="GY36" s="295">
        <v>0</v>
      </c>
      <c r="GZ36" s="295">
        <v>0</v>
      </c>
      <c r="HA36" s="295">
        <v>0</v>
      </c>
      <c r="HB36" s="298">
        <v>0</v>
      </c>
      <c r="HC36" s="299">
        <v>0</v>
      </c>
      <c r="HD36" s="294">
        <v>0</v>
      </c>
      <c r="HE36" s="295">
        <v>0</v>
      </c>
      <c r="HF36" s="296">
        <v>0</v>
      </c>
      <c r="HG36" s="300"/>
      <c r="HH36" s="295">
        <v>0</v>
      </c>
      <c r="HI36" s="295">
        <v>0</v>
      </c>
      <c r="HJ36" s="295">
        <v>35</v>
      </c>
      <c r="HK36" s="295">
        <v>0</v>
      </c>
      <c r="HL36" s="295">
        <v>0</v>
      </c>
      <c r="HM36" s="298">
        <v>35</v>
      </c>
      <c r="HN36" s="299">
        <v>35</v>
      </c>
      <c r="HO36" s="294">
        <v>0</v>
      </c>
      <c r="HP36" s="295">
        <v>0</v>
      </c>
      <c r="HQ36" s="296">
        <v>0</v>
      </c>
      <c r="HR36" s="297">
        <v>0</v>
      </c>
      <c r="HS36" s="295">
        <v>88350</v>
      </c>
      <c r="HT36" s="295">
        <v>227649</v>
      </c>
      <c r="HU36" s="295">
        <v>758472</v>
      </c>
      <c r="HV36" s="295">
        <v>1021129</v>
      </c>
      <c r="HW36" s="295">
        <v>466894</v>
      </c>
      <c r="HX36" s="298">
        <v>2562494</v>
      </c>
      <c r="HY36" s="299">
        <v>2562494</v>
      </c>
    </row>
    <row r="37" spans="2:233" ht="21" customHeight="1" x14ac:dyDescent="0.2">
      <c r="B37" s="292" t="s">
        <v>34</v>
      </c>
      <c r="C37" s="294">
        <v>0</v>
      </c>
      <c r="D37" s="295">
        <v>0</v>
      </c>
      <c r="E37" s="296">
        <v>0</v>
      </c>
      <c r="F37" s="297">
        <v>0</v>
      </c>
      <c r="G37" s="295">
        <v>24645</v>
      </c>
      <c r="H37" s="295">
        <v>79185</v>
      </c>
      <c r="I37" s="295">
        <v>104305</v>
      </c>
      <c r="J37" s="295">
        <v>286005</v>
      </c>
      <c r="K37" s="295">
        <v>150480</v>
      </c>
      <c r="L37" s="298">
        <v>644620</v>
      </c>
      <c r="M37" s="299">
        <v>644620</v>
      </c>
      <c r="N37" s="294">
        <v>0</v>
      </c>
      <c r="O37" s="295">
        <v>0</v>
      </c>
      <c r="P37" s="296">
        <v>0</v>
      </c>
      <c r="Q37" s="300"/>
      <c r="R37" s="295">
        <v>0</v>
      </c>
      <c r="S37" s="295">
        <v>0</v>
      </c>
      <c r="T37" s="295">
        <v>40610</v>
      </c>
      <c r="U37" s="295">
        <v>245460</v>
      </c>
      <c r="V37" s="295">
        <v>138350</v>
      </c>
      <c r="W37" s="298">
        <v>424420</v>
      </c>
      <c r="X37" s="299">
        <v>424420</v>
      </c>
      <c r="Y37" s="294">
        <v>0</v>
      </c>
      <c r="Z37" s="295">
        <v>0</v>
      </c>
      <c r="AA37" s="296">
        <v>0</v>
      </c>
      <c r="AB37" s="300"/>
      <c r="AC37" s="295">
        <v>24645</v>
      </c>
      <c r="AD37" s="295">
        <v>43690</v>
      </c>
      <c r="AE37" s="295">
        <v>63405</v>
      </c>
      <c r="AF37" s="295">
        <v>34700</v>
      </c>
      <c r="AG37" s="295">
        <v>2550</v>
      </c>
      <c r="AH37" s="298">
        <v>168990</v>
      </c>
      <c r="AI37" s="299">
        <v>168990</v>
      </c>
      <c r="AJ37" s="294">
        <v>0</v>
      </c>
      <c r="AK37" s="295">
        <v>0</v>
      </c>
      <c r="AL37" s="296">
        <v>0</v>
      </c>
      <c r="AM37" s="300"/>
      <c r="AN37" s="295">
        <v>0</v>
      </c>
      <c r="AO37" s="295">
        <v>0</v>
      </c>
      <c r="AP37" s="295">
        <v>0</v>
      </c>
      <c r="AQ37" s="295">
        <v>0</v>
      </c>
      <c r="AR37" s="295">
        <v>0</v>
      </c>
      <c r="AS37" s="298">
        <v>0</v>
      </c>
      <c r="AT37" s="299">
        <v>0</v>
      </c>
      <c r="AU37" s="294">
        <v>0</v>
      </c>
      <c r="AV37" s="295">
        <v>0</v>
      </c>
      <c r="AW37" s="296">
        <v>0</v>
      </c>
      <c r="AX37" s="300"/>
      <c r="AY37" s="295">
        <v>0</v>
      </c>
      <c r="AZ37" s="295">
        <v>35495</v>
      </c>
      <c r="BA37" s="295">
        <v>0</v>
      </c>
      <c r="BB37" s="295">
        <v>0</v>
      </c>
      <c r="BC37" s="295">
        <v>0</v>
      </c>
      <c r="BD37" s="298">
        <v>35495</v>
      </c>
      <c r="BE37" s="299">
        <v>35495</v>
      </c>
      <c r="BF37" s="294">
        <v>0</v>
      </c>
      <c r="BG37" s="295">
        <v>0</v>
      </c>
      <c r="BH37" s="296">
        <v>0</v>
      </c>
      <c r="BI37" s="300"/>
      <c r="BJ37" s="295">
        <v>0</v>
      </c>
      <c r="BK37" s="295">
        <v>0</v>
      </c>
      <c r="BL37" s="295">
        <v>0</v>
      </c>
      <c r="BM37" s="295">
        <v>0</v>
      </c>
      <c r="BN37" s="295">
        <v>0</v>
      </c>
      <c r="BO37" s="298">
        <v>0</v>
      </c>
      <c r="BP37" s="299">
        <v>0</v>
      </c>
      <c r="BQ37" s="294">
        <v>0</v>
      </c>
      <c r="BR37" s="295">
        <v>0</v>
      </c>
      <c r="BS37" s="296">
        <v>0</v>
      </c>
      <c r="BT37" s="297">
        <v>0</v>
      </c>
      <c r="BU37" s="295">
        <v>0</v>
      </c>
      <c r="BV37" s="295">
        <v>0</v>
      </c>
      <c r="BW37" s="295">
        <v>290</v>
      </c>
      <c r="BX37" s="295">
        <v>0</v>
      </c>
      <c r="BY37" s="295">
        <v>9580</v>
      </c>
      <c r="BZ37" s="298">
        <v>9870</v>
      </c>
      <c r="CA37" s="299">
        <v>9870</v>
      </c>
      <c r="CB37" s="294">
        <v>0</v>
      </c>
      <c r="CC37" s="295">
        <v>0</v>
      </c>
      <c r="CD37" s="296">
        <v>0</v>
      </c>
      <c r="CE37" s="297">
        <v>0</v>
      </c>
      <c r="CF37" s="295">
        <v>0</v>
      </c>
      <c r="CG37" s="295">
        <v>0</v>
      </c>
      <c r="CH37" s="295">
        <v>0</v>
      </c>
      <c r="CI37" s="295">
        <v>5845</v>
      </c>
      <c r="CJ37" s="295">
        <v>0</v>
      </c>
      <c r="CK37" s="298">
        <v>5845</v>
      </c>
      <c r="CL37" s="299">
        <v>5845</v>
      </c>
      <c r="CM37" s="294">
        <v>0</v>
      </c>
      <c r="CN37" s="295">
        <v>0</v>
      </c>
      <c r="CO37" s="296">
        <v>0</v>
      </c>
      <c r="CP37" s="297">
        <v>0</v>
      </c>
      <c r="CQ37" s="295">
        <v>0</v>
      </c>
      <c r="CR37" s="295">
        <v>0</v>
      </c>
      <c r="CS37" s="295">
        <v>0</v>
      </c>
      <c r="CT37" s="295">
        <v>0</v>
      </c>
      <c r="CU37" s="295">
        <v>0</v>
      </c>
      <c r="CV37" s="298">
        <v>0</v>
      </c>
      <c r="CW37" s="299">
        <v>0</v>
      </c>
      <c r="CX37" s="294">
        <v>0</v>
      </c>
      <c r="CY37" s="295">
        <v>0</v>
      </c>
      <c r="CZ37" s="296">
        <v>0</v>
      </c>
      <c r="DA37" s="300"/>
      <c r="DB37" s="295">
        <v>0</v>
      </c>
      <c r="DC37" s="295">
        <v>0</v>
      </c>
      <c r="DD37" s="295">
        <v>0</v>
      </c>
      <c r="DE37" s="295">
        <v>0</v>
      </c>
      <c r="DF37" s="295">
        <v>0</v>
      </c>
      <c r="DG37" s="298">
        <v>0</v>
      </c>
      <c r="DH37" s="299">
        <v>0</v>
      </c>
      <c r="DI37" s="294">
        <v>0</v>
      </c>
      <c r="DJ37" s="295">
        <v>0</v>
      </c>
      <c r="DK37" s="296">
        <v>0</v>
      </c>
      <c r="DL37" s="297">
        <v>0</v>
      </c>
      <c r="DM37" s="295">
        <v>186</v>
      </c>
      <c r="DN37" s="295">
        <v>23717</v>
      </c>
      <c r="DO37" s="295">
        <v>105349</v>
      </c>
      <c r="DP37" s="295">
        <v>289940</v>
      </c>
      <c r="DQ37" s="295">
        <v>183950</v>
      </c>
      <c r="DR37" s="298">
        <v>603142</v>
      </c>
      <c r="DS37" s="301">
        <v>603142</v>
      </c>
      <c r="DT37" s="294">
        <v>0</v>
      </c>
      <c r="DU37" s="295">
        <v>0</v>
      </c>
      <c r="DV37" s="296">
        <v>0</v>
      </c>
      <c r="DW37" s="300"/>
      <c r="DX37" s="295">
        <v>0</v>
      </c>
      <c r="DY37" s="295">
        <v>0</v>
      </c>
      <c r="DZ37" s="295">
        <v>101494</v>
      </c>
      <c r="EA37" s="295">
        <v>279815</v>
      </c>
      <c r="EB37" s="295">
        <v>176242</v>
      </c>
      <c r="EC37" s="298">
        <v>557551</v>
      </c>
      <c r="ED37" s="299">
        <v>557551</v>
      </c>
      <c r="EE37" s="294">
        <v>0</v>
      </c>
      <c r="EF37" s="295">
        <v>0</v>
      </c>
      <c r="EG37" s="296">
        <v>0</v>
      </c>
      <c r="EH37" s="300"/>
      <c r="EI37" s="295">
        <v>186</v>
      </c>
      <c r="EJ37" s="295">
        <v>12030</v>
      </c>
      <c r="EK37" s="295">
        <v>1071</v>
      </c>
      <c r="EL37" s="295">
        <v>10069</v>
      </c>
      <c r="EM37" s="295">
        <v>217</v>
      </c>
      <c r="EN37" s="298">
        <v>23573</v>
      </c>
      <c r="EO37" s="299">
        <v>23573</v>
      </c>
      <c r="EP37" s="294">
        <v>0</v>
      </c>
      <c r="EQ37" s="295">
        <v>0</v>
      </c>
      <c r="ER37" s="296">
        <v>0</v>
      </c>
      <c r="ES37" s="300"/>
      <c r="ET37" s="295">
        <v>0</v>
      </c>
      <c r="EU37" s="295">
        <v>0</v>
      </c>
      <c r="EV37" s="295">
        <v>0</v>
      </c>
      <c r="EW37" s="295">
        <v>0</v>
      </c>
      <c r="EX37" s="295">
        <v>0</v>
      </c>
      <c r="EY37" s="298">
        <v>0</v>
      </c>
      <c r="EZ37" s="299">
        <v>0</v>
      </c>
      <c r="FA37" s="294">
        <v>0</v>
      </c>
      <c r="FB37" s="295">
        <v>0</v>
      </c>
      <c r="FC37" s="296">
        <v>0</v>
      </c>
      <c r="FD37" s="300"/>
      <c r="FE37" s="295">
        <v>0</v>
      </c>
      <c r="FF37" s="295">
        <v>11687</v>
      </c>
      <c r="FG37" s="295">
        <v>0</v>
      </c>
      <c r="FH37" s="295">
        <v>0</v>
      </c>
      <c r="FI37" s="295">
        <v>0</v>
      </c>
      <c r="FJ37" s="298">
        <v>11687</v>
      </c>
      <c r="FK37" s="299">
        <v>11687</v>
      </c>
      <c r="FL37" s="294">
        <v>0</v>
      </c>
      <c r="FM37" s="295">
        <v>0</v>
      </c>
      <c r="FN37" s="296">
        <v>0</v>
      </c>
      <c r="FO37" s="300"/>
      <c r="FP37" s="295">
        <v>0</v>
      </c>
      <c r="FQ37" s="295">
        <v>0</v>
      </c>
      <c r="FR37" s="295">
        <v>0</v>
      </c>
      <c r="FS37" s="295">
        <v>0</v>
      </c>
      <c r="FT37" s="295">
        <v>0</v>
      </c>
      <c r="FU37" s="298">
        <v>0</v>
      </c>
      <c r="FV37" s="299">
        <v>0</v>
      </c>
      <c r="FW37" s="294">
        <v>0</v>
      </c>
      <c r="FX37" s="295">
        <v>0</v>
      </c>
      <c r="FY37" s="296">
        <v>0</v>
      </c>
      <c r="FZ37" s="297">
        <v>0</v>
      </c>
      <c r="GA37" s="295">
        <v>0</v>
      </c>
      <c r="GB37" s="295">
        <v>0</v>
      </c>
      <c r="GC37" s="295">
        <v>2784</v>
      </c>
      <c r="GD37" s="295">
        <v>0</v>
      </c>
      <c r="GE37" s="295">
        <v>7491</v>
      </c>
      <c r="GF37" s="298">
        <v>10275</v>
      </c>
      <c r="GG37" s="299">
        <v>10275</v>
      </c>
      <c r="GH37" s="294">
        <v>0</v>
      </c>
      <c r="GI37" s="295">
        <v>0</v>
      </c>
      <c r="GJ37" s="296">
        <v>0</v>
      </c>
      <c r="GK37" s="297">
        <v>0</v>
      </c>
      <c r="GL37" s="295">
        <v>0</v>
      </c>
      <c r="GM37" s="295">
        <v>0</v>
      </c>
      <c r="GN37" s="295">
        <v>0</v>
      </c>
      <c r="GO37" s="295">
        <v>56</v>
      </c>
      <c r="GP37" s="295">
        <v>0</v>
      </c>
      <c r="GQ37" s="298">
        <v>56</v>
      </c>
      <c r="GR37" s="299">
        <v>56</v>
      </c>
      <c r="GS37" s="294">
        <v>0</v>
      </c>
      <c r="GT37" s="295">
        <v>0</v>
      </c>
      <c r="GU37" s="296">
        <v>0</v>
      </c>
      <c r="GV37" s="297">
        <v>0</v>
      </c>
      <c r="GW37" s="295">
        <v>0</v>
      </c>
      <c r="GX37" s="295">
        <v>0</v>
      </c>
      <c r="GY37" s="295">
        <v>0</v>
      </c>
      <c r="GZ37" s="295">
        <v>0</v>
      </c>
      <c r="HA37" s="295">
        <v>0</v>
      </c>
      <c r="HB37" s="298">
        <v>0</v>
      </c>
      <c r="HC37" s="299">
        <v>0</v>
      </c>
      <c r="HD37" s="294">
        <v>0</v>
      </c>
      <c r="HE37" s="295">
        <v>0</v>
      </c>
      <c r="HF37" s="296">
        <v>0</v>
      </c>
      <c r="HG37" s="300"/>
      <c r="HH37" s="295">
        <v>0</v>
      </c>
      <c r="HI37" s="295">
        <v>0</v>
      </c>
      <c r="HJ37" s="295">
        <v>0</v>
      </c>
      <c r="HK37" s="295">
        <v>0</v>
      </c>
      <c r="HL37" s="295">
        <v>0</v>
      </c>
      <c r="HM37" s="298">
        <v>0</v>
      </c>
      <c r="HN37" s="299">
        <v>0</v>
      </c>
      <c r="HO37" s="294">
        <v>0</v>
      </c>
      <c r="HP37" s="295">
        <v>0</v>
      </c>
      <c r="HQ37" s="296">
        <v>0</v>
      </c>
      <c r="HR37" s="297">
        <v>0</v>
      </c>
      <c r="HS37" s="295">
        <v>24831</v>
      </c>
      <c r="HT37" s="295">
        <v>102902</v>
      </c>
      <c r="HU37" s="295">
        <v>209654</v>
      </c>
      <c r="HV37" s="295">
        <v>575945</v>
      </c>
      <c r="HW37" s="295">
        <v>334430</v>
      </c>
      <c r="HX37" s="298">
        <v>1247762</v>
      </c>
      <c r="HY37" s="299">
        <v>1247762</v>
      </c>
    </row>
    <row r="38" spans="2:233" ht="21" customHeight="1" x14ac:dyDescent="0.2">
      <c r="B38" s="292" t="s">
        <v>35</v>
      </c>
      <c r="C38" s="294">
        <v>0</v>
      </c>
      <c r="D38" s="295">
        <v>0</v>
      </c>
      <c r="E38" s="296">
        <v>0</v>
      </c>
      <c r="F38" s="297">
        <v>0</v>
      </c>
      <c r="G38" s="295">
        <v>216200</v>
      </c>
      <c r="H38" s="295">
        <v>268965</v>
      </c>
      <c r="I38" s="295">
        <v>610468</v>
      </c>
      <c r="J38" s="295">
        <v>663400</v>
      </c>
      <c r="K38" s="295">
        <v>432575</v>
      </c>
      <c r="L38" s="298">
        <v>2191608</v>
      </c>
      <c r="M38" s="299">
        <v>2191608</v>
      </c>
      <c r="N38" s="294">
        <v>0</v>
      </c>
      <c r="O38" s="295">
        <v>0</v>
      </c>
      <c r="P38" s="296">
        <v>0</v>
      </c>
      <c r="Q38" s="300"/>
      <c r="R38" s="295">
        <v>2635</v>
      </c>
      <c r="S38" s="295">
        <v>57350</v>
      </c>
      <c r="T38" s="295">
        <v>304730</v>
      </c>
      <c r="U38" s="295">
        <v>391045</v>
      </c>
      <c r="V38" s="295">
        <v>260415</v>
      </c>
      <c r="W38" s="298">
        <v>1016175</v>
      </c>
      <c r="X38" s="299">
        <v>1016175</v>
      </c>
      <c r="Y38" s="294">
        <v>0</v>
      </c>
      <c r="Z38" s="295">
        <v>0</v>
      </c>
      <c r="AA38" s="296">
        <v>0</v>
      </c>
      <c r="AB38" s="300"/>
      <c r="AC38" s="295">
        <v>201200</v>
      </c>
      <c r="AD38" s="295">
        <v>209465</v>
      </c>
      <c r="AE38" s="295">
        <v>215055</v>
      </c>
      <c r="AF38" s="295">
        <v>198795</v>
      </c>
      <c r="AG38" s="295">
        <v>0</v>
      </c>
      <c r="AH38" s="298">
        <v>824515</v>
      </c>
      <c r="AI38" s="299">
        <v>824515</v>
      </c>
      <c r="AJ38" s="294">
        <v>0</v>
      </c>
      <c r="AK38" s="295">
        <v>0</v>
      </c>
      <c r="AL38" s="296">
        <v>0</v>
      </c>
      <c r="AM38" s="300"/>
      <c r="AN38" s="295">
        <v>0</v>
      </c>
      <c r="AO38" s="295">
        <v>0</v>
      </c>
      <c r="AP38" s="295">
        <v>0</v>
      </c>
      <c r="AQ38" s="295">
        <v>0</v>
      </c>
      <c r="AR38" s="295">
        <v>0</v>
      </c>
      <c r="AS38" s="298">
        <v>0</v>
      </c>
      <c r="AT38" s="299">
        <v>0</v>
      </c>
      <c r="AU38" s="294">
        <v>0</v>
      </c>
      <c r="AV38" s="295">
        <v>0</v>
      </c>
      <c r="AW38" s="296">
        <v>0</v>
      </c>
      <c r="AX38" s="300"/>
      <c r="AY38" s="295">
        <v>7060</v>
      </c>
      <c r="AZ38" s="295">
        <v>0</v>
      </c>
      <c r="BA38" s="295">
        <v>73200</v>
      </c>
      <c r="BB38" s="295">
        <v>61245</v>
      </c>
      <c r="BC38" s="295">
        <v>169260</v>
      </c>
      <c r="BD38" s="298">
        <v>310765</v>
      </c>
      <c r="BE38" s="299">
        <v>310765</v>
      </c>
      <c r="BF38" s="294">
        <v>0</v>
      </c>
      <c r="BG38" s="295">
        <v>0</v>
      </c>
      <c r="BH38" s="296">
        <v>0</v>
      </c>
      <c r="BI38" s="300"/>
      <c r="BJ38" s="295">
        <v>0</v>
      </c>
      <c r="BK38" s="295">
        <v>0</v>
      </c>
      <c r="BL38" s="295">
        <v>0</v>
      </c>
      <c r="BM38" s="295">
        <v>0</v>
      </c>
      <c r="BN38" s="295">
        <v>0</v>
      </c>
      <c r="BO38" s="298">
        <v>0</v>
      </c>
      <c r="BP38" s="299">
        <v>0</v>
      </c>
      <c r="BQ38" s="294">
        <v>0</v>
      </c>
      <c r="BR38" s="295">
        <v>0</v>
      </c>
      <c r="BS38" s="296">
        <v>0</v>
      </c>
      <c r="BT38" s="297">
        <v>0</v>
      </c>
      <c r="BU38" s="295">
        <v>5305</v>
      </c>
      <c r="BV38" s="295">
        <v>800</v>
      </c>
      <c r="BW38" s="295">
        <v>17483</v>
      </c>
      <c r="BX38" s="295">
        <v>12315</v>
      </c>
      <c r="BY38" s="295">
        <v>2900</v>
      </c>
      <c r="BZ38" s="298">
        <v>38803</v>
      </c>
      <c r="CA38" s="299">
        <v>38803</v>
      </c>
      <c r="CB38" s="294">
        <v>0</v>
      </c>
      <c r="CC38" s="295">
        <v>0</v>
      </c>
      <c r="CD38" s="296">
        <v>0</v>
      </c>
      <c r="CE38" s="297">
        <v>0</v>
      </c>
      <c r="CF38" s="295">
        <v>0</v>
      </c>
      <c r="CG38" s="295">
        <v>1350</v>
      </c>
      <c r="CH38" s="295">
        <v>0</v>
      </c>
      <c r="CI38" s="295">
        <v>0</v>
      </c>
      <c r="CJ38" s="295">
        <v>0</v>
      </c>
      <c r="CK38" s="298">
        <v>1350</v>
      </c>
      <c r="CL38" s="299">
        <v>1350</v>
      </c>
      <c r="CM38" s="294">
        <v>0</v>
      </c>
      <c r="CN38" s="295">
        <v>0</v>
      </c>
      <c r="CO38" s="296">
        <v>0</v>
      </c>
      <c r="CP38" s="297">
        <v>0</v>
      </c>
      <c r="CQ38" s="295">
        <v>0</v>
      </c>
      <c r="CR38" s="295">
        <v>0</v>
      </c>
      <c r="CS38" s="295">
        <v>0</v>
      </c>
      <c r="CT38" s="295">
        <v>0</v>
      </c>
      <c r="CU38" s="295">
        <v>0</v>
      </c>
      <c r="CV38" s="298">
        <v>0</v>
      </c>
      <c r="CW38" s="299">
        <v>0</v>
      </c>
      <c r="CX38" s="294">
        <v>0</v>
      </c>
      <c r="CY38" s="295">
        <v>0</v>
      </c>
      <c r="CZ38" s="296">
        <v>0</v>
      </c>
      <c r="DA38" s="300"/>
      <c r="DB38" s="295">
        <v>0</v>
      </c>
      <c r="DC38" s="295">
        <v>0</v>
      </c>
      <c r="DD38" s="295">
        <v>0</v>
      </c>
      <c r="DE38" s="295">
        <v>0</v>
      </c>
      <c r="DF38" s="295">
        <v>0</v>
      </c>
      <c r="DG38" s="298">
        <v>0</v>
      </c>
      <c r="DH38" s="299">
        <v>0</v>
      </c>
      <c r="DI38" s="294">
        <v>0</v>
      </c>
      <c r="DJ38" s="295">
        <v>0</v>
      </c>
      <c r="DK38" s="296">
        <v>0</v>
      </c>
      <c r="DL38" s="297">
        <v>0</v>
      </c>
      <c r="DM38" s="295">
        <v>27850</v>
      </c>
      <c r="DN38" s="295">
        <v>45691</v>
      </c>
      <c r="DO38" s="295">
        <v>416212</v>
      </c>
      <c r="DP38" s="295">
        <v>443866</v>
      </c>
      <c r="DQ38" s="295">
        <v>300343</v>
      </c>
      <c r="DR38" s="298">
        <v>1233962</v>
      </c>
      <c r="DS38" s="301">
        <v>1233962</v>
      </c>
      <c r="DT38" s="294">
        <v>0</v>
      </c>
      <c r="DU38" s="295">
        <v>0</v>
      </c>
      <c r="DV38" s="296">
        <v>0</v>
      </c>
      <c r="DW38" s="300"/>
      <c r="DX38" s="295">
        <v>15035</v>
      </c>
      <c r="DY38" s="295">
        <v>36611</v>
      </c>
      <c r="DZ38" s="295">
        <v>371535</v>
      </c>
      <c r="EA38" s="295">
        <v>396888</v>
      </c>
      <c r="EB38" s="295">
        <v>242976</v>
      </c>
      <c r="EC38" s="298">
        <v>1063045</v>
      </c>
      <c r="ED38" s="299">
        <v>1063045</v>
      </c>
      <c r="EE38" s="294">
        <v>0</v>
      </c>
      <c r="EF38" s="295">
        <v>0</v>
      </c>
      <c r="EG38" s="296">
        <v>0</v>
      </c>
      <c r="EH38" s="300"/>
      <c r="EI38" s="295">
        <v>13250</v>
      </c>
      <c r="EJ38" s="295">
        <v>2478</v>
      </c>
      <c r="EK38" s="295">
        <v>1827</v>
      </c>
      <c r="EL38" s="295">
        <v>1946</v>
      </c>
      <c r="EM38" s="295">
        <v>0</v>
      </c>
      <c r="EN38" s="298">
        <v>19501</v>
      </c>
      <c r="EO38" s="299">
        <v>19501</v>
      </c>
      <c r="EP38" s="294">
        <v>0</v>
      </c>
      <c r="EQ38" s="295">
        <v>0</v>
      </c>
      <c r="ER38" s="296">
        <v>0</v>
      </c>
      <c r="ES38" s="300"/>
      <c r="ET38" s="295">
        <v>0</v>
      </c>
      <c r="EU38" s="295">
        <v>0</v>
      </c>
      <c r="EV38" s="295">
        <v>0</v>
      </c>
      <c r="EW38" s="295">
        <v>0</v>
      </c>
      <c r="EX38" s="295">
        <v>0</v>
      </c>
      <c r="EY38" s="298">
        <v>0</v>
      </c>
      <c r="EZ38" s="299">
        <v>0</v>
      </c>
      <c r="FA38" s="294">
        <v>0</v>
      </c>
      <c r="FB38" s="295">
        <v>0</v>
      </c>
      <c r="FC38" s="296">
        <v>0</v>
      </c>
      <c r="FD38" s="300"/>
      <c r="FE38" s="295">
        <v>-9905</v>
      </c>
      <c r="FF38" s="295">
        <v>0</v>
      </c>
      <c r="FG38" s="295">
        <v>23556</v>
      </c>
      <c r="FH38" s="295">
        <v>11995</v>
      </c>
      <c r="FI38" s="295">
        <v>47182</v>
      </c>
      <c r="FJ38" s="298">
        <v>72828</v>
      </c>
      <c r="FK38" s="299">
        <v>72828</v>
      </c>
      <c r="FL38" s="294">
        <v>0</v>
      </c>
      <c r="FM38" s="295">
        <v>0</v>
      </c>
      <c r="FN38" s="296">
        <v>0</v>
      </c>
      <c r="FO38" s="300"/>
      <c r="FP38" s="295">
        <v>0</v>
      </c>
      <c r="FQ38" s="295">
        <v>0</v>
      </c>
      <c r="FR38" s="295">
        <v>0</v>
      </c>
      <c r="FS38" s="295">
        <v>0</v>
      </c>
      <c r="FT38" s="295">
        <v>0</v>
      </c>
      <c r="FU38" s="298">
        <v>0</v>
      </c>
      <c r="FV38" s="299">
        <v>0</v>
      </c>
      <c r="FW38" s="294">
        <v>0</v>
      </c>
      <c r="FX38" s="295">
        <v>0</v>
      </c>
      <c r="FY38" s="296">
        <v>0</v>
      </c>
      <c r="FZ38" s="297">
        <v>0</v>
      </c>
      <c r="GA38" s="295">
        <v>9470</v>
      </c>
      <c r="GB38" s="295">
        <v>4302</v>
      </c>
      <c r="GC38" s="295">
        <v>19294</v>
      </c>
      <c r="GD38" s="295">
        <v>33037</v>
      </c>
      <c r="GE38" s="295">
        <v>10185</v>
      </c>
      <c r="GF38" s="298">
        <v>76288</v>
      </c>
      <c r="GG38" s="299">
        <v>76288</v>
      </c>
      <c r="GH38" s="294">
        <v>0</v>
      </c>
      <c r="GI38" s="295">
        <v>0</v>
      </c>
      <c r="GJ38" s="296">
        <v>0</v>
      </c>
      <c r="GK38" s="297">
        <v>0</v>
      </c>
      <c r="GL38" s="295">
        <v>0</v>
      </c>
      <c r="GM38" s="295">
        <v>2300</v>
      </c>
      <c r="GN38" s="295">
        <v>0</v>
      </c>
      <c r="GO38" s="295">
        <v>0</v>
      </c>
      <c r="GP38" s="295">
        <v>0</v>
      </c>
      <c r="GQ38" s="298">
        <v>2300</v>
      </c>
      <c r="GR38" s="299">
        <v>2300</v>
      </c>
      <c r="GS38" s="294">
        <v>0</v>
      </c>
      <c r="GT38" s="295">
        <v>0</v>
      </c>
      <c r="GU38" s="296">
        <v>0</v>
      </c>
      <c r="GV38" s="297">
        <v>0</v>
      </c>
      <c r="GW38" s="295">
        <v>0</v>
      </c>
      <c r="GX38" s="295">
        <v>0</v>
      </c>
      <c r="GY38" s="295">
        <v>0</v>
      </c>
      <c r="GZ38" s="295">
        <v>0</v>
      </c>
      <c r="HA38" s="295">
        <v>0</v>
      </c>
      <c r="HB38" s="298">
        <v>0</v>
      </c>
      <c r="HC38" s="299">
        <v>0</v>
      </c>
      <c r="HD38" s="294">
        <v>0</v>
      </c>
      <c r="HE38" s="295">
        <v>0</v>
      </c>
      <c r="HF38" s="296">
        <v>0</v>
      </c>
      <c r="HG38" s="300"/>
      <c r="HH38" s="295">
        <v>0</v>
      </c>
      <c r="HI38" s="295">
        <v>0</v>
      </c>
      <c r="HJ38" s="295">
        <v>0</v>
      </c>
      <c r="HK38" s="295">
        <v>0</v>
      </c>
      <c r="HL38" s="295">
        <v>0</v>
      </c>
      <c r="HM38" s="298">
        <v>0</v>
      </c>
      <c r="HN38" s="299">
        <v>0</v>
      </c>
      <c r="HO38" s="294">
        <v>0</v>
      </c>
      <c r="HP38" s="295">
        <v>0</v>
      </c>
      <c r="HQ38" s="296">
        <v>0</v>
      </c>
      <c r="HR38" s="297">
        <v>0</v>
      </c>
      <c r="HS38" s="295">
        <v>244050</v>
      </c>
      <c r="HT38" s="295">
        <v>314656</v>
      </c>
      <c r="HU38" s="295">
        <v>1026680</v>
      </c>
      <c r="HV38" s="295">
        <v>1107266</v>
      </c>
      <c r="HW38" s="295">
        <v>732918</v>
      </c>
      <c r="HX38" s="298">
        <v>3425570</v>
      </c>
      <c r="HY38" s="299">
        <v>3425570</v>
      </c>
    </row>
    <row r="39" spans="2:233" ht="21" customHeight="1" x14ac:dyDescent="0.2">
      <c r="B39" s="292" t="s">
        <v>36</v>
      </c>
      <c r="C39" s="294">
        <v>0</v>
      </c>
      <c r="D39" s="295">
        <v>0</v>
      </c>
      <c r="E39" s="296">
        <v>0</v>
      </c>
      <c r="F39" s="297">
        <v>0</v>
      </c>
      <c r="G39" s="295">
        <v>122465</v>
      </c>
      <c r="H39" s="295">
        <v>185845</v>
      </c>
      <c r="I39" s="295">
        <v>839247</v>
      </c>
      <c r="J39" s="295">
        <v>780624</v>
      </c>
      <c r="K39" s="295">
        <v>680272</v>
      </c>
      <c r="L39" s="298">
        <v>2608453</v>
      </c>
      <c r="M39" s="299">
        <v>2608453</v>
      </c>
      <c r="N39" s="294">
        <v>0</v>
      </c>
      <c r="O39" s="295">
        <v>0</v>
      </c>
      <c r="P39" s="296">
        <v>0</v>
      </c>
      <c r="Q39" s="300"/>
      <c r="R39" s="295">
        <v>0</v>
      </c>
      <c r="S39" s="295">
        <v>32705</v>
      </c>
      <c r="T39" s="295">
        <v>517915</v>
      </c>
      <c r="U39" s="295">
        <v>470400</v>
      </c>
      <c r="V39" s="295">
        <v>474335</v>
      </c>
      <c r="W39" s="298">
        <v>1495355</v>
      </c>
      <c r="X39" s="299">
        <v>1495355</v>
      </c>
      <c r="Y39" s="294">
        <v>0</v>
      </c>
      <c r="Z39" s="295">
        <v>0</v>
      </c>
      <c r="AA39" s="296">
        <v>0</v>
      </c>
      <c r="AB39" s="300"/>
      <c r="AC39" s="295">
        <v>109505</v>
      </c>
      <c r="AD39" s="295">
        <v>109120</v>
      </c>
      <c r="AE39" s="295">
        <v>315967</v>
      </c>
      <c r="AF39" s="295">
        <v>249979</v>
      </c>
      <c r="AG39" s="295">
        <v>202802</v>
      </c>
      <c r="AH39" s="298">
        <v>987373</v>
      </c>
      <c r="AI39" s="299">
        <v>987373</v>
      </c>
      <c r="AJ39" s="294">
        <v>0</v>
      </c>
      <c r="AK39" s="295">
        <v>0</v>
      </c>
      <c r="AL39" s="296">
        <v>0</v>
      </c>
      <c r="AM39" s="300"/>
      <c r="AN39" s="295">
        <v>0</v>
      </c>
      <c r="AO39" s="295">
        <v>0</v>
      </c>
      <c r="AP39" s="295">
        <v>0</v>
      </c>
      <c r="AQ39" s="295">
        <v>0</v>
      </c>
      <c r="AR39" s="295">
        <v>0</v>
      </c>
      <c r="AS39" s="298">
        <v>0</v>
      </c>
      <c r="AT39" s="299">
        <v>0</v>
      </c>
      <c r="AU39" s="294">
        <v>0</v>
      </c>
      <c r="AV39" s="295">
        <v>0</v>
      </c>
      <c r="AW39" s="296">
        <v>0</v>
      </c>
      <c r="AX39" s="300"/>
      <c r="AY39" s="295">
        <v>0</v>
      </c>
      <c r="AZ39" s="295">
        <v>0</v>
      </c>
      <c r="BA39" s="295">
        <v>0</v>
      </c>
      <c r="BB39" s="295">
        <v>58290</v>
      </c>
      <c r="BC39" s="295">
        <v>0</v>
      </c>
      <c r="BD39" s="298">
        <v>58290</v>
      </c>
      <c r="BE39" s="299">
        <v>58290</v>
      </c>
      <c r="BF39" s="294">
        <v>0</v>
      </c>
      <c r="BG39" s="295">
        <v>0</v>
      </c>
      <c r="BH39" s="296">
        <v>0</v>
      </c>
      <c r="BI39" s="300"/>
      <c r="BJ39" s="295">
        <v>0</v>
      </c>
      <c r="BK39" s="295">
        <v>0</v>
      </c>
      <c r="BL39" s="295">
        <v>0</v>
      </c>
      <c r="BM39" s="295">
        <v>0</v>
      </c>
      <c r="BN39" s="295">
        <v>0</v>
      </c>
      <c r="BO39" s="298">
        <v>0</v>
      </c>
      <c r="BP39" s="299">
        <v>0</v>
      </c>
      <c r="BQ39" s="294">
        <v>0</v>
      </c>
      <c r="BR39" s="295">
        <v>0</v>
      </c>
      <c r="BS39" s="296">
        <v>0</v>
      </c>
      <c r="BT39" s="297">
        <v>0</v>
      </c>
      <c r="BU39" s="295">
        <v>12960</v>
      </c>
      <c r="BV39" s="295">
        <v>44020</v>
      </c>
      <c r="BW39" s="295">
        <v>5365</v>
      </c>
      <c r="BX39" s="295">
        <v>1445</v>
      </c>
      <c r="BY39" s="295">
        <v>3135</v>
      </c>
      <c r="BZ39" s="298">
        <v>66925</v>
      </c>
      <c r="CA39" s="299">
        <v>66925</v>
      </c>
      <c r="CB39" s="294">
        <v>0</v>
      </c>
      <c r="CC39" s="295">
        <v>0</v>
      </c>
      <c r="CD39" s="296">
        <v>0</v>
      </c>
      <c r="CE39" s="297">
        <v>0</v>
      </c>
      <c r="CF39" s="295">
        <v>0</v>
      </c>
      <c r="CG39" s="295">
        <v>0</v>
      </c>
      <c r="CH39" s="295">
        <v>0</v>
      </c>
      <c r="CI39" s="295">
        <v>510</v>
      </c>
      <c r="CJ39" s="295">
        <v>0</v>
      </c>
      <c r="CK39" s="298">
        <v>510</v>
      </c>
      <c r="CL39" s="299">
        <v>510</v>
      </c>
      <c r="CM39" s="294">
        <v>0</v>
      </c>
      <c r="CN39" s="295">
        <v>0</v>
      </c>
      <c r="CO39" s="296">
        <v>0</v>
      </c>
      <c r="CP39" s="297">
        <v>0</v>
      </c>
      <c r="CQ39" s="295">
        <v>0</v>
      </c>
      <c r="CR39" s="295">
        <v>0</v>
      </c>
      <c r="CS39" s="295">
        <v>0</v>
      </c>
      <c r="CT39" s="295">
        <v>0</v>
      </c>
      <c r="CU39" s="295">
        <v>0</v>
      </c>
      <c r="CV39" s="298">
        <v>0</v>
      </c>
      <c r="CW39" s="299">
        <v>0</v>
      </c>
      <c r="CX39" s="294">
        <v>0</v>
      </c>
      <c r="CY39" s="295">
        <v>0</v>
      </c>
      <c r="CZ39" s="296">
        <v>0</v>
      </c>
      <c r="DA39" s="300"/>
      <c r="DB39" s="295">
        <v>0</v>
      </c>
      <c r="DC39" s="295">
        <v>0</v>
      </c>
      <c r="DD39" s="295">
        <v>0</v>
      </c>
      <c r="DE39" s="295">
        <v>0</v>
      </c>
      <c r="DF39" s="295">
        <v>0</v>
      </c>
      <c r="DG39" s="298">
        <v>0</v>
      </c>
      <c r="DH39" s="299">
        <v>0</v>
      </c>
      <c r="DI39" s="294">
        <v>0</v>
      </c>
      <c r="DJ39" s="295">
        <v>0</v>
      </c>
      <c r="DK39" s="296">
        <v>0</v>
      </c>
      <c r="DL39" s="297">
        <v>0</v>
      </c>
      <c r="DM39" s="295">
        <v>48783</v>
      </c>
      <c r="DN39" s="295">
        <v>76195</v>
      </c>
      <c r="DO39" s="295">
        <v>630161</v>
      </c>
      <c r="DP39" s="295">
        <v>768155</v>
      </c>
      <c r="DQ39" s="295">
        <v>637509</v>
      </c>
      <c r="DR39" s="298">
        <v>2160803</v>
      </c>
      <c r="DS39" s="301">
        <v>2160803</v>
      </c>
      <c r="DT39" s="294">
        <v>0</v>
      </c>
      <c r="DU39" s="295">
        <v>0</v>
      </c>
      <c r="DV39" s="296">
        <v>0</v>
      </c>
      <c r="DW39" s="300"/>
      <c r="DX39" s="295">
        <v>0</v>
      </c>
      <c r="DY39" s="295">
        <v>15035</v>
      </c>
      <c r="DZ39" s="295">
        <v>574477</v>
      </c>
      <c r="EA39" s="295">
        <v>730004</v>
      </c>
      <c r="EB39" s="295">
        <v>629120</v>
      </c>
      <c r="EC39" s="298">
        <v>1948636</v>
      </c>
      <c r="ED39" s="299">
        <v>1948636</v>
      </c>
      <c r="EE39" s="294">
        <v>0</v>
      </c>
      <c r="EF39" s="295">
        <v>0</v>
      </c>
      <c r="EG39" s="296">
        <v>0</v>
      </c>
      <c r="EH39" s="300"/>
      <c r="EI39" s="295">
        <v>18603</v>
      </c>
      <c r="EJ39" s="295">
        <v>1736</v>
      </c>
      <c r="EK39" s="295">
        <v>27510</v>
      </c>
      <c r="EL39" s="295">
        <v>25321</v>
      </c>
      <c r="EM39" s="295">
        <v>2821</v>
      </c>
      <c r="EN39" s="298">
        <v>75991</v>
      </c>
      <c r="EO39" s="299">
        <v>75991</v>
      </c>
      <c r="EP39" s="294">
        <v>0</v>
      </c>
      <c r="EQ39" s="295">
        <v>0</v>
      </c>
      <c r="ER39" s="296">
        <v>0</v>
      </c>
      <c r="ES39" s="300"/>
      <c r="ET39" s="295">
        <v>0</v>
      </c>
      <c r="EU39" s="295">
        <v>0</v>
      </c>
      <c r="EV39" s="295">
        <v>0</v>
      </c>
      <c r="EW39" s="295">
        <v>0</v>
      </c>
      <c r="EX39" s="295">
        <v>0</v>
      </c>
      <c r="EY39" s="298">
        <v>0</v>
      </c>
      <c r="EZ39" s="299">
        <v>0</v>
      </c>
      <c r="FA39" s="294">
        <v>0</v>
      </c>
      <c r="FB39" s="295">
        <v>0</v>
      </c>
      <c r="FC39" s="296">
        <v>0</v>
      </c>
      <c r="FD39" s="300"/>
      <c r="FE39" s="295">
        <v>0</v>
      </c>
      <c r="FF39" s="295">
        <v>0</v>
      </c>
      <c r="FG39" s="295">
        <v>0</v>
      </c>
      <c r="FH39" s="295">
        <v>2348</v>
      </c>
      <c r="FI39" s="295">
        <v>0</v>
      </c>
      <c r="FJ39" s="298">
        <v>2348</v>
      </c>
      <c r="FK39" s="299">
        <v>2348</v>
      </c>
      <c r="FL39" s="294">
        <v>0</v>
      </c>
      <c r="FM39" s="295">
        <v>0</v>
      </c>
      <c r="FN39" s="296">
        <v>0</v>
      </c>
      <c r="FO39" s="300"/>
      <c r="FP39" s="295">
        <v>0</v>
      </c>
      <c r="FQ39" s="295">
        <v>0</v>
      </c>
      <c r="FR39" s="295">
        <v>0</v>
      </c>
      <c r="FS39" s="295">
        <v>0</v>
      </c>
      <c r="FT39" s="295">
        <v>0</v>
      </c>
      <c r="FU39" s="298">
        <v>0</v>
      </c>
      <c r="FV39" s="299">
        <v>0</v>
      </c>
      <c r="FW39" s="294">
        <v>0</v>
      </c>
      <c r="FX39" s="295">
        <v>0</v>
      </c>
      <c r="FY39" s="296">
        <v>0</v>
      </c>
      <c r="FZ39" s="297">
        <v>0</v>
      </c>
      <c r="GA39" s="295">
        <v>30180</v>
      </c>
      <c r="GB39" s="295">
        <v>59424</v>
      </c>
      <c r="GC39" s="295">
        <v>28174</v>
      </c>
      <c r="GD39" s="295">
        <v>10440</v>
      </c>
      <c r="GE39" s="295">
        <v>5568</v>
      </c>
      <c r="GF39" s="298">
        <v>133786</v>
      </c>
      <c r="GG39" s="299">
        <v>133786</v>
      </c>
      <c r="GH39" s="294">
        <v>0</v>
      </c>
      <c r="GI39" s="295">
        <v>0</v>
      </c>
      <c r="GJ39" s="296">
        <v>0</v>
      </c>
      <c r="GK39" s="297">
        <v>0</v>
      </c>
      <c r="GL39" s="295">
        <v>0</v>
      </c>
      <c r="GM39" s="295">
        <v>0</v>
      </c>
      <c r="GN39" s="295">
        <v>0</v>
      </c>
      <c r="GO39" s="295">
        <v>42</v>
      </c>
      <c r="GP39" s="295">
        <v>0</v>
      </c>
      <c r="GQ39" s="298">
        <v>42</v>
      </c>
      <c r="GR39" s="299">
        <v>42</v>
      </c>
      <c r="GS39" s="294">
        <v>0</v>
      </c>
      <c r="GT39" s="295">
        <v>0</v>
      </c>
      <c r="GU39" s="296">
        <v>0</v>
      </c>
      <c r="GV39" s="297">
        <v>0</v>
      </c>
      <c r="GW39" s="295">
        <v>0</v>
      </c>
      <c r="GX39" s="295">
        <v>0</v>
      </c>
      <c r="GY39" s="295">
        <v>0</v>
      </c>
      <c r="GZ39" s="295">
        <v>0</v>
      </c>
      <c r="HA39" s="295">
        <v>0</v>
      </c>
      <c r="HB39" s="298">
        <v>0</v>
      </c>
      <c r="HC39" s="299">
        <v>0</v>
      </c>
      <c r="HD39" s="294">
        <v>0</v>
      </c>
      <c r="HE39" s="295">
        <v>0</v>
      </c>
      <c r="HF39" s="296">
        <v>0</v>
      </c>
      <c r="HG39" s="300"/>
      <c r="HH39" s="295">
        <v>0</v>
      </c>
      <c r="HI39" s="295">
        <v>0</v>
      </c>
      <c r="HJ39" s="295">
        <v>0</v>
      </c>
      <c r="HK39" s="295">
        <v>0</v>
      </c>
      <c r="HL39" s="295">
        <v>0</v>
      </c>
      <c r="HM39" s="298">
        <v>0</v>
      </c>
      <c r="HN39" s="299">
        <v>0</v>
      </c>
      <c r="HO39" s="294">
        <v>0</v>
      </c>
      <c r="HP39" s="295">
        <v>0</v>
      </c>
      <c r="HQ39" s="296">
        <v>0</v>
      </c>
      <c r="HR39" s="297">
        <v>0</v>
      </c>
      <c r="HS39" s="295">
        <v>171248</v>
      </c>
      <c r="HT39" s="295">
        <v>262040</v>
      </c>
      <c r="HU39" s="295">
        <v>1469408</v>
      </c>
      <c r="HV39" s="295">
        <v>1548779</v>
      </c>
      <c r="HW39" s="295">
        <v>1317781</v>
      </c>
      <c r="HX39" s="298">
        <v>4769256</v>
      </c>
      <c r="HY39" s="299">
        <v>4769256</v>
      </c>
    </row>
    <row r="40" spans="2:233" ht="21" customHeight="1" thickBot="1" x14ac:dyDescent="0.25">
      <c r="B40" s="293" t="s">
        <v>37</v>
      </c>
      <c r="C40" s="302">
        <v>0</v>
      </c>
      <c r="D40" s="303">
        <v>0</v>
      </c>
      <c r="E40" s="304">
        <v>0</v>
      </c>
      <c r="F40" s="305">
        <v>0</v>
      </c>
      <c r="G40" s="303">
        <v>3380</v>
      </c>
      <c r="H40" s="303">
        <v>0</v>
      </c>
      <c r="I40" s="303">
        <v>157810</v>
      </c>
      <c r="J40" s="303">
        <v>62620</v>
      </c>
      <c r="K40" s="303">
        <v>35340</v>
      </c>
      <c r="L40" s="306">
        <v>259150</v>
      </c>
      <c r="M40" s="307">
        <v>259150</v>
      </c>
      <c r="N40" s="302">
        <v>0</v>
      </c>
      <c r="O40" s="303">
        <v>0</v>
      </c>
      <c r="P40" s="304">
        <v>0</v>
      </c>
      <c r="Q40" s="308"/>
      <c r="R40" s="303">
        <v>0</v>
      </c>
      <c r="S40" s="303">
        <v>0</v>
      </c>
      <c r="T40" s="303">
        <v>75950</v>
      </c>
      <c r="U40" s="303">
        <v>2635</v>
      </c>
      <c r="V40" s="303">
        <v>35340</v>
      </c>
      <c r="W40" s="306">
        <v>113925</v>
      </c>
      <c r="X40" s="307">
        <v>113925</v>
      </c>
      <c r="Y40" s="302">
        <v>0</v>
      </c>
      <c r="Z40" s="303">
        <v>0</v>
      </c>
      <c r="AA40" s="304">
        <v>0</v>
      </c>
      <c r="AB40" s="308"/>
      <c r="AC40" s="303">
        <v>0</v>
      </c>
      <c r="AD40" s="303">
        <v>0</v>
      </c>
      <c r="AE40" s="303">
        <v>80265</v>
      </c>
      <c r="AF40" s="303">
        <v>59985</v>
      </c>
      <c r="AG40" s="303">
        <v>0</v>
      </c>
      <c r="AH40" s="306">
        <v>140250</v>
      </c>
      <c r="AI40" s="307">
        <v>140250</v>
      </c>
      <c r="AJ40" s="302">
        <v>0</v>
      </c>
      <c r="AK40" s="303">
        <v>0</v>
      </c>
      <c r="AL40" s="304">
        <v>0</v>
      </c>
      <c r="AM40" s="308"/>
      <c r="AN40" s="303">
        <v>0</v>
      </c>
      <c r="AO40" s="303">
        <v>0</v>
      </c>
      <c r="AP40" s="303">
        <v>0</v>
      </c>
      <c r="AQ40" s="303">
        <v>0</v>
      </c>
      <c r="AR40" s="303">
        <v>0</v>
      </c>
      <c r="AS40" s="306">
        <v>0</v>
      </c>
      <c r="AT40" s="307">
        <v>0</v>
      </c>
      <c r="AU40" s="302">
        <v>0</v>
      </c>
      <c r="AV40" s="303">
        <v>0</v>
      </c>
      <c r="AW40" s="304">
        <v>0</v>
      </c>
      <c r="AX40" s="308"/>
      <c r="AY40" s="303">
        <v>0</v>
      </c>
      <c r="AZ40" s="303">
        <v>0</v>
      </c>
      <c r="BA40" s="303">
        <v>0</v>
      </c>
      <c r="BB40" s="303">
        <v>0</v>
      </c>
      <c r="BC40" s="303">
        <v>0</v>
      </c>
      <c r="BD40" s="306">
        <v>0</v>
      </c>
      <c r="BE40" s="307">
        <v>0</v>
      </c>
      <c r="BF40" s="302">
        <v>0</v>
      </c>
      <c r="BG40" s="303">
        <v>0</v>
      </c>
      <c r="BH40" s="304">
        <v>0</v>
      </c>
      <c r="BI40" s="308"/>
      <c r="BJ40" s="303">
        <v>0</v>
      </c>
      <c r="BK40" s="303">
        <v>0</v>
      </c>
      <c r="BL40" s="303">
        <v>0</v>
      </c>
      <c r="BM40" s="303">
        <v>0</v>
      </c>
      <c r="BN40" s="303">
        <v>0</v>
      </c>
      <c r="BO40" s="306">
        <v>0</v>
      </c>
      <c r="BP40" s="307">
        <v>0</v>
      </c>
      <c r="BQ40" s="302">
        <v>0</v>
      </c>
      <c r="BR40" s="303">
        <v>0</v>
      </c>
      <c r="BS40" s="304">
        <v>0</v>
      </c>
      <c r="BT40" s="305">
        <v>0</v>
      </c>
      <c r="BU40" s="303">
        <v>3380</v>
      </c>
      <c r="BV40" s="303">
        <v>0</v>
      </c>
      <c r="BW40" s="303">
        <v>1595</v>
      </c>
      <c r="BX40" s="303">
        <v>0</v>
      </c>
      <c r="BY40" s="303">
        <v>0</v>
      </c>
      <c r="BZ40" s="306">
        <v>4975</v>
      </c>
      <c r="CA40" s="307">
        <v>4975</v>
      </c>
      <c r="CB40" s="302">
        <v>0</v>
      </c>
      <c r="CC40" s="303">
        <v>0</v>
      </c>
      <c r="CD40" s="304">
        <v>0</v>
      </c>
      <c r="CE40" s="305">
        <v>0</v>
      </c>
      <c r="CF40" s="303">
        <v>0</v>
      </c>
      <c r="CG40" s="303">
        <v>0</v>
      </c>
      <c r="CH40" s="303">
        <v>0</v>
      </c>
      <c r="CI40" s="303">
        <v>0</v>
      </c>
      <c r="CJ40" s="303">
        <v>0</v>
      </c>
      <c r="CK40" s="306">
        <v>0</v>
      </c>
      <c r="CL40" s="307">
        <v>0</v>
      </c>
      <c r="CM40" s="302">
        <v>0</v>
      </c>
      <c r="CN40" s="303">
        <v>0</v>
      </c>
      <c r="CO40" s="304">
        <v>0</v>
      </c>
      <c r="CP40" s="305">
        <v>0</v>
      </c>
      <c r="CQ40" s="303">
        <v>0</v>
      </c>
      <c r="CR40" s="303">
        <v>0</v>
      </c>
      <c r="CS40" s="303">
        <v>0</v>
      </c>
      <c r="CT40" s="303">
        <v>0</v>
      </c>
      <c r="CU40" s="303">
        <v>0</v>
      </c>
      <c r="CV40" s="306">
        <v>0</v>
      </c>
      <c r="CW40" s="307">
        <v>0</v>
      </c>
      <c r="CX40" s="302">
        <v>0</v>
      </c>
      <c r="CY40" s="303">
        <v>0</v>
      </c>
      <c r="CZ40" s="304">
        <v>0</v>
      </c>
      <c r="DA40" s="308"/>
      <c r="DB40" s="303">
        <v>0</v>
      </c>
      <c r="DC40" s="303">
        <v>0</v>
      </c>
      <c r="DD40" s="303">
        <v>0</v>
      </c>
      <c r="DE40" s="303">
        <v>0</v>
      </c>
      <c r="DF40" s="303">
        <v>0</v>
      </c>
      <c r="DG40" s="306">
        <v>0</v>
      </c>
      <c r="DH40" s="307">
        <v>0</v>
      </c>
      <c r="DI40" s="302">
        <v>0</v>
      </c>
      <c r="DJ40" s="303">
        <v>0</v>
      </c>
      <c r="DK40" s="304">
        <v>0</v>
      </c>
      <c r="DL40" s="305">
        <v>0</v>
      </c>
      <c r="DM40" s="303">
        <v>960</v>
      </c>
      <c r="DN40" s="303">
        <v>0</v>
      </c>
      <c r="DO40" s="303">
        <v>142844</v>
      </c>
      <c r="DP40" s="303">
        <v>15686</v>
      </c>
      <c r="DQ40" s="303">
        <v>30070</v>
      </c>
      <c r="DR40" s="306">
        <v>189560</v>
      </c>
      <c r="DS40" s="309">
        <v>189560</v>
      </c>
      <c r="DT40" s="302">
        <v>0</v>
      </c>
      <c r="DU40" s="303">
        <v>0</v>
      </c>
      <c r="DV40" s="304">
        <v>0</v>
      </c>
      <c r="DW40" s="308"/>
      <c r="DX40" s="303">
        <v>0</v>
      </c>
      <c r="DY40" s="303">
        <v>0</v>
      </c>
      <c r="DZ40" s="303">
        <v>131564</v>
      </c>
      <c r="EA40" s="303">
        <v>15035</v>
      </c>
      <c r="EB40" s="303">
        <v>30070</v>
      </c>
      <c r="EC40" s="306">
        <v>176669</v>
      </c>
      <c r="ED40" s="307">
        <v>176669</v>
      </c>
      <c r="EE40" s="302">
        <v>0</v>
      </c>
      <c r="EF40" s="303">
        <v>0</v>
      </c>
      <c r="EG40" s="304">
        <v>0</v>
      </c>
      <c r="EH40" s="308"/>
      <c r="EI40" s="303">
        <v>0</v>
      </c>
      <c r="EJ40" s="303">
        <v>0</v>
      </c>
      <c r="EK40" s="303">
        <v>840</v>
      </c>
      <c r="EL40" s="303">
        <v>651</v>
      </c>
      <c r="EM40" s="303">
        <v>0</v>
      </c>
      <c r="EN40" s="306">
        <v>1491</v>
      </c>
      <c r="EO40" s="307">
        <v>1491</v>
      </c>
      <c r="EP40" s="302">
        <v>0</v>
      </c>
      <c r="EQ40" s="303">
        <v>0</v>
      </c>
      <c r="ER40" s="304">
        <v>0</v>
      </c>
      <c r="ES40" s="308"/>
      <c r="ET40" s="303">
        <v>0</v>
      </c>
      <c r="EU40" s="303">
        <v>0</v>
      </c>
      <c r="EV40" s="303">
        <v>0</v>
      </c>
      <c r="EW40" s="303">
        <v>0</v>
      </c>
      <c r="EX40" s="303">
        <v>0</v>
      </c>
      <c r="EY40" s="306">
        <v>0</v>
      </c>
      <c r="EZ40" s="307">
        <v>0</v>
      </c>
      <c r="FA40" s="302">
        <v>0</v>
      </c>
      <c r="FB40" s="303">
        <v>0</v>
      </c>
      <c r="FC40" s="304">
        <v>0</v>
      </c>
      <c r="FD40" s="308"/>
      <c r="FE40" s="303">
        <v>0</v>
      </c>
      <c r="FF40" s="303">
        <v>0</v>
      </c>
      <c r="FG40" s="303">
        <v>0</v>
      </c>
      <c r="FH40" s="303">
        <v>0</v>
      </c>
      <c r="FI40" s="303">
        <v>0</v>
      </c>
      <c r="FJ40" s="306">
        <v>0</v>
      </c>
      <c r="FK40" s="307">
        <v>0</v>
      </c>
      <c r="FL40" s="302">
        <v>0</v>
      </c>
      <c r="FM40" s="303">
        <v>0</v>
      </c>
      <c r="FN40" s="304">
        <v>0</v>
      </c>
      <c r="FO40" s="308"/>
      <c r="FP40" s="303">
        <v>0</v>
      </c>
      <c r="FQ40" s="303">
        <v>0</v>
      </c>
      <c r="FR40" s="303">
        <v>0</v>
      </c>
      <c r="FS40" s="303">
        <v>0</v>
      </c>
      <c r="FT40" s="303">
        <v>0</v>
      </c>
      <c r="FU40" s="306">
        <v>0</v>
      </c>
      <c r="FV40" s="307">
        <v>0</v>
      </c>
      <c r="FW40" s="302">
        <v>0</v>
      </c>
      <c r="FX40" s="303">
        <v>0</v>
      </c>
      <c r="FY40" s="304">
        <v>0</v>
      </c>
      <c r="FZ40" s="305">
        <v>0</v>
      </c>
      <c r="GA40" s="303">
        <v>960</v>
      </c>
      <c r="GB40" s="303">
        <v>0</v>
      </c>
      <c r="GC40" s="303">
        <v>10440</v>
      </c>
      <c r="GD40" s="303">
        <v>0</v>
      </c>
      <c r="GE40" s="303">
        <v>0</v>
      </c>
      <c r="GF40" s="306">
        <v>11400</v>
      </c>
      <c r="GG40" s="307">
        <v>11400</v>
      </c>
      <c r="GH40" s="302">
        <v>0</v>
      </c>
      <c r="GI40" s="303">
        <v>0</v>
      </c>
      <c r="GJ40" s="304">
        <v>0</v>
      </c>
      <c r="GK40" s="305">
        <v>0</v>
      </c>
      <c r="GL40" s="303">
        <v>0</v>
      </c>
      <c r="GM40" s="303">
        <v>0</v>
      </c>
      <c r="GN40" s="303">
        <v>0</v>
      </c>
      <c r="GO40" s="303">
        <v>0</v>
      </c>
      <c r="GP40" s="303">
        <v>0</v>
      </c>
      <c r="GQ40" s="306">
        <v>0</v>
      </c>
      <c r="GR40" s="307">
        <v>0</v>
      </c>
      <c r="GS40" s="302">
        <v>0</v>
      </c>
      <c r="GT40" s="303">
        <v>0</v>
      </c>
      <c r="GU40" s="304">
        <v>0</v>
      </c>
      <c r="GV40" s="305">
        <v>0</v>
      </c>
      <c r="GW40" s="303">
        <v>0</v>
      </c>
      <c r="GX40" s="303">
        <v>0</v>
      </c>
      <c r="GY40" s="303">
        <v>0</v>
      </c>
      <c r="GZ40" s="303">
        <v>0</v>
      </c>
      <c r="HA40" s="303">
        <v>0</v>
      </c>
      <c r="HB40" s="306">
        <v>0</v>
      </c>
      <c r="HC40" s="307">
        <v>0</v>
      </c>
      <c r="HD40" s="302">
        <v>0</v>
      </c>
      <c r="HE40" s="303">
        <v>0</v>
      </c>
      <c r="HF40" s="304">
        <v>0</v>
      </c>
      <c r="HG40" s="308"/>
      <c r="HH40" s="303">
        <v>0</v>
      </c>
      <c r="HI40" s="303">
        <v>0</v>
      </c>
      <c r="HJ40" s="303">
        <v>0</v>
      </c>
      <c r="HK40" s="303">
        <v>0</v>
      </c>
      <c r="HL40" s="303">
        <v>0</v>
      </c>
      <c r="HM40" s="306">
        <v>0</v>
      </c>
      <c r="HN40" s="307">
        <v>0</v>
      </c>
      <c r="HO40" s="302">
        <v>0</v>
      </c>
      <c r="HP40" s="303">
        <v>0</v>
      </c>
      <c r="HQ40" s="304">
        <v>0</v>
      </c>
      <c r="HR40" s="305">
        <v>0</v>
      </c>
      <c r="HS40" s="303">
        <v>4340</v>
      </c>
      <c r="HT40" s="303">
        <v>0</v>
      </c>
      <c r="HU40" s="303">
        <v>300654</v>
      </c>
      <c r="HV40" s="303">
        <v>78306</v>
      </c>
      <c r="HW40" s="303">
        <v>65410</v>
      </c>
      <c r="HX40" s="306">
        <v>448710</v>
      </c>
      <c r="HY40" s="307">
        <v>448710</v>
      </c>
    </row>
    <row r="41" spans="2:233" x14ac:dyDescent="0.2">
      <c r="B41" s="1" t="s">
        <v>84</v>
      </c>
    </row>
  </sheetData>
  <mergeCells count="88">
    <mergeCell ref="G1:H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6">
        <f>第１表!F2</f>
        <v>5</v>
      </c>
      <c r="G1" s="526"/>
      <c r="H1" s="248">
        <f>第１表!G2</f>
        <v>3</v>
      </c>
      <c r="I1" s="525">
        <f>H1</f>
        <v>3</v>
      </c>
      <c r="J1" s="525"/>
    </row>
    <row r="2" spans="2:299" ht="24" customHeight="1" thickBot="1" x14ac:dyDescent="0.25">
      <c r="B2" s="20" t="s">
        <v>132</v>
      </c>
    </row>
    <row r="3" spans="2:299" ht="21" customHeight="1" thickBot="1" x14ac:dyDescent="0.25">
      <c r="B3" s="512" t="s">
        <v>38</v>
      </c>
      <c r="C3" s="507" t="s">
        <v>96</v>
      </c>
      <c r="D3" s="507"/>
      <c r="E3" s="507"/>
      <c r="F3" s="507"/>
      <c r="G3" s="507"/>
      <c r="H3" s="507"/>
      <c r="I3" s="507"/>
      <c r="J3" s="507"/>
      <c r="K3" s="507"/>
      <c r="L3" s="507"/>
      <c r="M3" s="507"/>
      <c r="N3" s="507"/>
      <c r="O3" s="507"/>
      <c r="P3" s="507"/>
      <c r="Q3" s="507"/>
      <c r="R3" s="507"/>
      <c r="S3" s="507"/>
      <c r="T3" s="507"/>
      <c r="U3" s="507"/>
      <c r="V3" s="507"/>
      <c r="W3" s="507"/>
      <c r="X3" s="507"/>
      <c r="Y3" s="507"/>
      <c r="Z3" s="507"/>
      <c r="AA3" s="507"/>
      <c r="AB3" s="507"/>
      <c r="AC3" s="507"/>
      <c r="AD3" s="507"/>
      <c r="AE3" s="507"/>
      <c r="AF3" s="507"/>
      <c r="AG3" s="507"/>
      <c r="AH3" s="507"/>
      <c r="AI3" s="507"/>
      <c r="AJ3" s="507"/>
      <c r="AK3" s="507"/>
      <c r="AL3" s="507"/>
      <c r="AM3" s="507"/>
      <c r="AN3" s="507"/>
      <c r="AO3" s="507"/>
      <c r="AP3" s="507"/>
      <c r="AQ3" s="507"/>
      <c r="AR3" s="507"/>
      <c r="AS3" s="507"/>
      <c r="AT3" s="507"/>
      <c r="AU3" s="507"/>
      <c r="AV3" s="507"/>
      <c r="AW3" s="507"/>
      <c r="AX3" s="507"/>
      <c r="AY3" s="507"/>
      <c r="AZ3" s="507"/>
      <c r="BA3" s="507"/>
      <c r="BB3" s="507"/>
      <c r="BC3" s="507"/>
      <c r="BD3" s="507"/>
      <c r="BE3" s="507"/>
      <c r="BF3" s="507"/>
      <c r="BG3" s="507"/>
      <c r="BH3" s="507"/>
      <c r="BI3" s="507"/>
      <c r="BJ3" s="507"/>
      <c r="BK3" s="507"/>
      <c r="BL3" s="507"/>
      <c r="BM3" s="507"/>
      <c r="BN3" s="507"/>
      <c r="BO3" s="507"/>
      <c r="BP3" s="507"/>
      <c r="BQ3" s="507"/>
      <c r="BR3" s="507"/>
      <c r="BS3" s="507"/>
      <c r="BT3" s="507"/>
      <c r="BU3" s="507"/>
      <c r="BV3" s="507"/>
      <c r="BW3" s="507"/>
      <c r="BX3" s="507"/>
      <c r="BY3" s="507"/>
      <c r="BZ3" s="507"/>
      <c r="CA3" s="507"/>
      <c r="CB3" s="507"/>
      <c r="CC3" s="507"/>
      <c r="CD3" s="507"/>
      <c r="CE3" s="507"/>
      <c r="CF3" s="507"/>
      <c r="CG3" s="507"/>
      <c r="CH3" s="507"/>
      <c r="CI3" s="507"/>
      <c r="CJ3" s="507"/>
      <c r="CK3" s="507"/>
      <c r="CL3" s="507"/>
      <c r="CM3" s="507"/>
      <c r="CN3" s="507"/>
      <c r="CO3" s="507"/>
      <c r="CP3" s="507"/>
      <c r="CQ3" s="507"/>
      <c r="CR3" s="507"/>
      <c r="CS3" s="507"/>
      <c r="CT3" s="507"/>
      <c r="CU3" s="507"/>
      <c r="CV3" s="507"/>
      <c r="CW3" s="508"/>
      <c r="CX3" s="507" t="s">
        <v>103</v>
      </c>
      <c r="CY3" s="507"/>
      <c r="CZ3" s="507"/>
      <c r="DA3" s="507"/>
      <c r="DB3" s="507"/>
      <c r="DC3" s="507"/>
      <c r="DD3" s="507"/>
      <c r="DE3" s="507"/>
      <c r="DF3" s="507"/>
      <c r="DG3" s="507"/>
      <c r="DH3" s="507"/>
      <c r="DI3" s="507"/>
      <c r="DJ3" s="507"/>
      <c r="DK3" s="507"/>
      <c r="DL3" s="507"/>
      <c r="DM3" s="507"/>
      <c r="DN3" s="507"/>
      <c r="DO3" s="507"/>
      <c r="DP3" s="507"/>
      <c r="DQ3" s="507"/>
      <c r="DR3" s="507"/>
      <c r="DS3" s="507"/>
      <c r="DT3" s="507"/>
      <c r="DU3" s="507"/>
      <c r="DV3" s="507"/>
      <c r="DW3" s="507"/>
      <c r="DX3" s="507"/>
      <c r="DY3" s="507"/>
      <c r="DZ3" s="507"/>
      <c r="EA3" s="507"/>
      <c r="EB3" s="507"/>
      <c r="EC3" s="507"/>
      <c r="ED3" s="507"/>
      <c r="EE3" s="507"/>
      <c r="EF3" s="507"/>
      <c r="EG3" s="507"/>
      <c r="EH3" s="507"/>
      <c r="EI3" s="507"/>
      <c r="EJ3" s="507"/>
      <c r="EK3" s="507"/>
      <c r="EL3" s="507"/>
      <c r="EM3" s="507"/>
      <c r="EN3" s="507"/>
      <c r="EO3" s="507"/>
      <c r="EP3" s="507"/>
      <c r="EQ3" s="507"/>
      <c r="ER3" s="507"/>
      <c r="ES3" s="507"/>
      <c r="ET3" s="507"/>
      <c r="EU3" s="507"/>
      <c r="EV3" s="507"/>
      <c r="EW3" s="507"/>
      <c r="EX3" s="507"/>
      <c r="EY3" s="507"/>
      <c r="EZ3" s="507"/>
      <c r="FA3" s="507"/>
      <c r="FB3" s="507"/>
      <c r="FC3" s="507"/>
      <c r="FD3" s="507"/>
      <c r="FE3" s="507"/>
      <c r="FF3" s="507"/>
      <c r="FG3" s="507"/>
      <c r="FH3" s="507"/>
      <c r="FI3" s="507"/>
      <c r="FJ3" s="507"/>
      <c r="FK3" s="507"/>
      <c r="FL3" s="507"/>
      <c r="FM3" s="507"/>
      <c r="FN3" s="507"/>
      <c r="FO3" s="507"/>
      <c r="FP3" s="507"/>
      <c r="FQ3" s="507"/>
      <c r="FR3" s="507"/>
      <c r="FS3" s="507"/>
      <c r="FT3" s="507"/>
      <c r="FU3" s="507"/>
      <c r="FV3" s="507"/>
      <c r="FW3" s="507"/>
      <c r="FX3" s="507"/>
      <c r="FY3" s="507"/>
      <c r="FZ3" s="507"/>
      <c r="GA3" s="507"/>
      <c r="GB3" s="507"/>
      <c r="GC3" s="507"/>
      <c r="GD3" s="507"/>
      <c r="GE3" s="507"/>
      <c r="GF3" s="507"/>
      <c r="GG3" s="507"/>
      <c r="GH3" s="507"/>
      <c r="GI3" s="507"/>
      <c r="GJ3" s="507"/>
      <c r="GK3" s="507"/>
      <c r="GL3" s="507"/>
      <c r="GM3" s="507"/>
      <c r="GN3" s="507"/>
      <c r="GO3" s="507"/>
      <c r="GP3" s="507"/>
      <c r="GQ3" s="507"/>
      <c r="GR3" s="508"/>
      <c r="GS3" s="507" t="s">
        <v>104</v>
      </c>
      <c r="GT3" s="507"/>
      <c r="GU3" s="507"/>
      <c r="GV3" s="507"/>
      <c r="GW3" s="507"/>
      <c r="GX3" s="507"/>
      <c r="GY3" s="507"/>
      <c r="GZ3" s="507"/>
      <c r="HA3" s="507"/>
      <c r="HB3" s="507"/>
      <c r="HC3" s="507"/>
      <c r="HD3" s="507"/>
      <c r="HE3" s="507"/>
      <c r="HF3" s="507"/>
      <c r="HG3" s="507"/>
      <c r="HH3" s="507"/>
      <c r="HI3" s="507"/>
      <c r="HJ3" s="507"/>
      <c r="HK3" s="507"/>
      <c r="HL3" s="507"/>
      <c r="HM3" s="507"/>
      <c r="HN3" s="507"/>
      <c r="HO3" s="507"/>
      <c r="HP3" s="507"/>
      <c r="HQ3" s="507"/>
      <c r="HR3" s="507"/>
      <c r="HS3" s="507"/>
      <c r="HT3" s="507"/>
      <c r="HU3" s="507"/>
      <c r="HV3" s="507"/>
      <c r="HW3" s="507"/>
      <c r="HX3" s="507"/>
      <c r="HY3" s="507"/>
      <c r="HZ3" s="507"/>
      <c r="IA3" s="507"/>
      <c r="IB3" s="507"/>
      <c r="IC3" s="507"/>
      <c r="ID3" s="507"/>
      <c r="IE3" s="507"/>
      <c r="IF3" s="507"/>
      <c r="IG3" s="507"/>
      <c r="IH3" s="507"/>
      <c r="II3" s="507"/>
      <c r="IJ3" s="507"/>
      <c r="IK3" s="507"/>
      <c r="IL3" s="507"/>
      <c r="IM3" s="507"/>
      <c r="IN3" s="507"/>
      <c r="IO3" s="507"/>
      <c r="IP3" s="507"/>
      <c r="IQ3" s="507"/>
      <c r="IR3" s="507"/>
      <c r="IS3" s="507"/>
      <c r="IT3" s="507"/>
      <c r="IU3" s="507"/>
      <c r="IV3" s="507"/>
      <c r="IW3" s="507"/>
      <c r="IX3" s="507"/>
      <c r="IY3" s="507"/>
      <c r="IZ3" s="507"/>
      <c r="JA3" s="507"/>
      <c r="JB3" s="507"/>
      <c r="JC3" s="507"/>
      <c r="JD3" s="507"/>
      <c r="JE3" s="507"/>
      <c r="JF3" s="507"/>
      <c r="JG3" s="507"/>
      <c r="JH3" s="507"/>
      <c r="JI3" s="507"/>
      <c r="JJ3" s="507"/>
      <c r="JK3" s="507"/>
      <c r="JL3" s="507"/>
      <c r="JM3" s="507"/>
      <c r="JN3" s="507"/>
      <c r="JO3" s="507"/>
      <c r="JP3" s="507"/>
      <c r="JQ3" s="507"/>
      <c r="JR3" s="507"/>
      <c r="JS3" s="507"/>
      <c r="JT3" s="507"/>
      <c r="JU3" s="507"/>
      <c r="JV3" s="507"/>
      <c r="JW3" s="507"/>
      <c r="JX3" s="507"/>
      <c r="JY3" s="507"/>
      <c r="JZ3" s="507"/>
      <c r="KA3" s="507"/>
      <c r="KB3" s="507"/>
      <c r="KC3" s="507"/>
      <c r="KD3" s="507"/>
      <c r="KE3" s="507"/>
      <c r="KF3" s="507"/>
      <c r="KG3" s="507"/>
      <c r="KH3" s="507"/>
      <c r="KI3" s="507"/>
      <c r="KJ3" s="507"/>
      <c r="KK3" s="507"/>
      <c r="KL3" s="507"/>
      <c r="KM3" s="508"/>
    </row>
    <row r="4" spans="2:299" ht="21" customHeight="1" thickBot="1" x14ac:dyDescent="0.25">
      <c r="B4" s="524"/>
      <c r="C4" s="509" t="s">
        <v>39</v>
      </c>
      <c r="D4" s="510"/>
      <c r="E4" s="510"/>
      <c r="F4" s="510"/>
      <c r="G4" s="510"/>
      <c r="H4" s="510"/>
      <c r="I4" s="510"/>
      <c r="J4" s="510"/>
      <c r="K4" s="510"/>
      <c r="L4" s="510"/>
      <c r="M4" s="510"/>
      <c r="N4" s="510"/>
      <c r="O4" s="510"/>
      <c r="P4" s="510"/>
      <c r="Q4" s="510"/>
      <c r="R4" s="510"/>
      <c r="S4" s="510"/>
      <c r="T4" s="510"/>
      <c r="U4" s="510"/>
      <c r="V4" s="510"/>
      <c r="W4" s="510"/>
      <c r="X4" s="510"/>
      <c r="Y4" s="510"/>
      <c r="Z4" s="510"/>
      <c r="AA4" s="510"/>
      <c r="AB4" s="510"/>
      <c r="AC4" s="510"/>
      <c r="AD4" s="510"/>
      <c r="AE4" s="510"/>
      <c r="AF4" s="510"/>
      <c r="AG4" s="510"/>
      <c r="AH4" s="510"/>
      <c r="AI4" s="510"/>
      <c r="AJ4" s="510"/>
      <c r="AK4" s="510"/>
      <c r="AL4" s="510"/>
      <c r="AM4" s="510"/>
      <c r="AN4" s="510"/>
      <c r="AO4" s="510"/>
      <c r="AP4" s="510"/>
      <c r="AQ4" s="510"/>
      <c r="AR4" s="510"/>
      <c r="AS4" s="510"/>
      <c r="AT4" s="510"/>
      <c r="AU4" s="510"/>
      <c r="AV4" s="510"/>
      <c r="AW4" s="510"/>
      <c r="AX4" s="510"/>
      <c r="AY4" s="510"/>
      <c r="AZ4" s="510"/>
      <c r="BA4" s="510"/>
      <c r="BB4" s="510"/>
      <c r="BC4" s="510"/>
      <c r="BD4" s="510"/>
      <c r="BE4" s="510"/>
      <c r="BF4" s="510"/>
      <c r="BG4" s="510"/>
      <c r="BH4" s="510"/>
      <c r="BI4" s="510"/>
      <c r="BJ4" s="510"/>
      <c r="BK4" s="510"/>
      <c r="BL4" s="510"/>
      <c r="BM4" s="510"/>
      <c r="BN4" s="510"/>
      <c r="BO4" s="510"/>
      <c r="BP4" s="510"/>
      <c r="BQ4" s="510"/>
      <c r="BR4" s="510"/>
      <c r="BS4" s="510"/>
      <c r="BT4" s="510"/>
      <c r="BU4" s="510"/>
      <c r="BV4" s="510"/>
      <c r="BW4" s="510"/>
      <c r="BX4" s="510"/>
      <c r="BY4" s="510"/>
      <c r="BZ4" s="510"/>
      <c r="CA4" s="511"/>
      <c r="CB4" s="512" t="s">
        <v>40</v>
      </c>
      <c r="CC4" s="513"/>
      <c r="CD4" s="513"/>
      <c r="CE4" s="513"/>
      <c r="CF4" s="513"/>
      <c r="CG4" s="513"/>
      <c r="CH4" s="513"/>
      <c r="CI4" s="513"/>
      <c r="CJ4" s="513"/>
      <c r="CK4" s="513"/>
      <c r="CL4" s="514"/>
      <c r="CM4" s="512" t="s">
        <v>41</v>
      </c>
      <c r="CN4" s="513"/>
      <c r="CO4" s="513"/>
      <c r="CP4" s="513"/>
      <c r="CQ4" s="513"/>
      <c r="CR4" s="513"/>
      <c r="CS4" s="513"/>
      <c r="CT4" s="513"/>
      <c r="CU4" s="513"/>
      <c r="CV4" s="513"/>
      <c r="CW4" s="514"/>
      <c r="CX4" s="509" t="s">
        <v>39</v>
      </c>
      <c r="CY4" s="510"/>
      <c r="CZ4" s="510"/>
      <c r="DA4" s="510"/>
      <c r="DB4" s="510"/>
      <c r="DC4" s="510"/>
      <c r="DD4" s="510"/>
      <c r="DE4" s="510"/>
      <c r="DF4" s="510"/>
      <c r="DG4" s="510"/>
      <c r="DH4" s="510"/>
      <c r="DI4" s="510"/>
      <c r="DJ4" s="510"/>
      <c r="DK4" s="510"/>
      <c r="DL4" s="510"/>
      <c r="DM4" s="510"/>
      <c r="DN4" s="510"/>
      <c r="DO4" s="510"/>
      <c r="DP4" s="510"/>
      <c r="DQ4" s="510"/>
      <c r="DR4" s="510"/>
      <c r="DS4" s="510"/>
      <c r="DT4" s="510"/>
      <c r="DU4" s="510"/>
      <c r="DV4" s="510"/>
      <c r="DW4" s="510"/>
      <c r="DX4" s="510"/>
      <c r="DY4" s="510"/>
      <c r="DZ4" s="510"/>
      <c r="EA4" s="510"/>
      <c r="EB4" s="510"/>
      <c r="EC4" s="510"/>
      <c r="ED4" s="510"/>
      <c r="EE4" s="510"/>
      <c r="EF4" s="510"/>
      <c r="EG4" s="510"/>
      <c r="EH4" s="510"/>
      <c r="EI4" s="510"/>
      <c r="EJ4" s="510"/>
      <c r="EK4" s="510"/>
      <c r="EL4" s="510"/>
      <c r="EM4" s="510"/>
      <c r="EN4" s="510"/>
      <c r="EO4" s="510"/>
      <c r="EP4" s="510"/>
      <c r="EQ4" s="510"/>
      <c r="ER4" s="510"/>
      <c r="ES4" s="510"/>
      <c r="ET4" s="510"/>
      <c r="EU4" s="510"/>
      <c r="EV4" s="510"/>
      <c r="EW4" s="510"/>
      <c r="EX4" s="510"/>
      <c r="EY4" s="510"/>
      <c r="EZ4" s="510"/>
      <c r="FA4" s="510"/>
      <c r="FB4" s="510"/>
      <c r="FC4" s="510"/>
      <c r="FD4" s="510"/>
      <c r="FE4" s="510"/>
      <c r="FF4" s="510"/>
      <c r="FG4" s="510"/>
      <c r="FH4" s="510"/>
      <c r="FI4" s="510"/>
      <c r="FJ4" s="510"/>
      <c r="FK4" s="510"/>
      <c r="FL4" s="510"/>
      <c r="FM4" s="510"/>
      <c r="FN4" s="510"/>
      <c r="FO4" s="510"/>
      <c r="FP4" s="510"/>
      <c r="FQ4" s="510"/>
      <c r="FR4" s="510"/>
      <c r="FS4" s="510"/>
      <c r="FT4" s="510"/>
      <c r="FU4" s="510"/>
      <c r="FV4" s="511"/>
      <c r="FW4" s="512" t="s">
        <v>40</v>
      </c>
      <c r="FX4" s="513"/>
      <c r="FY4" s="513"/>
      <c r="FZ4" s="513"/>
      <c r="GA4" s="513"/>
      <c r="GB4" s="513"/>
      <c r="GC4" s="513"/>
      <c r="GD4" s="513"/>
      <c r="GE4" s="513"/>
      <c r="GF4" s="513"/>
      <c r="GG4" s="514"/>
      <c r="GH4" s="512" t="s">
        <v>41</v>
      </c>
      <c r="GI4" s="513"/>
      <c r="GJ4" s="513"/>
      <c r="GK4" s="513"/>
      <c r="GL4" s="513"/>
      <c r="GM4" s="513"/>
      <c r="GN4" s="513"/>
      <c r="GO4" s="513"/>
      <c r="GP4" s="513"/>
      <c r="GQ4" s="513"/>
      <c r="GR4" s="514"/>
      <c r="GS4" s="509" t="s">
        <v>39</v>
      </c>
      <c r="GT4" s="510"/>
      <c r="GU4" s="510"/>
      <c r="GV4" s="510"/>
      <c r="GW4" s="510"/>
      <c r="GX4" s="510"/>
      <c r="GY4" s="510"/>
      <c r="GZ4" s="510"/>
      <c r="HA4" s="510"/>
      <c r="HB4" s="510"/>
      <c r="HC4" s="510"/>
      <c r="HD4" s="510"/>
      <c r="HE4" s="510"/>
      <c r="HF4" s="510"/>
      <c r="HG4" s="510"/>
      <c r="HH4" s="510"/>
      <c r="HI4" s="510"/>
      <c r="HJ4" s="510"/>
      <c r="HK4" s="510"/>
      <c r="HL4" s="510"/>
      <c r="HM4" s="510"/>
      <c r="HN4" s="510"/>
      <c r="HO4" s="510"/>
      <c r="HP4" s="510"/>
      <c r="HQ4" s="510"/>
      <c r="HR4" s="510"/>
      <c r="HS4" s="510"/>
      <c r="HT4" s="510"/>
      <c r="HU4" s="510"/>
      <c r="HV4" s="510"/>
      <c r="HW4" s="510"/>
      <c r="HX4" s="510"/>
      <c r="HY4" s="510"/>
      <c r="HZ4" s="510"/>
      <c r="IA4" s="510"/>
      <c r="IB4" s="510"/>
      <c r="IC4" s="510"/>
      <c r="ID4" s="510"/>
      <c r="IE4" s="510"/>
      <c r="IF4" s="510"/>
      <c r="IG4" s="510"/>
      <c r="IH4" s="510"/>
      <c r="II4" s="510"/>
      <c r="IJ4" s="510"/>
      <c r="IK4" s="510"/>
      <c r="IL4" s="510"/>
      <c r="IM4" s="510"/>
      <c r="IN4" s="510"/>
      <c r="IO4" s="510"/>
      <c r="IP4" s="510"/>
      <c r="IQ4" s="510"/>
      <c r="IR4" s="510"/>
      <c r="IS4" s="510"/>
      <c r="IT4" s="510"/>
      <c r="IU4" s="510"/>
      <c r="IV4" s="510"/>
      <c r="IW4" s="510"/>
      <c r="IX4" s="510"/>
      <c r="IY4" s="510"/>
      <c r="IZ4" s="510"/>
      <c r="JA4" s="510"/>
      <c r="JB4" s="510"/>
      <c r="JC4" s="510"/>
      <c r="JD4" s="510"/>
      <c r="JE4" s="510"/>
      <c r="JF4" s="510"/>
      <c r="JG4" s="510"/>
      <c r="JH4" s="510"/>
      <c r="JI4" s="510"/>
      <c r="JJ4" s="510"/>
      <c r="JK4" s="510"/>
      <c r="JL4" s="510"/>
      <c r="JM4" s="510"/>
      <c r="JN4" s="510"/>
      <c r="JO4" s="510"/>
      <c r="JP4" s="510"/>
      <c r="JQ4" s="511"/>
      <c r="JR4" s="512" t="s">
        <v>40</v>
      </c>
      <c r="JS4" s="513"/>
      <c r="JT4" s="513"/>
      <c r="JU4" s="513"/>
      <c r="JV4" s="513"/>
      <c r="JW4" s="513"/>
      <c r="JX4" s="513"/>
      <c r="JY4" s="513"/>
      <c r="JZ4" s="513"/>
      <c r="KA4" s="513"/>
      <c r="KB4" s="514"/>
      <c r="KC4" s="512" t="s">
        <v>41</v>
      </c>
      <c r="KD4" s="513"/>
      <c r="KE4" s="513"/>
      <c r="KF4" s="513"/>
      <c r="KG4" s="513"/>
      <c r="KH4" s="513"/>
      <c r="KI4" s="513"/>
      <c r="KJ4" s="513"/>
      <c r="KK4" s="513"/>
      <c r="KL4" s="513"/>
      <c r="KM4" s="514"/>
    </row>
    <row r="5" spans="2:299" ht="21" customHeight="1" thickBot="1" x14ac:dyDescent="0.25">
      <c r="B5" s="518"/>
      <c r="C5" s="518"/>
      <c r="D5" s="519"/>
      <c r="E5" s="519"/>
      <c r="F5" s="519"/>
      <c r="G5" s="519"/>
      <c r="H5" s="519"/>
      <c r="I5" s="519"/>
      <c r="J5" s="519"/>
      <c r="K5" s="519"/>
      <c r="L5" s="519"/>
      <c r="M5" s="520"/>
      <c r="N5" s="521" t="s">
        <v>97</v>
      </c>
      <c r="O5" s="522"/>
      <c r="P5" s="522"/>
      <c r="Q5" s="522"/>
      <c r="R5" s="522"/>
      <c r="S5" s="522"/>
      <c r="T5" s="522"/>
      <c r="U5" s="522"/>
      <c r="V5" s="522"/>
      <c r="W5" s="522"/>
      <c r="X5" s="523"/>
      <c r="Y5" s="521" t="s">
        <v>98</v>
      </c>
      <c r="Z5" s="522"/>
      <c r="AA5" s="522"/>
      <c r="AB5" s="522"/>
      <c r="AC5" s="522"/>
      <c r="AD5" s="522"/>
      <c r="AE5" s="522"/>
      <c r="AF5" s="522"/>
      <c r="AG5" s="522"/>
      <c r="AH5" s="522"/>
      <c r="AI5" s="523"/>
      <c r="AJ5" s="521" t="s">
        <v>99</v>
      </c>
      <c r="AK5" s="522"/>
      <c r="AL5" s="522"/>
      <c r="AM5" s="522"/>
      <c r="AN5" s="522"/>
      <c r="AO5" s="522"/>
      <c r="AP5" s="522"/>
      <c r="AQ5" s="522"/>
      <c r="AR5" s="522"/>
      <c r="AS5" s="522"/>
      <c r="AT5" s="523"/>
      <c r="AU5" s="521" t="s">
        <v>100</v>
      </c>
      <c r="AV5" s="522"/>
      <c r="AW5" s="522"/>
      <c r="AX5" s="522"/>
      <c r="AY5" s="522"/>
      <c r="AZ5" s="522"/>
      <c r="BA5" s="522"/>
      <c r="BB5" s="522"/>
      <c r="BC5" s="522"/>
      <c r="BD5" s="522"/>
      <c r="BE5" s="523"/>
      <c r="BF5" s="521" t="s">
        <v>101</v>
      </c>
      <c r="BG5" s="522"/>
      <c r="BH5" s="522"/>
      <c r="BI5" s="522"/>
      <c r="BJ5" s="522"/>
      <c r="BK5" s="522"/>
      <c r="BL5" s="522"/>
      <c r="BM5" s="522"/>
      <c r="BN5" s="522"/>
      <c r="BO5" s="522"/>
      <c r="BP5" s="523"/>
      <c r="BQ5" s="521" t="s">
        <v>102</v>
      </c>
      <c r="BR5" s="522"/>
      <c r="BS5" s="522"/>
      <c r="BT5" s="522"/>
      <c r="BU5" s="522"/>
      <c r="BV5" s="522"/>
      <c r="BW5" s="522"/>
      <c r="BX5" s="522"/>
      <c r="BY5" s="522"/>
      <c r="BZ5" s="522"/>
      <c r="CA5" s="523"/>
      <c r="CB5" s="515"/>
      <c r="CC5" s="516"/>
      <c r="CD5" s="516"/>
      <c r="CE5" s="516"/>
      <c r="CF5" s="516"/>
      <c r="CG5" s="516"/>
      <c r="CH5" s="516"/>
      <c r="CI5" s="516"/>
      <c r="CJ5" s="516"/>
      <c r="CK5" s="516"/>
      <c r="CL5" s="517"/>
      <c r="CM5" s="515"/>
      <c r="CN5" s="516"/>
      <c r="CO5" s="516"/>
      <c r="CP5" s="516"/>
      <c r="CQ5" s="516"/>
      <c r="CR5" s="516"/>
      <c r="CS5" s="516"/>
      <c r="CT5" s="516"/>
      <c r="CU5" s="516"/>
      <c r="CV5" s="516"/>
      <c r="CW5" s="517"/>
      <c r="CX5" s="518"/>
      <c r="CY5" s="519"/>
      <c r="CZ5" s="519"/>
      <c r="DA5" s="519"/>
      <c r="DB5" s="519"/>
      <c r="DC5" s="519"/>
      <c r="DD5" s="519"/>
      <c r="DE5" s="519"/>
      <c r="DF5" s="519"/>
      <c r="DG5" s="519"/>
      <c r="DH5" s="520"/>
      <c r="DI5" s="521" t="s">
        <v>97</v>
      </c>
      <c r="DJ5" s="522"/>
      <c r="DK5" s="522"/>
      <c r="DL5" s="522"/>
      <c r="DM5" s="522"/>
      <c r="DN5" s="522"/>
      <c r="DO5" s="522"/>
      <c r="DP5" s="522"/>
      <c r="DQ5" s="522"/>
      <c r="DR5" s="522"/>
      <c r="DS5" s="523"/>
      <c r="DT5" s="521" t="s">
        <v>98</v>
      </c>
      <c r="DU5" s="522"/>
      <c r="DV5" s="522"/>
      <c r="DW5" s="522"/>
      <c r="DX5" s="522"/>
      <c r="DY5" s="522"/>
      <c r="DZ5" s="522"/>
      <c r="EA5" s="522"/>
      <c r="EB5" s="522"/>
      <c r="EC5" s="522"/>
      <c r="ED5" s="523"/>
      <c r="EE5" s="521" t="s">
        <v>99</v>
      </c>
      <c r="EF5" s="522"/>
      <c r="EG5" s="522"/>
      <c r="EH5" s="522"/>
      <c r="EI5" s="522"/>
      <c r="EJ5" s="522"/>
      <c r="EK5" s="522"/>
      <c r="EL5" s="522"/>
      <c r="EM5" s="522"/>
      <c r="EN5" s="522"/>
      <c r="EO5" s="523"/>
      <c r="EP5" s="521" t="s">
        <v>100</v>
      </c>
      <c r="EQ5" s="522"/>
      <c r="ER5" s="522"/>
      <c r="ES5" s="522"/>
      <c r="ET5" s="522"/>
      <c r="EU5" s="522"/>
      <c r="EV5" s="522"/>
      <c r="EW5" s="522"/>
      <c r="EX5" s="522"/>
      <c r="EY5" s="522"/>
      <c r="EZ5" s="523"/>
      <c r="FA5" s="521" t="s">
        <v>101</v>
      </c>
      <c r="FB5" s="522"/>
      <c r="FC5" s="522"/>
      <c r="FD5" s="522"/>
      <c r="FE5" s="522"/>
      <c r="FF5" s="522"/>
      <c r="FG5" s="522"/>
      <c r="FH5" s="522"/>
      <c r="FI5" s="522"/>
      <c r="FJ5" s="522"/>
      <c r="FK5" s="523"/>
      <c r="FL5" s="521" t="s">
        <v>102</v>
      </c>
      <c r="FM5" s="522"/>
      <c r="FN5" s="522"/>
      <c r="FO5" s="522"/>
      <c r="FP5" s="522"/>
      <c r="FQ5" s="522"/>
      <c r="FR5" s="522"/>
      <c r="FS5" s="522"/>
      <c r="FT5" s="522"/>
      <c r="FU5" s="522"/>
      <c r="FV5" s="523"/>
      <c r="FW5" s="515"/>
      <c r="FX5" s="516"/>
      <c r="FY5" s="516"/>
      <c r="FZ5" s="516"/>
      <c r="GA5" s="516"/>
      <c r="GB5" s="516"/>
      <c r="GC5" s="516"/>
      <c r="GD5" s="516"/>
      <c r="GE5" s="516"/>
      <c r="GF5" s="516"/>
      <c r="GG5" s="517"/>
      <c r="GH5" s="515"/>
      <c r="GI5" s="516"/>
      <c r="GJ5" s="516"/>
      <c r="GK5" s="516"/>
      <c r="GL5" s="516"/>
      <c r="GM5" s="516"/>
      <c r="GN5" s="516"/>
      <c r="GO5" s="516"/>
      <c r="GP5" s="516"/>
      <c r="GQ5" s="516"/>
      <c r="GR5" s="517"/>
      <c r="GS5" s="518"/>
      <c r="GT5" s="519"/>
      <c r="GU5" s="519"/>
      <c r="GV5" s="519"/>
      <c r="GW5" s="519"/>
      <c r="GX5" s="519"/>
      <c r="GY5" s="519"/>
      <c r="GZ5" s="519"/>
      <c r="HA5" s="519"/>
      <c r="HB5" s="519"/>
      <c r="HC5" s="520"/>
      <c r="HD5" s="521" t="s">
        <v>97</v>
      </c>
      <c r="HE5" s="522"/>
      <c r="HF5" s="522"/>
      <c r="HG5" s="522"/>
      <c r="HH5" s="522"/>
      <c r="HI5" s="522"/>
      <c r="HJ5" s="522"/>
      <c r="HK5" s="522"/>
      <c r="HL5" s="522"/>
      <c r="HM5" s="522"/>
      <c r="HN5" s="523"/>
      <c r="HO5" s="521" t="s">
        <v>98</v>
      </c>
      <c r="HP5" s="522"/>
      <c r="HQ5" s="522"/>
      <c r="HR5" s="522"/>
      <c r="HS5" s="522"/>
      <c r="HT5" s="522"/>
      <c r="HU5" s="522"/>
      <c r="HV5" s="522"/>
      <c r="HW5" s="522"/>
      <c r="HX5" s="522"/>
      <c r="HY5" s="523"/>
      <c r="HZ5" s="521" t="s">
        <v>99</v>
      </c>
      <c r="IA5" s="522"/>
      <c r="IB5" s="522"/>
      <c r="IC5" s="522"/>
      <c r="ID5" s="522"/>
      <c r="IE5" s="522"/>
      <c r="IF5" s="522"/>
      <c r="IG5" s="522"/>
      <c r="IH5" s="522"/>
      <c r="II5" s="522"/>
      <c r="IJ5" s="523"/>
      <c r="IK5" s="521" t="s">
        <v>100</v>
      </c>
      <c r="IL5" s="522"/>
      <c r="IM5" s="522"/>
      <c r="IN5" s="522"/>
      <c r="IO5" s="522"/>
      <c r="IP5" s="522"/>
      <c r="IQ5" s="522"/>
      <c r="IR5" s="522"/>
      <c r="IS5" s="522"/>
      <c r="IT5" s="522"/>
      <c r="IU5" s="523"/>
      <c r="IV5" s="521" t="s">
        <v>101</v>
      </c>
      <c r="IW5" s="522"/>
      <c r="IX5" s="522"/>
      <c r="IY5" s="522"/>
      <c r="IZ5" s="522"/>
      <c r="JA5" s="522"/>
      <c r="JB5" s="522"/>
      <c r="JC5" s="522"/>
      <c r="JD5" s="522"/>
      <c r="JE5" s="522"/>
      <c r="JF5" s="523"/>
      <c r="JG5" s="521" t="s">
        <v>102</v>
      </c>
      <c r="JH5" s="522"/>
      <c r="JI5" s="522"/>
      <c r="JJ5" s="522"/>
      <c r="JK5" s="522"/>
      <c r="JL5" s="522"/>
      <c r="JM5" s="522"/>
      <c r="JN5" s="522"/>
      <c r="JO5" s="522"/>
      <c r="JP5" s="522"/>
      <c r="JQ5" s="523"/>
      <c r="JR5" s="515"/>
      <c r="JS5" s="516"/>
      <c r="JT5" s="516"/>
      <c r="JU5" s="516"/>
      <c r="JV5" s="516"/>
      <c r="JW5" s="516"/>
      <c r="JX5" s="516"/>
      <c r="JY5" s="516"/>
      <c r="JZ5" s="516"/>
      <c r="KA5" s="516"/>
      <c r="KB5" s="517"/>
      <c r="KC5" s="515"/>
      <c r="KD5" s="516"/>
      <c r="KE5" s="516"/>
      <c r="KF5" s="516"/>
      <c r="KG5" s="516"/>
      <c r="KH5" s="516"/>
      <c r="KI5" s="516"/>
      <c r="KJ5" s="516"/>
      <c r="KK5" s="516"/>
      <c r="KL5" s="516"/>
      <c r="KM5" s="517"/>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4244</v>
      </c>
      <c r="D7" s="78">
        <v>3956</v>
      </c>
      <c r="E7" s="79">
        <v>8200</v>
      </c>
      <c r="F7" s="240"/>
      <c r="G7" s="78">
        <v>5809</v>
      </c>
      <c r="H7" s="78">
        <v>5183</v>
      </c>
      <c r="I7" s="78">
        <v>3498</v>
      </c>
      <c r="J7" s="78">
        <v>2842</v>
      </c>
      <c r="K7" s="78">
        <v>1674</v>
      </c>
      <c r="L7" s="80">
        <v>19006</v>
      </c>
      <c r="M7" s="81">
        <v>27206</v>
      </c>
      <c r="N7" s="66">
        <v>54</v>
      </c>
      <c r="O7" s="67">
        <v>65</v>
      </c>
      <c r="P7" s="68">
        <v>119</v>
      </c>
      <c r="Q7" s="243"/>
      <c r="R7" s="67">
        <v>90</v>
      </c>
      <c r="S7" s="67">
        <v>116</v>
      </c>
      <c r="T7" s="67">
        <v>56</v>
      </c>
      <c r="U7" s="67">
        <v>44</v>
      </c>
      <c r="V7" s="67">
        <v>38</v>
      </c>
      <c r="W7" s="68">
        <v>344</v>
      </c>
      <c r="X7" s="69">
        <v>463</v>
      </c>
      <c r="Y7" s="66">
        <v>163</v>
      </c>
      <c r="Z7" s="67">
        <v>181</v>
      </c>
      <c r="AA7" s="68">
        <v>344</v>
      </c>
      <c r="AB7" s="243"/>
      <c r="AC7" s="67">
        <v>230</v>
      </c>
      <c r="AD7" s="67">
        <v>233</v>
      </c>
      <c r="AE7" s="67">
        <v>157</v>
      </c>
      <c r="AF7" s="67">
        <v>141</v>
      </c>
      <c r="AG7" s="67">
        <v>95</v>
      </c>
      <c r="AH7" s="68">
        <v>856</v>
      </c>
      <c r="AI7" s="69">
        <v>1200</v>
      </c>
      <c r="AJ7" s="66">
        <v>357</v>
      </c>
      <c r="AK7" s="67">
        <v>328</v>
      </c>
      <c r="AL7" s="68">
        <v>685</v>
      </c>
      <c r="AM7" s="243"/>
      <c r="AN7" s="67">
        <v>439</v>
      </c>
      <c r="AO7" s="67">
        <v>392</v>
      </c>
      <c r="AP7" s="67">
        <v>268</v>
      </c>
      <c r="AQ7" s="67">
        <v>211</v>
      </c>
      <c r="AR7" s="67">
        <v>164</v>
      </c>
      <c r="AS7" s="68">
        <v>1474</v>
      </c>
      <c r="AT7" s="69">
        <v>2159</v>
      </c>
      <c r="AU7" s="66">
        <v>793</v>
      </c>
      <c r="AV7" s="67">
        <v>727</v>
      </c>
      <c r="AW7" s="68">
        <v>1520</v>
      </c>
      <c r="AX7" s="243"/>
      <c r="AY7" s="67">
        <v>1101</v>
      </c>
      <c r="AZ7" s="67">
        <v>923</v>
      </c>
      <c r="BA7" s="67">
        <v>551</v>
      </c>
      <c r="BB7" s="67">
        <v>447</v>
      </c>
      <c r="BC7" s="67">
        <v>305</v>
      </c>
      <c r="BD7" s="68">
        <v>3327</v>
      </c>
      <c r="BE7" s="69">
        <v>4847</v>
      </c>
      <c r="BF7" s="66">
        <v>1558</v>
      </c>
      <c r="BG7" s="67">
        <v>1340</v>
      </c>
      <c r="BH7" s="68">
        <v>2898</v>
      </c>
      <c r="BI7" s="243"/>
      <c r="BJ7" s="67">
        <v>1947</v>
      </c>
      <c r="BK7" s="67">
        <v>1564</v>
      </c>
      <c r="BL7" s="67">
        <v>1030</v>
      </c>
      <c r="BM7" s="67">
        <v>845</v>
      </c>
      <c r="BN7" s="67">
        <v>495</v>
      </c>
      <c r="BO7" s="68">
        <v>5881</v>
      </c>
      <c r="BP7" s="69">
        <v>8779</v>
      </c>
      <c r="BQ7" s="66">
        <v>1319</v>
      </c>
      <c r="BR7" s="67">
        <v>1315</v>
      </c>
      <c r="BS7" s="68">
        <v>2634</v>
      </c>
      <c r="BT7" s="243"/>
      <c r="BU7" s="67">
        <v>2002</v>
      </c>
      <c r="BV7" s="67">
        <v>1955</v>
      </c>
      <c r="BW7" s="67">
        <v>1436</v>
      </c>
      <c r="BX7" s="67">
        <v>1154</v>
      </c>
      <c r="BY7" s="67">
        <v>577</v>
      </c>
      <c r="BZ7" s="68">
        <v>7124</v>
      </c>
      <c r="CA7" s="69">
        <v>9758</v>
      </c>
      <c r="CB7" s="66">
        <v>0</v>
      </c>
      <c r="CC7" s="67">
        <v>0</v>
      </c>
      <c r="CD7" s="68">
        <v>0</v>
      </c>
      <c r="CE7" s="243"/>
      <c r="CF7" s="67">
        <v>0</v>
      </c>
      <c r="CG7" s="67">
        <v>0</v>
      </c>
      <c r="CH7" s="67">
        <v>0</v>
      </c>
      <c r="CI7" s="67">
        <v>0</v>
      </c>
      <c r="CJ7" s="67">
        <v>0</v>
      </c>
      <c r="CK7" s="68">
        <v>0</v>
      </c>
      <c r="CL7" s="69">
        <v>0</v>
      </c>
      <c r="CM7" s="66">
        <v>4244</v>
      </c>
      <c r="CN7" s="67">
        <v>3956</v>
      </c>
      <c r="CO7" s="68">
        <v>8200</v>
      </c>
      <c r="CP7" s="243"/>
      <c r="CQ7" s="67">
        <v>5809</v>
      </c>
      <c r="CR7" s="67">
        <v>5183</v>
      </c>
      <c r="CS7" s="67">
        <v>3498</v>
      </c>
      <c r="CT7" s="67">
        <v>2842</v>
      </c>
      <c r="CU7" s="67">
        <v>1674</v>
      </c>
      <c r="CV7" s="68">
        <v>19006</v>
      </c>
      <c r="CW7" s="69">
        <v>27206</v>
      </c>
      <c r="CX7" s="122">
        <v>611</v>
      </c>
      <c r="CY7" s="78">
        <v>641</v>
      </c>
      <c r="CZ7" s="79">
        <v>1252</v>
      </c>
      <c r="DA7" s="240"/>
      <c r="DB7" s="78">
        <v>807</v>
      </c>
      <c r="DC7" s="78">
        <v>741</v>
      </c>
      <c r="DD7" s="78">
        <v>526</v>
      </c>
      <c r="DE7" s="78">
        <v>531</v>
      </c>
      <c r="DF7" s="78">
        <v>347</v>
      </c>
      <c r="DG7" s="80">
        <v>2952</v>
      </c>
      <c r="DH7" s="81">
        <v>4204</v>
      </c>
      <c r="DI7" s="66">
        <v>12</v>
      </c>
      <c r="DJ7" s="67">
        <v>14</v>
      </c>
      <c r="DK7" s="68">
        <v>26</v>
      </c>
      <c r="DL7" s="243"/>
      <c r="DM7" s="67">
        <v>10</v>
      </c>
      <c r="DN7" s="67">
        <v>10</v>
      </c>
      <c r="DO7" s="67">
        <v>7</v>
      </c>
      <c r="DP7" s="67">
        <v>10</v>
      </c>
      <c r="DQ7" s="67">
        <v>4</v>
      </c>
      <c r="DR7" s="68">
        <v>41</v>
      </c>
      <c r="DS7" s="69">
        <v>67</v>
      </c>
      <c r="DT7" s="66">
        <v>40</v>
      </c>
      <c r="DU7" s="67">
        <v>45</v>
      </c>
      <c r="DV7" s="68">
        <v>85</v>
      </c>
      <c r="DW7" s="243"/>
      <c r="DX7" s="67">
        <v>39</v>
      </c>
      <c r="DY7" s="67">
        <v>30</v>
      </c>
      <c r="DZ7" s="67">
        <v>16</v>
      </c>
      <c r="EA7" s="67">
        <v>19</v>
      </c>
      <c r="EB7" s="67">
        <v>9</v>
      </c>
      <c r="EC7" s="68">
        <v>113</v>
      </c>
      <c r="ED7" s="69">
        <v>198</v>
      </c>
      <c r="EE7" s="66">
        <v>74</v>
      </c>
      <c r="EF7" s="67">
        <v>79</v>
      </c>
      <c r="EG7" s="68">
        <v>153</v>
      </c>
      <c r="EH7" s="243"/>
      <c r="EI7" s="67">
        <v>70</v>
      </c>
      <c r="EJ7" s="67">
        <v>64</v>
      </c>
      <c r="EK7" s="67">
        <v>47</v>
      </c>
      <c r="EL7" s="67">
        <v>20</v>
      </c>
      <c r="EM7" s="67">
        <v>16</v>
      </c>
      <c r="EN7" s="68">
        <v>217</v>
      </c>
      <c r="EO7" s="69">
        <v>370</v>
      </c>
      <c r="EP7" s="66">
        <v>167</v>
      </c>
      <c r="EQ7" s="67">
        <v>146</v>
      </c>
      <c r="ER7" s="68">
        <v>313</v>
      </c>
      <c r="ES7" s="243"/>
      <c r="ET7" s="67">
        <v>151</v>
      </c>
      <c r="EU7" s="67">
        <v>106</v>
      </c>
      <c r="EV7" s="67">
        <v>59</v>
      </c>
      <c r="EW7" s="67">
        <v>62</v>
      </c>
      <c r="EX7" s="67">
        <v>37</v>
      </c>
      <c r="EY7" s="68">
        <v>415</v>
      </c>
      <c r="EZ7" s="69">
        <v>728</v>
      </c>
      <c r="FA7" s="66">
        <v>174</v>
      </c>
      <c r="FB7" s="67">
        <v>192</v>
      </c>
      <c r="FC7" s="68">
        <v>366</v>
      </c>
      <c r="FD7" s="243"/>
      <c r="FE7" s="67">
        <v>251</v>
      </c>
      <c r="FF7" s="67">
        <v>211</v>
      </c>
      <c r="FG7" s="67">
        <v>140</v>
      </c>
      <c r="FH7" s="67">
        <v>122</v>
      </c>
      <c r="FI7" s="67">
        <v>93</v>
      </c>
      <c r="FJ7" s="68">
        <v>817</v>
      </c>
      <c r="FK7" s="69">
        <v>1183</v>
      </c>
      <c r="FL7" s="66">
        <v>144</v>
      </c>
      <c r="FM7" s="67">
        <v>165</v>
      </c>
      <c r="FN7" s="68">
        <v>309</v>
      </c>
      <c r="FO7" s="243"/>
      <c r="FP7" s="67">
        <v>286</v>
      </c>
      <c r="FQ7" s="67">
        <v>320</v>
      </c>
      <c r="FR7" s="67">
        <v>257</v>
      </c>
      <c r="FS7" s="67">
        <v>298</v>
      </c>
      <c r="FT7" s="67">
        <v>188</v>
      </c>
      <c r="FU7" s="68">
        <v>1349</v>
      </c>
      <c r="FV7" s="69">
        <v>1658</v>
      </c>
      <c r="FW7" s="66">
        <v>0</v>
      </c>
      <c r="FX7" s="67">
        <v>0</v>
      </c>
      <c r="FY7" s="68">
        <v>0</v>
      </c>
      <c r="FZ7" s="243"/>
      <c r="GA7" s="67">
        <v>0</v>
      </c>
      <c r="GB7" s="67">
        <v>0</v>
      </c>
      <c r="GC7" s="67">
        <v>0</v>
      </c>
      <c r="GD7" s="67">
        <v>0</v>
      </c>
      <c r="GE7" s="67">
        <v>0</v>
      </c>
      <c r="GF7" s="68">
        <v>0</v>
      </c>
      <c r="GG7" s="69">
        <v>0</v>
      </c>
      <c r="GH7" s="66">
        <v>611</v>
      </c>
      <c r="GI7" s="67">
        <v>641</v>
      </c>
      <c r="GJ7" s="68">
        <v>1252</v>
      </c>
      <c r="GK7" s="243"/>
      <c r="GL7" s="67">
        <v>807</v>
      </c>
      <c r="GM7" s="67">
        <v>741</v>
      </c>
      <c r="GN7" s="67">
        <v>526</v>
      </c>
      <c r="GO7" s="67">
        <v>531</v>
      </c>
      <c r="GP7" s="67">
        <v>347</v>
      </c>
      <c r="GQ7" s="68">
        <v>2952</v>
      </c>
      <c r="GR7" s="69">
        <v>4204</v>
      </c>
      <c r="GS7" s="122">
        <v>4855</v>
      </c>
      <c r="GT7" s="78">
        <v>4597</v>
      </c>
      <c r="GU7" s="79">
        <v>9452</v>
      </c>
      <c r="GV7" s="240"/>
      <c r="GW7" s="78">
        <v>6616</v>
      </c>
      <c r="GX7" s="78">
        <v>5924</v>
      </c>
      <c r="GY7" s="78">
        <v>4024</v>
      </c>
      <c r="GZ7" s="78">
        <v>3373</v>
      </c>
      <c r="HA7" s="78">
        <v>2021</v>
      </c>
      <c r="HB7" s="80">
        <v>21958</v>
      </c>
      <c r="HC7" s="81">
        <v>31410</v>
      </c>
      <c r="HD7" s="66">
        <v>66</v>
      </c>
      <c r="HE7" s="67">
        <v>79</v>
      </c>
      <c r="HF7" s="68">
        <v>145</v>
      </c>
      <c r="HG7" s="243"/>
      <c r="HH7" s="67">
        <v>100</v>
      </c>
      <c r="HI7" s="67">
        <v>126</v>
      </c>
      <c r="HJ7" s="67">
        <v>63</v>
      </c>
      <c r="HK7" s="67">
        <v>54</v>
      </c>
      <c r="HL7" s="67">
        <v>42</v>
      </c>
      <c r="HM7" s="68">
        <v>385</v>
      </c>
      <c r="HN7" s="69">
        <v>530</v>
      </c>
      <c r="HO7" s="66">
        <v>203</v>
      </c>
      <c r="HP7" s="67">
        <v>226</v>
      </c>
      <c r="HQ7" s="68">
        <v>429</v>
      </c>
      <c r="HR7" s="243"/>
      <c r="HS7" s="67">
        <v>269</v>
      </c>
      <c r="HT7" s="67">
        <v>263</v>
      </c>
      <c r="HU7" s="67">
        <v>173</v>
      </c>
      <c r="HV7" s="67">
        <v>160</v>
      </c>
      <c r="HW7" s="67">
        <v>104</v>
      </c>
      <c r="HX7" s="68">
        <v>969</v>
      </c>
      <c r="HY7" s="69">
        <v>1398</v>
      </c>
      <c r="HZ7" s="66">
        <v>431</v>
      </c>
      <c r="IA7" s="67">
        <v>407</v>
      </c>
      <c r="IB7" s="68">
        <v>838</v>
      </c>
      <c r="IC7" s="243"/>
      <c r="ID7" s="67">
        <v>509</v>
      </c>
      <c r="IE7" s="67">
        <v>456</v>
      </c>
      <c r="IF7" s="67">
        <v>315</v>
      </c>
      <c r="IG7" s="67">
        <v>231</v>
      </c>
      <c r="IH7" s="67">
        <v>180</v>
      </c>
      <c r="II7" s="68">
        <v>1691</v>
      </c>
      <c r="IJ7" s="69">
        <v>2529</v>
      </c>
      <c r="IK7" s="66">
        <v>960</v>
      </c>
      <c r="IL7" s="67">
        <v>873</v>
      </c>
      <c r="IM7" s="68">
        <v>1833</v>
      </c>
      <c r="IN7" s="243"/>
      <c r="IO7" s="67">
        <v>1252</v>
      </c>
      <c r="IP7" s="67">
        <v>1029</v>
      </c>
      <c r="IQ7" s="67">
        <v>610</v>
      </c>
      <c r="IR7" s="67">
        <v>509</v>
      </c>
      <c r="IS7" s="67">
        <v>342</v>
      </c>
      <c r="IT7" s="68">
        <v>3742</v>
      </c>
      <c r="IU7" s="69">
        <v>5575</v>
      </c>
      <c r="IV7" s="66">
        <v>1732</v>
      </c>
      <c r="IW7" s="67">
        <v>1532</v>
      </c>
      <c r="IX7" s="68">
        <v>3264</v>
      </c>
      <c r="IY7" s="243"/>
      <c r="IZ7" s="67">
        <v>2198</v>
      </c>
      <c r="JA7" s="67">
        <v>1775</v>
      </c>
      <c r="JB7" s="67">
        <v>1170</v>
      </c>
      <c r="JC7" s="67">
        <v>967</v>
      </c>
      <c r="JD7" s="67">
        <v>588</v>
      </c>
      <c r="JE7" s="68">
        <v>6698</v>
      </c>
      <c r="JF7" s="69">
        <v>9962</v>
      </c>
      <c r="JG7" s="66">
        <v>1463</v>
      </c>
      <c r="JH7" s="67">
        <v>1480</v>
      </c>
      <c r="JI7" s="68">
        <v>2943</v>
      </c>
      <c r="JJ7" s="243"/>
      <c r="JK7" s="67">
        <v>2288</v>
      </c>
      <c r="JL7" s="67">
        <v>2275</v>
      </c>
      <c r="JM7" s="67">
        <v>1693</v>
      </c>
      <c r="JN7" s="67">
        <v>1452</v>
      </c>
      <c r="JO7" s="67">
        <v>765</v>
      </c>
      <c r="JP7" s="68">
        <v>8473</v>
      </c>
      <c r="JQ7" s="69">
        <v>11416</v>
      </c>
      <c r="JR7" s="66">
        <v>0</v>
      </c>
      <c r="JS7" s="67">
        <v>0</v>
      </c>
      <c r="JT7" s="68">
        <v>0</v>
      </c>
      <c r="JU7" s="243"/>
      <c r="JV7" s="67">
        <v>0</v>
      </c>
      <c r="JW7" s="67">
        <v>0</v>
      </c>
      <c r="JX7" s="67">
        <v>0</v>
      </c>
      <c r="JY7" s="67">
        <v>0</v>
      </c>
      <c r="JZ7" s="67">
        <v>0</v>
      </c>
      <c r="KA7" s="68">
        <v>0</v>
      </c>
      <c r="KB7" s="69">
        <v>0</v>
      </c>
      <c r="KC7" s="66">
        <v>4855</v>
      </c>
      <c r="KD7" s="67">
        <v>4597</v>
      </c>
      <c r="KE7" s="68">
        <v>9452</v>
      </c>
      <c r="KF7" s="243"/>
      <c r="KG7" s="67">
        <v>6616</v>
      </c>
      <c r="KH7" s="67">
        <v>5924</v>
      </c>
      <c r="KI7" s="67">
        <v>4024</v>
      </c>
      <c r="KJ7" s="67">
        <v>3373</v>
      </c>
      <c r="KK7" s="67">
        <v>2021</v>
      </c>
      <c r="KL7" s="68">
        <v>21958</v>
      </c>
      <c r="KM7" s="69">
        <v>31410</v>
      </c>
    </row>
    <row r="8" spans="2:299" ht="21" customHeight="1" x14ac:dyDescent="0.2">
      <c r="B8" s="126" t="s">
        <v>5</v>
      </c>
      <c r="C8" s="315">
        <v>1824</v>
      </c>
      <c r="D8" s="82">
        <v>1975</v>
      </c>
      <c r="E8" s="83">
        <v>3799</v>
      </c>
      <c r="F8" s="241"/>
      <c r="G8" s="82">
        <v>2133</v>
      </c>
      <c r="H8" s="82">
        <v>2412</v>
      </c>
      <c r="I8" s="82">
        <v>1590</v>
      </c>
      <c r="J8" s="82">
        <v>1202</v>
      </c>
      <c r="K8" s="82">
        <v>755</v>
      </c>
      <c r="L8" s="84">
        <v>8092</v>
      </c>
      <c r="M8" s="85">
        <v>11891</v>
      </c>
      <c r="N8" s="70">
        <v>20</v>
      </c>
      <c r="O8" s="71">
        <v>32</v>
      </c>
      <c r="P8" s="72">
        <v>52</v>
      </c>
      <c r="Q8" s="244"/>
      <c r="R8" s="71">
        <v>30</v>
      </c>
      <c r="S8" s="71">
        <v>52</v>
      </c>
      <c r="T8" s="71">
        <v>24</v>
      </c>
      <c r="U8" s="71">
        <v>22</v>
      </c>
      <c r="V8" s="71">
        <v>21</v>
      </c>
      <c r="W8" s="72">
        <v>149</v>
      </c>
      <c r="X8" s="73">
        <v>201</v>
      </c>
      <c r="Y8" s="70">
        <v>62</v>
      </c>
      <c r="Z8" s="71">
        <v>86</v>
      </c>
      <c r="AA8" s="72">
        <v>148</v>
      </c>
      <c r="AB8" s="244"/>
      <c r="AC8" s="71">
        <v>76</v>
      </c>
      <c r="AD8" s="71">
        <v>113</v>
      </c>
      <c r="AE8" s="71">
        <v>71</v>
      </c>
      <c r="AF8" s="71">
        <v>51</v>
      </c>
      <c r="AG8" s="71">
        <v>40</v>
      </c>
      <c r="AH8" s="72">
        <v>351</v>
      </c>
      <c r="AI8" s="73">
        <v>499</v>
      </c>
      <c r="AJ8" s="70">
        <v>147</v>
      </c>
      <c r="AK8" s="71">
        <v>162</v>
      </c>
      <c r="AL8" s="72">
        <v>309</v>
      </c>
      <c r="AM8" s="244"/>
      <c r="AN8" s="71">
        <v>157</v>
      </c>
      <c r="AO8" s="71">
        <v>153</v>
      </c>
      <c r="AP8" s="71">
        <v>107</v>
      </c>
      <c r="AQ8" s="71">
        <v>78</v>
      </c>
      <c r="AR8" s="71">
        <v>64</v>
      </c>
      <c r="AS8" s="72">
        <v>559</v>
      </c>
      <c r="AT8" s="73">
        <v>868</v>
      </c>
      <c r="AU8" s="70">
        <v>335</v>
      </c>
      <c r="AV8" s="71">
        <v>347</v>
      </c>
      <c r="AW8" s="72">
        <v>682</v>
      </c>
      <c r="AX8" s="244"/>
      <c r="AY8" s="71">
        <v>378</v>
      </c>
      <c r="AZ8" s="71">
        <v>389</v>
      </c>
      <c r="BA8" s="71">
        <v>244</v>
      </c>
      <c r="BB8" s="71">
        <v>186</v>
      </c>
      <c r="BC8" s="71">
        <v>132</v>
      </c>
      <c r="BD8" s="72">
        <v>1329</v>
      </c>
      <c r="BE8" s="73">
        <v>2011</v>
      </c>
      <c r="BF8" s="70">
        <v>671</v>
      </c>
      <c r="BG8" s="71">
        <v>686</v>
      </c>
      <c r="BH8" s="72">
        <v>1357</v>
      </c>
      <c r="BI8" s="244"/>
      <c r="BJ8" s="71">
        <v>774</v>
      </c>
      <c r="BK8" s="71">
        <v>742</v>
      </c>
      <c r="BL8" s="71">
        <v>463</v>
      </c>
      <c r="BM8" s="71">
        <v>355</v>
      </c>
      <c r="BN8" s="71">
        <v>223</v>
      </c>
      <c r="BO8" s="72">
        <v>2557</v>
      </c>
      <c r="BP8" s="73">
        <v>3914</v>
      </c>
      <c r="BQ8" s="70">
        <v>589</v>
      </c>
      <c r="BR8" s="71">
        <v>662</v>
      </c>
      <c r="BS8" s="72">
        <v>1251</v>
      </c>
      <c r="BT8" s="244"/>
      <c r="BU8" s="71">
        <v>718</v>
      </c>
      <c r="BV8" s="71">
        <v>963</v>
      </c>
      <c r="BW8" s="71">
        <v>681</v>
      </c>
      <c r="BX8" s="71">
        <v>510</v>
      </c>
      <c r="BY8" s="71">
        <v>275</v>
      </c>
      <c r="BZ8" s="72">
        <v>3147</v>
      </c>
      <c r="CA8" s="73">
        <v>4398</v>
      </c>
      <c r="CB8" s="70">
        <v>0</v>
      </c>
      <c r="CC8" s="71">
        <v>0</v>
      </c>
      <c r="CD8" s="72">
        <v>0</v>
      </c>
      <c r="CE8" s="244"/>
      <c r="CF8" s="71">
        <v>0</v>
      </c>
      <c r="CG8" s="71">
        <v>0</v>
      </c>
      <c r="CH8" s="71">
        <v>0</v>
      </c>
      <c r="CI8" s="71">
        <v>0</v>
      </c>
      <c r="CJ8" s="71">
        <v>0</v>
      </c>
      <c r="CK8" s="72">
        <v>0</v>
      </c>
      <c r="CL8" s="73">
        <v>0</v>
      </c>
      <c r="CM8" s="70">
        <v>1824</v>
      </c>
      <c r="CN8" s="71">
        <v>1975</v>
      </c>
      <c r="CO8" s="72">
        <v>3799</v>
      </c>
      <c r="CP8" s="244"/>
      <c r="CQ8" s="71">
        <v>2133</v>
      </c>
      <c r="CR8" s="71">
        <v>2412</v>
      </c>
      <c r="CS8" s="71">
        <v>1590</v>
      </c>
      <c r="CT8" s="71">
        <v>1202</v>
      </c>
      <c r="CU8" s="71">
        <v>755</v>
      </c>
      <c r="CV8" s="72">
        <v>8092</v>
      </c>
      <c r="CW8" s="73">
        <v>11891</v>
      </c>
      <c r="CX8" s="123">
        <v>240</v>
      </c>
      <c r="CY8" s="82">
        <v>324</v>
      </c>
      <c r="CZ8" s="83">
        <v>564</v>
      </c>
      <c r="DA8" s="241"/>
      <c r="DB8" s="82">
        <v>290</v>
      </c>
      <c r="DC8" s="82">
        <v>353</v>
      </c>
      <c r="DD8" s="82">
        <v>224</v>
      </c>
      <c r="DE8" s="82">
        <v>241</v>
      </c>
      <c r="DF8" s="82">
        <v>155</v>
      </c>
      <c r="DG8" s="84">
        <v>1263</v>
      </c>
      <c r="DH8" s="85">
        <v>1827</v>
      </c>
      <c r="DI8" s="70">
        <v>5</v>
      </c>
      <c r="DJ8" s="71">
        <v>8</v>
      </c>
      <c r="DK8" s="72">
        <v>13</v>
      </c>
      <c r="DL8" s="244"/>
      <c r="DM8" s="71">
        <v>3</v>
      </c>
      <c r="DN8" s="71">
        <v>6</v>
      </c>
      <c r="DO8" s="71">
        <v>3</v>
      </c>
      <c r="DP8" s="71">
        <v>4</v>
      </c>
      <c r="DQ8" s="71">
        <v>2</v>
      </c>
      <c r="DR8" s="72">
        <v>18</v>
      </c>
      <c r="DS8" s="73">
        <v>31</v>
      </c>
      <c r="DT8" s="70">
        <v>15</v>
      </c>
      <c r="DU8" s="71">
        <v>25</v>
      </c>
      <c r="DV8" s="72">
        <v>40</v>
      </c>
      <c r="DW8" s="244"/>
      <c r="DX8" s="71">
        <v>12</v>
      </c>
      <c r="DY8" s="71">
        <v>12</v>
      </c>
      <c r="DZ8" s="71">
        <v>5</v>
      </c>
      <c r="EA8" s="71">
        <v>7</v>
      </c>
      <c r="EB8" s="71">
        <v>6</v>
      </c>
      <c r="EC8" s="72">
        <v>42</v>
      </c>
      <c r="ED8" s="73">
        <v>82</v>
      </c>
      <c r="EE8" s="70">
        <v>26</v>
      </c>
      <c r="EF8" s="71">
        <v>43</v>
      </c>
      <c r="EG8" s="72">
        <v>69</v>
      </c>
      <c r="EH8" s="244"/>
      <c r="EI8" s="71">
        <v>24</v>
      </c>
      <c r="EJ8" s="71">
        <v>33</v>
      </c>
      <c r="EK8" s="71">
        <v>15</v>
      </c>
      <c r="EL8" s="71">
        <v>8</v>
      </c>
      <c r="EM8" s="71">
        <v>12</v>
      </c>
      <c r="EN8" s="72">
        <v>92</v>
      </c>
      <c r="EO8" s="73">
        <v>161</v>
      </c>
      <c r="EP8" s="70">
        <v>67</v>
      </c>
      <c r="EQ8" s="71">
        <v>72</v>
      </c>
      <c r="ER8" s="72">
        <v>139</v>
      </c>
      <c r="ES8" s="244"/>
      <c r="ET8" s="71">
        <v>57</v>
      </c>
      <c r="EU8" s="71">
        <v>47</v>
      </c>
      <c r="EV8" s="71">
        <v>27</v>
      </c>
      <c r="EW8" s="71">
        <v>35</v>
      </c>
      <c r="EX8" s="71">
        <v>16</v>
      </c>
      <c r="EY8" s="72">
        <v>182</v>
      </c>
      <c r="EZ8" s="73">
        <v>321</v>
      </c>
      <c r="FA8" s="70">
        <v>73</v>
      </c>
      <c r="FB8" s="71">
        <v>88</v>
      </c>
      <c r="FC8" s="72">
        <v>161</v>
      </c>
      <c r="FD8" s="244"/>
      <c r="FE8" s="71">
        <v>89</v>
      </c>
      <c r="FF8" s="71">
        <v>97</v>
      </c>
      <c r="FG8" s="71">
        <v>58</v>
      </c>
      <c r="FH8" s="71">
        <v>51</v>
      </c>
      <c r="FI8" s="71">
        <v>38</v>
      </c>
      <c r="FJ8" s="72">
        <v>333</v>
      </c>
      <c r="FK8" s="73">
        <v>494</v>
      </c>
      <c r="FL8" s="70">
        <v>54</v>
      </c>
      <c r="FM8" s="71">
        <v>88</v>
      </c>
      <c r="FN8" s="72">
        <v>142</v>
      </c>
      <c r="FO8" s="244"/>
      <c r="FP8" s="71">
        <v>105</v>
      </c>
      <c r="FQ8" s="71">
        <v>158</v>
      </c>
      <c r="FR8" s="71">
        <v>116</v>
      </c>
      <c r="FS8" s="71">
        <v>136</v>
      </c>
      <c r="FT8" s="71">
        <v>81</v>
      </c>
      <c r="FU8" s="72">
        <v>596</v>
      </c>
      <c r="FV8" s="73">
        <v>738</v>
      </c>
      <c r="FW8" s="70">
        <v>0</v>
      </c>
      <c r="FX8" s="71">
        <v>0</v>
      </c>
      <c r="FY8" s="72">
        <v>0</v>
      </c>
      <c r="FZ8" s="244"/>
      <c r="GA8" s="71">
        <v>0</v>
      </c>
      <c r="GB8" s="71">
        <v>0</v>
      </c>
      <c r="GC8" s="71">
        <v>0</v>
      </c>
      <c r="GD8" s="71">
        <v>0</v>
      </c>
      <c r="GE8" s="71">
        <v>0</v>
      </c>
      <c r="GF8" s="72">
        <v>0</v>
      </c>
      <c r="GG8" s="73">
        <v>0</v>
      </c>
      <c r="GH8" s="70">
        <v>240</v>
      </c>
      <c r="GI8" s="71">
        <v>324</v>
      </c>
      <c r="GJ8" s="72">
        <v>564</v>
      </c>
      <c r="GK8" s="244"/>
      <c r="GL8" s="71">
        <v>290</v>
      </c>
      <c r="GM8" s="71">
        <v>353</v>
      </c>
      <c r="GN8" s="71">
        <v>224</v>
      </c>
      <c r="GO8" s="71">
        <v>241</v>
      </c>
      <c r="GP8" s="71">
        <v>155</v>
      </c>
      <c r="GQ8" s="72">
        <v>1263</v>
      </c>
      <c r="GR8" s="73">
        <v>1827</v>
      </c>
      <c r="GS8" s="123">
        <v>2064</v>
      </c>
      <c r="GT8" s="82">
        <v>2299</v>
      </c>
      <c r="GU8" s="83">
        <v>4363</v>
      </c>
      <c r="GV8" s="241"/>
      <c r="GW8" s="82">
        <v>2423</v>
      </c>
      <c r="GX8" s="82">
        <v>2765</v>
      </c>
      <c r="GY8" s="82">
        <v>1814</v>
      </c>
      <c r="GZ8" s="82">
        <v>1443</v>
      </c>
      <c r="HA8" s="82">
        <v>910</v>
      </c>
      <c r="HB8" s="84">
        <v>9355</v>
      </c>
      <c r="HC8" s="85">
        <v>13718</v>
      </c>
      <c r="HD8" s="70">
        <v>25</v>
      </c>
      <c r="HE8" s="71">
        <v>40</v>
      </c>
      <c r="HF8" s="72">
        <v>65</v>
      </c>
      <c r="HG8" s="244"/>
      <c r="HH8" s="71">
        <v>33</v>
      </c>
      <c r="HI8" s="71">
        <v>58</v>
      </c>
      <c r="HJ8" s="71">
        <v>27</v>
      </c>
      <c r="HK8" s="71">
        <v>26</v>
      </c>
      <c r="HL8" s="71">
        <v>23</v>
      </c>
      <c r="HM8" s="72">
        <v>167</v>
      </c>
      <c r="HN8" s="73">
        <v>232</v>
      </c>
      <c r="HO8" s="70">
        <v>77</v>
      </c>
      <c r="HP8" s="71">
        <v>111</v>
      </c>
      <c r="HQ8" s="72">
        <v>188</v>
      </c>
      <c r="HR8" s="244"/>
      <c r="HS8" s="71">
        <v>88</v>
      </c>
      <c r="HT8" s="71">
        <v>125</v>
      </c>
      <c r="HU8" s="71">
        <v>76</v>
      </c>
      <c r="HV8" s="71">
        <v>58</v>
      </c>
      <c r="HW8" s="71">
        <v>46</v>
      </c>
      <c r="HX8" s="72">
        <v>393</v>
      </c>
      <c r="HY8" s="73">
        <v>581</v>
      </c>
      <c r="HZ8" s="70">
        <v>173</v>
      </c>
      <c r="IA8" s="71">
        <v>205</v>
      </c>
      <c r="IB8" s="72">
        <v>378</v>
      </c>
      <c r="IC8" s="244"/>
      <c r="ID8" s="71">
        <v>181</v>
      </c>
      <c r="IE8" s="71">
        <v>186</v>
      </c>
      <c r="IF8" s="71">
        <v>122</v>
      </c>
      <c r="IG8" s="71">
        <v>86</v>
      </c>
      <c r="IH8" s="71">
        <v>76</v>
      </c>
      <c r="II8" s="72">
        <v>651</v>
      </c>
      <c r="IJ8" s="73">
        <v>1029</v>
      </c>
      <c r="IK8" s="70">
        <v>402</v>
      </c>
      <c r="IL8" s="71">
        <v>419</v>
      </c>
      <c r="IM8" s="72">
        <v>821</v>
      </c>
      <c r="IN8" s="244"/>
      <c r="IO8" s="71">
        <v>435</v>
      </c>
      <c r="IP8" s="71">
        <v>436</v>
      </c>
      <c r="IQ8" s="71">
        <v>271</v>
      </c>
      <c r="IR8" s="71">
        <v>221</v>
      </c>
      <c r="IS8" s="71">
        <v>148</v>
      </c>
      <c r="IT8" s="72">
        <v>1511</v>
      </c>
      <c r="IU8" s="73">
        <v>2332</v>
      </c>
      <c r="IV8" s="70">
        <v>744</v>
      </c>
      <c r="IW8" s="71">
        <v>774</v>
      </c>
      <c r="IX8" s="72">
        <v>1518</v>
      </c>
      <c r="IY8" s="244"/>
      <c r="IZ8" s="71">
        <v>863</v>
      </c>
      <c r="JA8" s="71">
        <v>839</v>
      </c>
      <c r="JB8" s="71">
        <v>521</v>
      </c>
      <c r="JC8" s="71">
        <v>406</v>
      </c>
      <c r="JD8" s="71">
        <v>261</v>
      </c>
      <c r="JE8" s="72">
        <v>2890</v>
      </c>
      <c r="JF8" s="73">
        <v>4408</v>
      </c>
      <c r="JG8" s="70">
        <v>643</v>
      </c>
      <c r="JH8" s="71">
        <v>750</v>
      </c>
      <c r="JI8" s="72">
        <v>1393</v>
      </c>
      <c r="JJ8" s="244"/>
      <c r="JK8" s="71">
        <v>823</v>
      </c>
      <c r="JL8" s="71">
        <v>1121</v>
      </c>
      <c r="JM8" s="71">
        <v>797</v>
      </c>
      <c r="JN8" s="71">
        <v>646</v>
      </c>
      <c r="JO8" s="71">
        <v>356</v>
      </c>
      <c r="JP8" s="72">
        <v>3743</v>
      </c>
      <c r="JQ8" s="73">
        <v>5136</v>
      </c>
      <c r="JR8" s="70">
        <v>0</v>
      </c>
      <c r="JS8" s="71">
        <v>0</v>
      </c>
      <c r="JT8" s="72">
        <v>0</v>
      </c>
      <c r="JU8" s="244"/>
      <c r="JV8" s="71">
        <v>0</v>
      </c>
      <c r="JW8" s="71">
        <v>0</v>
      </c>
      <c r="JX8" s="71">
        <v>0</v>
      </c>
      <c r="JY8" s="71">
        <v>0</v>
      </c>
      <c r="JZ8" s="71">
        <v>0</v>
      </c>
      <c r="KA8" s="72">
        <v>0</v>
      </c>
      <c r="KB8" s="73">
        <v>0</v>
      </c>
      <c r="KC8" s="70">
        <v>2064</v>
      </c>
      <c r="KD8" s="71">
        <v>2299</v>
      </c>
      <c r="KE8" s="72">
        <v>4363</v>
      </c>
      <c r="KF8" s="244"/>
      <c r="KG8" s="71">
        <v>2423</v>
      </c>
      <c r="KH8" s="71">
        <v>2765</v>
      </c>
      <c r="KI8" s="71">
        <v>1814</v>
      </c>
      <c r="KJ8" s="71">
        <v>1443</v>
      </c>
      <c r="KK8" s="71">
        <v>910</v>
      </c>
      <c r="KL8" s="72">
        <v>9355</v>
      </c>
      <c r="KM8" s="73">
        <v>13718</v>
      </c>
    </row>
    <row r="9" spans="2:299" ht="21" customHeight="1" x14ac:dyDescent="0.2">
      <c r="B9" s="126" t="s">
        <v>6</v>
      </c>
      <c r="C9" s="315">
        <v>487</v>
      </c>
      <c r="D9" s="82">
        <v>359</v>
      </c>
      <c r="E9" s="83">
        <v>846</v>
      </c>
      <c r="F9" s="241"/>
      <c r="G9" s="82">
        <v>792</v>
      </c>
      <c r="H9" s="82">
        <v>548</v>
      </c>
      <c r="I9" s="82">
        <v>382</v>
      </c>
      <c r="J9" s="82">
        <v>363</v>
      </c>
      <c r="K9" s="82">
        <v>230</v>
      </c>
      <c r="L9" s="84">
        <v>2315</v>
      </c>
      <c r="M9" s="85">
        <v>3161</v>
      </c>
      <c r="N9" s="70">
        <v>6</v>
      </c>
      <c r="O9" s="71">
        <v>5</v>
      </c>
      <c r="P9" s="72">
        <v>11</v>
      </c>
      <c r="Q9" s="244"/>
      <c r="R9" s="71">
        <v>13</v>
      </c>
      <c r="S9" s="71">
        <v>12</v>
      </c>
      <c r="T9" s="71">
        <v>7</v>
      </c>
      <c r="U9" s="71">
        <v>2</v>
      </c>
      <c r="V9" s="71">
        <v>4</v>
      </c>
      <c r="W9" s="72">
        <v>38</v>
      </c>
      <c r="X9" s="73">
        <v>49</v>
      </c>
      <c r="Y9" s="70">
        <v>18</v>
      </c>
      <c r="Z9" s="71">
        <v>16</v>
      </c>
      <c r="AA9" s="72">
        <v>34</v>
      </c>
      <c r="AB9" s="244"/>
      <c r="AC9" s="71">
        <v>41</v>
      </c>
      <c r="AD9" s="71">
        <v>23</v>
      </c>
      <c r="AE9" s="71">
        <v>15</v>
      </c>
      <c r="AF9" s="71">
        <v>29</v>
      </c>
      <c r="AG9" s="71">
        <v>19</v>
      </c>
      <c r="AH9" s="72">
        <v>127</v>
      </c>
      <c r="AI9" s="73">
        <v>161</v>
      </c>
      <c r="AJ9" s="70">
        <v>35</v>
      </c>
      <c r="AK9" s="71">
        <v>32</v>
      </c>
      <c r="AL9" s="72">
        <v>67</v>
      </c>
      <c r="AM9" s="244"/>
      <c r="AN9" s="71">
        <v>65</v>
      </c>
      <c r="AO9" s="71">
        <v>46</v>
      </c>
      <c r="AP9" s="71">
        <v>32</v>
      </c>
      <c r="AQ9" s="71">
        <v>22</v>
      </c>
      <c r="AR9" s="71">
        <v>27</v>
      </c>
      <c r="AS9" s="72">
        <v>192</v>
      </c>
      <c r="AT9" s="73">
        <v>259</v>
      </c>
      <c r="AU9" s="70">
        <v>87</v>
      </c>
      <c r="AV9" s="71">
        <v>51</v>
      </c>
      <c r="AW9" s="72">
        <v>138</v>
      </c>
      <c r="AX9" s="244"/>
      <c r="AY9" s="71">
        <v>150</v>
      </c>
      <c r="AZ9" s="71">
        <v>89</v>
      </c>
      <c r="BA9" s="71">
        <v>62</v>
      </c>
      <c r="BB9" s="71">
        <v>39</v>
      </c>
      <c r="BC9" s="71">
        <v>35</v>
      </c>
      <c r="BD9" s="72">
        <v>375</v>
      </c>
      <c r="BE9" s="73">
        <v>513</v>
      </c>
      <c r="BF9" s="70">
        <v>186</v>
      </c>
      <c r="BG9" s="71">
        <v>110</v>
      </c>
      <c r="BH9" s="72">
        <v>296</v>
      </c>
      <c r="BI9" s="244"/>
      <c r="BJ9" s="71">
        <v>246</v>
      </c>
      <c r="BK9" s="71">
        <v>168</v>
      </c>
      <c r="BL9" s="71">
        <v>108</v>
      </c>
      <c r="BM9" s="71">
        <v>101</v>
      </c>
      <c r="BN9" s="71">
        <v>72</v>
      </c>
      <c r="BO9" s="72">
        <v>695</v>
      </c>
      <c r="BP9" s="73">
        <v>991</v>
      </c>
      <c r="BQ9" s="70">
        <v>155</v>
      </c>
      <c r="BR9" s="71">
        <v>145</v>
      </c>
      <c r="BS9" s="72">
        <v>300</v>
      </c>
      <c r="BT9" s="244"/>
      <c r="BU9" s="71">
        <v>277</v>
      </c>
      <c r="BV9" s="71">
        <v>210</v>
      </c>
      <c r="BW9" s="71">
        <v>158</v>
      </c>
      <c r="BX9" s="71">
        <v>170</v>
      </c>
      <c r="BY9" s="71">
        <v>73</v>
      </c>
      <c r="BZ9" s="72">
        <v>888</v>
      </c>
      <c r="CA9" s="73">
        <v>1188</v>
      </c>
      <c r="CB9" s="70">
        <v>0</v>
      </c>
      <c r="CC9" s="71">
        <v>0</v>
      </c>
      <c r="CD9" s="72">
        <v>0</v>
      </c>
      <c r="CE9" s="244"/>
      <c r="CF9" s="71">
        <v>0</v>
      </c>
      <c r="CG9" s="71">
        <v>0</v>
      </c>
      <c r="CH9" s="71">
        <v>0</v>
      </c>
      <c r="CI9" s="71">
        <v>0</v>
      </c>
      <c r="CJ9" s="71">
        <v>0</v>
      </c>
      <c r="CK9" s="72">
        <v>0</v>
      </c>
      <c r="CL9" s="73">
        <v>0</v>
      </c>
      <c r="CM9" s="70">
        <v>487</v>
      </c>
      <c r="CN9" s="71">
        <v>359</v>
      </c>
      <c r="CO9" s="72">
        <v>846</v>
      </c>
      <c r="CP9" s="244"/>
      <c r="CQ9" s="71">
        <v>792</v>
      </c>
      <c r="CR9" s="71">
        <v>548</v>
      </c>
      <c r="CS9" s="71">
        <v>382</v>
      </c>
      <c r="CT9" s="71">
        <v>363</v>
      </c>
      <c r="CU9" s="71">
        <v>230</v>
      </c>
      <c r="CV9" s="72">
        <v>2315</v>
      </c>
      <c r="CW9" s="73">
        <v>3161</v>
      </c>
      <c r="CX9" s="123">
        <v>104</v>
      </c>
      <c r="CY9" s="82">
        <v>86</v>
      </c>
      <c r="CZ9" s="83">
        <v>190</v>
      </c>
      <c r="DA9" s="241"/>
      <c r="DB9" s="82">
        <v>126</v>
      </c>
      <c r="DC9" s="82">
        <v>102</v>
      </c>
      <c r="DD9" s="82">
        <v>85</v>
      </c>
      <c r="DE9" s="82">
        <v>74</v>
      </c>
      <c r="DF9" s="82">
        <v>53</v>
      </c>
      <c r="DG9" s="84">
        <v>440</v>
      </c>
      <c r="DH9" s="85">
        <v>630</v>
      </c>
      <c r="DI9" s="70">
        <v>3</v>
      </c>
      <c r="DJ9" s="71">
        <v>0</v>
      </c>
      <c r="DK9" s="72">
        <v>3</v>
      </c>
      <c r="DL9" s="244"/>
      <c r="DM9" s="71">
        <v>1</v>
      </c>
      <c r="DN9" s="71">
        <v>1</v>
      </c>
      <c r="DO9" s="71">
        <v>0</v>
      </c>
      <c r="DP9" s="71">
        <v>4</v>
      </c>
      <c r="DQ9" s="71">
        <v>1</v>
      </c>
      <c r="DR9" s="72">
        <v>7</v>
      </c>
      <c r="DS9" s="73">
        <v>10</v>
      </c>
      <c r="DT9" s="70">
        <v>4</v>
      </c>
      <c r="DU9" s="71">
        <v>6</v>
      </c>
      <c r="DV9" s="72">
        <v>10</v>
      </c>
      <c r="DW9" s="244"/>
      <c r="DX9" s="71">
        <v>7</v>
      </c>
      <c r="DY9" s="71">
        <v>2</v>
      </c>
      <c r="DZ9" s="71">
        <v>0</v>
      </c>
      <c r="EA9" s="71">
        <v>4</v>
      </c>
      <c r="EB9" s="71">
        <v>1</v>
      </c>
      <c r="EC9" s="72">
        <v>14</v>
      </c>
      <c r="ED9" s="73">
        <v>24</v>
      </c>
      <c r="EE9" s="70">
        <v>14</v>
      </c>
      <c r="EF9" s="71">
        <v>8</v>
      </c>
      <c r="EG9" s="72">
        <v>22</v>
      </c>
      <c r="EH9" s="244"/>
      <c r="EI9" s="71">
        <v>10</v>
      </c>
      <c r="EJ9" s="71">
        <v>4</v>
      </c>
      <c r="EK9" s="71">
        <v>8</v>
      </c>
      <c r="EL9" s="71">
        <v>3</v>
      </c>
      <c r="EM9" s="71">
        <v>0</v>
      </c>
      <c r="EN9" s="72">
        <v>25</v>
      </c>
      <c r="EO9" s="73">
        <v>47</v>
      </c>
      <c r="EP9" s="70">
        <v>35</v>
      </c>
      <c r="EQ9" s="71">
        <v>23</v>
      </c>
      <c r="ER9" s="72">
        <v>58</v>
      </c>
      <c r="ES9" s="244"/>
      <c r="ET9" s="71">
        <v>23</v>
      </c>
      <c r="EU9" s="71">
        <v>17</v>
      </c>
      <c r="EV9" s="71">
        <v>10</v>
      </c>
      <c r="EW9" s="71">
        <v>4</v>
      </c>
      <c r="EX9" s="71">
        <v>8</v>
      </c>
      <c r="EY9" s="72">
        <v>62</v>
      </c>
      <c r="EZ9" s="73">
        <v>120</v>
      </c>
      <c r="FA9" s="70">
        <v>27</v>
      </c>
      <c r="FB9" s="71">
        <v>30</v>
      </c>
      <c r="FC9" s="72">
        <v>57</v>
      </c>
      <c r="FD9" s="244"/>
      <c r="FE9" s="71">
        <v>44</v>
      </c>
      <c r="FF9" s="71">
        <v>32</v>
      </c>
      <c r="FG9" s="71">
        <v>30</v>
      </c>
      <c r="FH9" s="71">
        <v>20</v>
      </c>
      <c r="FI9" s="71">
        <v>14</v>
      </c>
      <c r="FJ9" s="72">
        <v>140</v>
      </c>
      <c r="FK9" s="73">
        <v>197</v>
      </c>
      <c r="FL9" s="70">
        <v>21</v>
      </c>
      <c r="FM9" s="71">
        <v>19</v>
      </c>
      <c r="FN9" s="72">
        <v>40</v>
      </c>
      <c r="FO9" s="244"/>
      <c r="FP9" s="71">
        <v>41</v>
      </c>
      <c r="FQ9" s="71">
        <v>46</v>
      </c>
      <c r="FR9" s="71">
        <v>37</v>
      </c>
      <c r="FS9" s="71">
        <v>39</v>
      </c>
      <c r="FT9" s="71">
        <v>29</v>
      </c>
      <c r="FU9" s="72">
        <v>192</v>
      </c>
      <c r="FV9" s="73">
        <v>232</v>
      </c>
      <c r="FW9" s="70">
        <v>0</v>
      </c>
      <c r="FX9" s="71">
        <v>0</v>
      </c>
      <c r="FY9" s="72">
        <v>0</v>
      </c>
      <c r="FZ9" s="244"/>
      <c r="GA9" s="71">
        <v>0</v>
      </c>
      <c r="GB9" s="71">
        <v>0</v>
      </c>
      <c r="GC9" s="71">
        <v>0</v>
      </c>
      <c r="GD9" s="71">
        <v>0</v>
      </c>
      <c r="GE9" s="71">
        <v>0</v>
      </c>
      <c r="GF9" s="72">
        <v>0</v>
      </c>
      <c r="GG9" s="73">
        <v>0</v>
      </c>
      <c r="GH9" s="70">
        <v>104</v>
      </c>
      <c r="GI9" s="71">
        <v>86</v>
      </c>
      <c r="GJ9" s="72">
        <v>190</v>
      </c>
      <c r="GK9" s="244"/>
      <c r="GL9" s="71">
        <v>126</v>
      </c>
      <c r="GM9" s="71">
        <v>102</v>
      </c>
      <c r="GN9" s="71">
        <v>85</v>
      </c>
      <c r="GO9" s="71">
        <v>74</v>
      </c>
      <c r="GP9" s="71">
        <v>53</v>
      </c>
      <c r="GQ9" s="72">
        <v>440</v>
      </c>
      <c r="GR9" s="73">
        <v>630</v>
      </c>
      <c r="GS9" s="123">
        <v>591</v>
      </c>
      <c r="GT9" s="82">
        <v>445</v>
      </c>
      <c r="GU9" s="83">
        <v>1036</v>
      </c>
      <c r="GV9" s="241"/>
      <c r="GW9" s="82">
        <v>918</v>
      </c>
      <c r="GX9" s="82">
        <v>650</v>
      </c>
      <c r="GY9" s="82">
        <v>467</v>
      </c>
      <c r="GZ9" s="82">
        <v>437</v>
      </c>
      <c r="HA9" s="82">
        <v>283</v>
      </c>
      <c r="HB9" s="84">
        <v>2755</v>
      </c>
      <c r="HC9" s="85">
        <v>3791</v>
      </c>
      <c r="HD9" s="70">
        <v>9</v>
      </c>
      <c r="HE9" s="71">
        <v>5</v>
      </c>
      <c r="HF9" s="72">
        <v>14</v>
      </c>
      <c r="HG9" s="244"/>
      <c r="HH9" s="71">
        <v>14</v>
      </c>
      <c r="HI9" s="71">
        <v>13</v>
      </c>
      <c r="HJ9" s="71">
        <v>7</v>
      </c>
      <c r="HK9" s="71">
        <v>6</v>
      </c>
      <c r="HL9" s="71">
        <v>5</v>
      </c>
      <c r="HM9" s="72">
        <v>45</v>
      </c>
      <c r="HN9" s="73">
        <v>59</v>
      </c>
      <c r="HO9" s="70">
        <v>22</v>
      </c>
      <c r="HP9" s="71">
        <v>22</v>
      </c>
      <c r="HQ9" s="72">
        <v>44</v>
      </c>
      <c r="HR9" s="244"/>
      <c r="HS9" s="71">
        <v>48</v>
      </c>
      <c r="HT9" s="71">
        <v>25</v>
      </c>
      <c r="HU9" s="71">
        <v>15</v>
      </c>
      <c r="HV9" s="71">
        <v>33</v>
      </c>
      <c r="HW9" s="71">
        <v>20</v>
      </c>
      <c r="HX9" s="72">
        <v>141</v>
      </c>
      <c r="HY9" s="73">
        <v>185</v>
      </c>
      <c r="HZ9" s="70">
        <v>49</v>
      </c>
      <c r="IA9" s="71">
        <v>40</v>
      </c>
      <c r="IB9" s="72">
        <v>89</v>
      </c>
      <c r="IC9" s="244"/>
      <c r="ID9" s="71">
        <v>75</v>
      </c>
      <c r="IE9" s="71">
        <v>50</v>
      </c>
      <c r="IF9" s="71">
        <v>40</v>
      </c>
      <c r="IG9" s="71">
        <v>25</v>
      </c>
      <c r="IH9" s="71">
        <v>27</v>
      </c>
      <c r="II9" s="72">
        <v>217</v>
      </c>
      <c r="IJ9" s="73">
        <v>306</v>
      </c>
      <c r="IK9" s="70">
        <v>122</v>
      </c>
      <c r="IL9" s="71">
        <v>74</v>
      </c>
      <c r="IM9" s="72">
        <v>196</v>
      </c>
      <c r="IN9" s="244"/>
      <c r="IO9" s="71">
        <v>173</v>
      </c>
      <c r="IP9" s="71">
        <v>106</v>
      </c>
      <c r="IQ9" s="71">
        <v>72</v>
      </c>
      <c r="IR9" s="71">
        <v>43</v>
      </c>
      <c r="IS9" s="71">
        <v>43</v>
      </c>
      <c r="IT9" s="72">
        <v>437</v>
      </c>
      <c r="IU9" s="73">
        <v>633</v>
      </c>
      <c r="IV9" s="70">
        <v>213</v>
      </c>
      <c r="IW9" s="71">
        <v>140</v>
      </c>
      <c r="IX9" s="72">
        <v>353</v>
      </c>
      <c r="IY9" s="244"/>
      <c r="IZ9" s="71">
        <v>290</v>
      </c>
      <c r="JA9" s="71">
        <v>200</v>
      </c>
      <c r="JB9" s="71">
        <v>138</v>
      </c>
      <c r="JC9" s="71">
        <v>121</v>
      </c>
      <c r="JD9" s="71">
        <v>86</v>
      </c>
      <c r="JE9" s="72">
        <v>835</v>
      </c>
      <c r="JF9" s="73">
        <v>1188</v>
      </c>
      <c r="JG9" s="70">
        <v>176</v>
      </c>
      <c r="JH9" s="71">
        <v>164</v>
      </c>
      <c r="JI9" s="72">
        <v>340</v>
      </c>
      <c r="JJ9" s="244"/>
      <c r="JK9" s="71">
        <v>318</v>
      </c>
      <c r="JL9" s="71">
        <v>256</v>
      </c>
      <c r="JM9" s="71">
        <v>195</v>
      </c>
      <c r="JN9" s="71">
        <v>209</v>
      </c>
      <c r="JO9" s="71">
        <v>102</v>
      </c>
      <c r="JP9" s="72">
        <v>1080</v>
      </c>
      <c r="JQ9" s="73">
        <v>1420</v>
      </c>
      <c r="JR9" s="70">
        <v>0</v>
      </c>
      <c r="JS9" s="71">
        <v>0</v>
      </c>
      <c r="JT9" s="72">
        <v>0</v>
      </c>
      <c r="JU9" s="244"/>
      <c r="JV9" s="71">
        <v>0</v>
      </c>
      <c r="JW9" s="71">
        <v>0</v>
      </c>
      <c r="JX9" s="71">
        <v>0</v>
      </c>
      <c r="JY9" s="71">
        <v>0</v>
      </c>
      <c r="JZ9" s="71">
        <v>0</v>
      </c>
      <c r="KA9" s="72">
        <v>0</v>
      </c>
      <c r="KB9" s="73">
        <v>0</v>
      </c>
      <c r="KC9" s="70">
        <v>591</v>
      </c>
      <c r="KD9" s="71">
        <v>445</v>
      </c>
      <c r="KE9" s="72">
        <v>1036</v>
      </c>
      <c r="KF9" s="244"/>
      <c r="KG9" s="71">
        <v>918</v>
      </c>
      <c r="KH9" s="71">
        <v>650</v>
      </c>
      <c r="KI9" s="71">
        <v>467</v>
      </c>
      <c r="KJ9" s="71">
        <v>437</v>
      </c>
      <c r="KK9" s="71">
        <v>283</v>
      </c>
      <c r="KL9" s="72">
        <v>2755</v>
      </c>
      <c r="KM9" s="73">
        <v>3791</v>
      </c>
    </row>
    <row r="10" spans="2:299" ht="21" customHeight="1" x14ac:dyDescent="0.2">
      <c r="B10" s="126" t="s">
        <v>14</v>
      </c>
      <c r="C10" s="315">
        <v>245</v>
      </c>
      <c r="D10" s="82">
        <v>314</v>
      </c>
      <c r="E10" s="83">
        <v>559</v>
      </c>
      <c r="F10" s="241"/>
      <c r="G10" s="82">
        <v>387</v>
      </c>
      <c r="H10" s="82">
        <v>424</v>
      </c>
      <c r="I10" s="82">
        <v>294</v>
      </c>
      <c r="J10" s="82">
        <v>208</v>
      </c>
      <c r="K10" s="82">
        <v>117</v>
      </c>
      <c r="L10" s="84">
        <v>1430</v>
      </c>
      <c r="M10" s="85">
        <v>1989</v>
      </c>
      <c r="N10" s="70">
        <v>5</v>
      </c>
      <c r="O10" s="71">
        <v>7</v>
      </c>
      <c r="P10" s="72">
        <v>12</v>
      </c>
      <c r="Q10" s="244"/>
      <c r="R10" s="71">
        <v>3</v>
      </c>
      <c r="S10" s="71">
        <v>11</v>
      </c>
      <c r="T10" s="71">
        <v>5</v>
      </c>
      <c r="U10" s="71">
        <v>4</v>
      </c>
      <c r="V10" s="71">
        <v>2</v>
      </c>
      <c r="W10" s="72">
        <v>25</v>
      </c>
      <c r="X10" s="73">
        <v>37</v>
      </c>
      <c r="Y10" s="70">
        <v>14</v>
      </c>
      <c r="Z10" s="71">
        <v>16</v>
      </c>
      <c r="AA10" s="72">
        <v>30</v>
      </c>
      <c r="AB10" s="244"/>
      <c r="AC10" s="71">
        <v>11</v>
      </c>
      <c r="AD10" s="71">
        <v>16</v>
      </c>
      <c r="AE10" s="71">
        <v>14</v>
      </c>
      <c r="AF10" s="71">
        <v>12</v>
      </c>
      <c r="AG10" s="71">
        <v>11</v>
      </c>
      <c r="AH10" s="72">
        <v>64</v>
      </c>
      <c r="AI10" s="73">
        <v>94</v>
      </c>
      <c r="AJ10" s="70">
        <v>26</v>
      </c>
      <c r="AK10" s="71">
        <v>30</v>
      </c>
      <c r="AL10" s="72">
        <v>56</v>
      </c>
      <c r="AM10" s="244"/>
      <c r="AN10" s="71">
        <v>30</v>
      </c>
      <c r="AO10" s="71">
        <v>40</v>
      </c>
      <c r="AP10" s="71">
        <v>21</v>
      </c>
      <c r="AQ10" s="71">
        <v>21</v>
      </c>
      <c r="AR10" s="71">
        <v>16</v>
      </c>
      <c r="AS10" s="72">
        <v>128</v>
      </c>
      <c r="AT10" s="73">
        <v>184</v>
      </c>
      <c r="AU10" s="70">
        <v>51</v>
      </c>
      <c r="AV10" s="71">
        <v>75</v>
      </c>
      <c r="AW10" s="72">
        <v>126</v>
      </c>
      <c r="AX10" s="244"/>
      <c r="AY10" s="71">
        <v>79</v>
      </c>
      <c r="AZ10" s="71">
        <v>99</v>
      </c>
      <c r="BA10" s="71">
        <v>54</v>
      </c>
      <c r="BB10" s="71">
        <v>40</v>
      </c>
      <c r="BC10" s="71">
        <v>16</v>
      </c>
      <c r="BD10" s="72">
        <v>288</v>
      </c>
      <c r="BE10" s="73">
        <v>414</v>
      </c>
      <c r="BF10" s="70">
        <v>87</v>
      </c>
      <c r="BG10" s="71">
        <v>89</v>
      </c>
      <c r="BH10" s="72">
        <v>176</v>
      </c>
      <c r="BI10" s="244"/>
      <c r="BJ10" s="71">
        <v>129</v>
      </c>
      <c r="BK10" s="71">
        <v>125</v>
      </c>
      <c r="BL10" s="71">
        <v>88</v>
      </c>
      <c r="BM10" s="71">
        <v>62</v>
      </c>
      <c r="BN10" s="71">
        <v>32</v>
      </c>
      <c r="BO10" s="72">
        <v>436</v>
      </c>
      <c r="BP10" s="73">
        <v>612</v>
      </c>
      <c r="BQ10" s="70">
        <v>62</v>
      </c>
      <c r="BR10" s="71">
        <v>97</v>
      </c>
      <c r="BS10" s="72">
        <v>159</v>
      </c>
      <c r="BT10" s="244"/>
      <c r="BU10" s="71">
        <v>135</v>
      </c>
      <c r="BV10" s="71">
        <v>133</v>
      </c>
      <c r="BW10" s="71">
        <v>112</v>
      </c>
      <c r="BX10" s="71">
        <v>69</v>
      </c>
      <c r="BY10" s="71">
        <v>40</v>
      </c>
      <c r="BZ10" s="72">
        <v>489</v>
      </c>
      <c r="CA10" s="73">
        <v>648</v>
      </c>
      <c r="CB10" s="70">
        <v>0</v>
      </c>
      <c r="CC10" s="71">
        <v>0</v>
      </c>
      <c r="CD10" s="72">
        <v>0</v>
      </c>
      <c r="CE10" s="244"/>
      <c r="CF10" s="71">
        <v>0</v>
      </c>
      <c r="CG10" s="71">
        <v>0</v>
      </c>
      <c r="CH10" s="71">
        <v>0</v>
      </c>
      <c r="CI10" s="71">
        <v>0</v>
      </c>
      <c r="CJ10" s="71">
        <v>0</v>
      </c>
      <c r="CK10" s="72">
        <v>0</v>
      </c>
      <c r="CL10" s="73">
        <v>0</v>
      </c>
      <c r="CM10" s="70">
        <v>245</v>
      </c>
      <c r="CN10" s="71">
        <v>314</v>
      </c>
      <c r="CO10" s="72">
        <v>559</v>
      </c>
      <c r="CP10" s="244"/>
      <c r="CQ10" s="71">
        <v>387</v>
      </c>
      <c r="CR10" s="71">
        <v>424</v>
      </c>
      <c r="CS10" s="71">
        <v>294</v>
      </c>
      <c r="CT10" s="71">
        <v>208</v>
      </c>
      <c r="CU10" s="71">
        <v>117</v>
      </c>
      <c r="CV10" s="72">
        <v>1430</v>
      </c>
      <c r="CW10" s="73">
        <v>1989</v>
      </c>
      <c r="CX10" s="123">
        <v>33</v>
      </c>
      <c r="CY10" s="82">
        <v>44</v>
      </c>
      <c r="CZ10" s="83">
        <v>77</v>
      </c>
      <c r="DA10" s="241"/>
      <c r="DB10" s="82">
        <v>42</v>
      </c>
      <c r="DC10" s="82">
        <v>46</v>
      </c>
      <c r="DD10" s="82">
        <v>28</v>
      </c>
      <c r="DE10" s="82">
        <v>35</v>
      </c>
      <c r="DF10" s="82">
        <v>16</v>
      </c>
      <c r="DG10" s="84">
        <v>167</v>
      </c>
      <c r="DH10" s="85">
        <v>244</v>
      </c>
      <c r="DI10" s="70">
        <v>0</v>
      </c>
      <c r="DJ10" s="71">
        <v>3</v>
      </c>
      <c r="DK10" s="72">
        <v>3</v>
      </c>
      <c r="DL10" s="244"/>
      <c r="DM10" s="71">
        <v>0</v>
      </c>
      <c r="DN10" s="71">
        <v>0</v>
      </c>
      <c r="DO10" s="71">
        <v>0</v>
      </c>
      <c r="DP10" s="71">
        <v>1</v>
      </c>
      <c r="DQ10" s="71">
        <v>0</v>
      </c>
      <c r="DR10" s="72">
        <v>1</v>
      </c>
      <c r="DS10" s="73">
        <v>4</v>
      </c>
      <c r="DT10" s="70">
        <v>3</v>
      </c>
      <c r="DU10" s="71">
        <v>1</v>
      </c>
      <c r="DV10" s="72">
        <v>4</v>
      </c>
      <c r="DW10" s="244"/>
      <c r="DX10" s="71">
        <v>4</v>
      </c>
      <c r="DY10" s="71">
        <v>2</v>
      </c>
      <c r="DZ10" s="71">
        <v>1</v>
      </c>
      <c r="EA10" s="71">
        <v>0</v>
      </c>
      <c r="EB10" s="71">
        <v>2</v>
      </c>
      <c r="EC10" s="72">
        <v>9</v>
      </c>
      <c r="ED10" s="73">
        <v>13</v>
      </c>
      <c r="EE10" s="70">
        <v>10</v>
      </c>
      <c r="EF10" s="71">
        <v>8</v>
      </c>
      <c r="EG10" s="72">
        <v>18</v>
      </c>
      <c r="EH10" s="244"/>
      <c r="EI10" s="71">
        <v>7</v>
      </c>
      <c r="EJ10" s="71">
        <v>6</v>
      </c>
      <c r="EK10" s="71">
        <v>3</v>
      </c>
      <c r="EL10" s="71">
        <v>2</v>
      </c>
      <c r="EM10" s="71">
        <v>0</v>
      </c>
      <c r="EN10" s="72">
        <v>18</v>
      </c>
      <c r="EO10" s="73">
        <v>36</v>
      </c>
      <c r="EP10" s="70">
        <v>7</v>
      </c>
      <c r="EQ10" s="71">
        <v>10</v>
      </c>
      <c r="ER10" s="72">
        <v>17</v>
      </c>
      <c r="ES10" s="244"/>
      <c r="ET10" s="71">
        <v>7</v>
      </c>
      <c r="EU10" s="71">
        <v>6</v>
      </c>
      <c r="EV10" s="71">
        <v>4</v>
      </c>
      <c r="EW10" s="71">
        <v>4</v>
      </c>
      <c r="EX10" s="71">
        <v>1</v>
      </c>
      <c r="EY10" s="72">
        <v>22</v>
      </c>
      <c r="EZ10" s="73">
        <v>39</v>
      </c>
      <c r="FA10" s="70">
        <v>9</v>
      </c>
      <c r="FB10" s="71">
        <v>11</v>
      </c>
      <c r="FC10" s="72">
        <v>20</v>
      </c>
      <c r="FD10" s="244"/>
      <c r="FE10" s="71">
        <v>11</v>
      </c>
      <c r="FF10" s="71">
        <v>16</v>
      </c>
      <c r="FG10" s="71">
        <v>5</v>
      </c>
      <c r="FH10" s="71">
        <v>11</v>
      </c>
      <c r="FI10" s="71">
        <v>5</v>
      </c>
      <c r="FJ10" s="72">
        <v>48</v>
      </c>
      <c r="FK10" s="73">
        <v>68</v>
      </c>
      <c r="FL10" s="70">
        <v>4</v>
      </c>
      <c r="FM10" s="71">
        <v>11</v>
      </c>
      <c r="FN10" s="72">
        <v>15</v>
      </c>
      <c r="FO10" s="244"/>
      <c r="FP10" s="71">
        <v>13</v>
      </c>
      <c r="FQ10" s="71">
        <v>16</v>
      </c>
      <c r="FR10" s="71">
        <v>15</v>
      </c>
      <c r="FS10" s="71">
        <v>17</v>
      </c>
      <c r="FT10" s="71">
        <v>8</v>
      </c>
      <c r="FU10" s="72">
        <v>69</v>
      </c>
      <c r="FV10" s="73">
        <v>84</v>
      </c>
      <c r="FW10" s="70">
        <v>0</v>
      </c>
      <c r="FX10" s="71">
        <v>0</v>
      </c>
      <c r="FY10" s="72">
        <v>0</v>
      </c>
      <c r="FZ10" s="244"/>
      <c r="GA10" s="71">
        <v>0</v>
      </c>
      <c r="GB10" s="71">
        <v>0</v>
      </c>
      <c r="GC10" s="71">
        <v>0</v>
      </c>
      <c r="GD10" s="71">
        <v>0</v>
      </c>
      <c r="GE10" s="71">
        <v>0</v>
      </c>
      <c r="GF10" s="72">
        <v>0</v>
      </c>
      <c r="GG10" s="73">
        <v>0</v>
      </c>
      <c r="GH10" s="70">
        <v>33</v>
      </c>
      <c r="GI10" s="71">
        <v>44</v>
      </c>
      <c r="GJ10" s="72">
        <v>77</v>
      </c>
      <c r="GK10" s="244"/>
      <c r="GL10" s="71">
        <v>42</v>
      </c>
      <c r="GM10" s="71">
        <v>46</v>
      </c>
      <c r="GN10" s="71">
        <v>28</v>
      </c>
      <c r="GO10" s="71">
        <v>35</v>
      </c>
      <c r="GP10" s="71">
        <v>16</v>
      </c>
      <c r="GQ10" s="72">
        <v>167</v>
      </c>
      <c r="GR10" s="73">
        <v>244</v>
      </c>
      <c r="GS10" s="123">
        <v>278</v>
      </c>
      <c r="GT10" s="82">
        <v>358</v>
      </c>
      <c r="GU10" s="83">
        <v>636</v>
      </c>
      <c r="GV10" s="241"/>
      <c r="GW10" s="82">
        <v>429</v>
      </c>
      <c r="GX10" s="82">
        <v>470</v>
      </c>
      <c r="GY10" s="82">
        <v>322</v>
      </c>
      <c r="GZ10" s="82">
        <v>243</v>
      </c>
      <c r="HA10" s="82">
        <v>133</v>
      </c>
      <c r="HB10" s="84">
        <v>1597</v>
      </c>
      <c r="HC10" s="85">
        <v>2233</v>
      </c>
      <c r="HD10" s="70">
        <v>5</v>
      </c>
      <c r="HE10" s="71">
        <v>10</v>
      </c>
      <c r="HF10" s="72">
        <v>15</v>
      </c>
      <c r="HG10" s="244"/>
      <c r="HH10" s="71">
        <v>3</v>
      </c>
      <c r="HI10" s="71">
        <v>11</v>
      </c>
      <c r="HJ10" s="71">
        <v>5</v>
      </c>
      <c r="HK10" s="71">
        <v>5</v>
      </c>
      <c r="HL10" s="71">
        <v>2</v>
      </c>
      <c r="HM10" s="72">
        <v>26</v>
      </c>
      <c r="HN10" s="73">
        <v>41</v>
      </c>
      <c r="HO10" s="70">
        <v>17</v>
      </c>
      <c r="HP10" s="71">
        <v>17</v>
      </c>
      <c r="HQ10" s="72">
        <v>34</v>
      </c>
      <c r="HR10" s="244"/>
      <c r="HS10" s="71">
        <v>15</v>
      </c>
      <c r="HT10" s="71">
        <v>18</v>
      </c>
      <c r="HU10" s="71">
        <v>15</v>
      </c>
      <c r="HV10" s="71">
        <v>12</v>
      </c>
      <c r="HW10" s="71">
        <v>13</v>
      </c>
      <c r="HX10" s="72">
        <v>73</v>
      </c>
      <c r="HY10" s="73">
        <v>107</v>
      </c>
      <c r="HZ10" s="70">
        <v>36</v>
      </c>
      <c r="IA10" s="71">
        <v>38</v>
      </c>
      <c r="IB10" s="72">
        <v>74</v>
      </c>
      <c r="IC10" s="244"/>
      <c r="ID10" s="71">
        <v>37</v>
      </c>
      <c r="IE10" s="71">
        <v>46</v>
      </c>
      <c r="IF10" s="71">
        <v>24</v>
      </c>
      <c r="IG10" s="71">
        <v>23</v>
      </c>
      <c r="IH10" s="71">
        <v>16</v>
      </c>
      <c r="II10" s="72">
        <v>146</v>
      </c>
      <c r="IJ10" s="73">
        <v>220</v>
      </c>
      <c r="IK10" s="70">
        <v>58</v>
      </c>
      <c r="IL10" s="71">
        <v>85</v>
      </c>
      <c r="IM10" s="72">
        <v>143</v>
      </c>
      <c r="IN10" s="244"/>
      <c r="IO10" s="71">
        <v>86</v>
      </c>
      <c r="IP10" s="71">
        <v>105</v>
      </c>
      <c r="IQ10" s="71">
        <v>58</v>
      </c>
      <c r="IR10" s="71">
        <v>44</v>
      </c>
      <c r="IS10" s="71">
        <v>17</v>
      </c>
      <c r="IT10" s="72">
        <v>310</v>
      </c>
      <c r="IU10" s="73">
        <v>453</v>
      </c>
      <c r="IV10" s="70">
        <v>96</v>
      </c>
      <c r="IW10" s="71">
        <v>100</v>
      </c>
      <c r="IX10" s="72">
        <v>196</v>
      </c>
      <c r="IY10" s="244"/>
      <c r="IZ10" s="71">
        <v>140</v>
      </c>
      <c r="JA10" s="71">
        <v>141</v>
      </c>
      <c r="JB10" s="71">
        <v>93</v>
      </c>
      <c r="JC10" s="71">
        <v>73</v>
      </c>
      <c r="JD10" s="71">
        <v>37</v>
      </c>
      <c r="JE10" s="72">
        <v>484</v>
      </c>
      <c r="JF10" s="73">
        <v>680</v>
      </c>
      <c r="JG10" s="70">
        <v>66</v>
      </c>
      <c r="JH10" s="71">
        <v>108</v>
      </c>
      <c r="JI10" s="72">
        <v>174</v>
      </c>
      <c r="JJ10" s="244"/>
      <c r="JK10" s="71">
        <v>148</v>
      </c>
      <c r="JL10" s="71">
        <v>149</v>
      </c>
      <c r="JM10" s="71">
        <v>127</v>
      </c>
      <c r="JN10" s="71">
        <v>86</v>
      </c>
      <c r="JO10" s="71">
        <v>48</v>
      </c>
      <c r="JP10" s="72">
        <v>558</v>
      </c>
      <c r="JQ10" s="73">
        <v>732</v>
      </c>
      <c r="JR10" s="70">
        <v>0</v>
      </c>
      <c r="JS10" s="71">
        <v>0</v>
      </c>
      <c r="JT10" s="72">
        <v>0</v>
      </c>
      <c r="JU10" s="244"/>
      <c r="JV10" s="71">
        <v>0</v>
      </c>
      <c r="JW10" s="71">
        <v>0</v>
      </c>
      <c r="JX10" s="71">
        <v>0</v>
      </c>
      <c r="JY10" s="71">
        <v>0</v>
      </c>
      <c r="JZ10" s="71">
        <v>0</v>
      </c>
      <c r="KA10" s="72">
        <v>0</v>
      </c>
      <c r="KB10" s="73">
        <v>0</v>
      </c>
      <c r="KC10" s="70">
        <v>278</v>
      </c>
      <c r="KD10" s="71">
        <v>358</v>
      </c>
      <c r="KE10" s="72">
        <v>636</v>
      </c>
      <c r="KF10" s="244"/>
      <c r="KG10" s="71">
        <v>429</v>
      </c>
      <c r="KH10" s="71">
        <v>470</v>
      </c>
      <c r="KI10" s="71">
        <v>322</v>
      </c>
      <c r="KJ10" s="71">
        <v>243</v>
      </c>
      <c r="KK10" s="71">
        <v>133</v>
      </c>
      <c r="KL10" s="72">
        <v>1597</v>
      </c>
      <c r="KM10" s="73">
        <v>2233</v>
      </c>
    </row>
    <row r="11" spans="2:299" ht="21" customHeight="1" x14ac:dyDescent="0.2">
      <c r="B11" s="126" t="s">
        <v>7</v>
      </c>
      <c r="C11" s="315">
        <v>258</v>
      </c>
      <c r="D11" s="82">
        <v>160</v>
      </c>
      <c r="E11" s="83">
        <v>418</v>
      </c>
      <c r="F11" s="241"/>
      <c r="G11" s="82">
        <v>519</v>
      </c>
      <c r="H11" s="82">
        <v>346</v>
      </c>
      <c r="I11" s="82">
        <v>195</v>
      </c>
      <c r="J11" s="82">
        <v>173</v>
      </c>
      <c r="K11" s="82">
        <v>96</v>
      </c>
      <c r="L11" s="84">
        <v>1329</v>
      </c>
      <c r="M11" s="85">
        <v>1747</v>
      </c>
      <c r="N11" s="70">
        <v>4</v>
      </c>
      <c r="O11" s="71">
        <v>1</v>
      </c>
      <c r="P11" s="72">
        <v>5</v>
      </c>
      <c r="Q11" s="244"/>
      <c r="R11" s="71">
        <v>7</v>
      </c>
      <c r="S11" s="71">
        <v>7</v>
      </c>
      <c r="T11" s="71">
        <v>3</v>
      </c>
      <c r="U11" s="71">
        <v>2</v>
      </c>
      <c r="V11" s="71">
        <v>1</v>
      </c>
      <c r="W11" s="72">
        <v>20</v>
      </c>
      <c r="X11" s="73">
        <v>25</v>
      </c>
      <c r="Y11" s="70">
        <v>14</v>
      </c>
      <c r="Z11" s="71">
        <v>5</v>
      </c>
      <c r="AA11" s="72">
        <v>19</v>
      </c>
      <c r="AB11" s="244"/>
      <c r="AC11" s="71">
        <v>22</v>
      </c>
      <c r="AD11" s="71">
        <v>14</v>
      </c>
      <c r="AE11" s="71">
        <v>11</v>
      </c>
      <c r="AF11" s="71">
        <v>4</v>
      </c>
      <c r="AG11" s="71">
        <v>2</v>
      </c>
      <c r="AH11" s="72">
        <v>53</v>
      </c>
      <c r="AI11" s="73">
        <v>72</v>
      </c>
      <c r="AJ11" s="70">
        <v>15</v>
      </c>
      <c r="AK11" s="71">
        <v>11</v>
      </c>
      <c r="AL11" s="72">
        <v>26</v>
      </c>
      <c r="AM11" s="244"/>
      <c r="AN11" s="71">
        <v>42</v>
      </c>
      <c r="AO11" s="71">
        <v>35</v>
      </c>
      <c r="AP11" s="71">
        <v>16</v>
      </c>
      <c r="AQ11" s="71">
        <v>14</v>
      </c>
      <c r="AR11" s="71">
        <v>11</v>
      </c>
      <c r="AS11" s="72">
        <v>118</v>
      </c>
      <c r="AT11" s="73">
        <v>144</v>
      </c>
      <c r="AU11" s="70">
        <v>38</v>
      </c>
      <c r="AV11" s="71">
        <v>24</v>
      </c>
      <c r="AW11" s="72">
        <v>62</v>
      </c>
      <c r="AX11" s="244"/>
      <c r="AY11" s="71">
        <v>97</v>
      </c>
      <c r="AZ11" s="71">
        <v>70</v>
      </c>
      <c r="BA11" s="71">
        <v>37</v>
      </c>
      <c r="BB11" s="71">
        <v>34</v>
      </c>
      <c r="BC11" s="71">
        <v>25</v>
      </c>
      <c r="BD11" s="72">
        <v>263</v>
      </c>
      <c r="BE11" s="73">
        <v>325</v>
      </c>
      <c r="BF11" s="70">
        <v>103</v>
      </c>
      <c r="BG11" s="71">
        <v>67</v>
      </c>
      <c r="BH11" s="72">
        <v>170</v>
      </c>
      <c r="BI11" s="244"/>
      <c r="BJ11" s="71">
        <v>153</v>
      </c>
      <c r="BK11" s="71">
        <v>102</v>
      </c>
      <c r="BL11" s="71">
        <v>65</v>
      </c>
      <c r="BM11" s="71">
        <v>50</v>
      </c>
      <c r="BN11" s="71">
        <v>25</v>
      </c>
      <c r="BO11" s="72">
        <v>395</v>
      </c>
      <c r="BP11" s="73">
        <v>565</v>
      </c>
      <c r="BQ11" s="70">
        <v>84</v>
      </c>
      <c r="BR11" s="71">
        <v>52</v>
      </c>
      <c r="BS11" s="72">
        <v>136</v>
      </c>
      <c r="BT11" s="244"/>
      <c r="BU11" s="71">
        <v>198</v>
      </c>
      <c r="BV11" s="71">
        <v>118</v>
      </c>
      <c r="BW11" s="71">
        <v>63</v>
      </c>
      <c r="BX11" s="71">
        <v>69</v>
      </c>
      <c r="BY11" s="71">
        <v>32</v>
      </c>
      <c r="BZ11" s="72">
        <v>480</v>
      </c>
      <c r="CA11" s="73">
        <v>616</v>
      </c>
      <c r="CB11" s="70">
        <v>0</v>
      </c>
      <c r="CC11" s="71">
        <v>0</v>
      </c>
      <c r="CD11" s="72">
        <v>0</v>
      </c>
      <c r="CE11" s="244"/>
      <c r="CF11" s="71">
        <v>0</v>
      </c>
      <c r="CG11" s="71">
        <v>0</v>
      </c>
      <c r="CH11" s="71">
        <v>0</v>
      </c>
      <c r="CI11" s="71">
        <v>0</v>
      </c>
      <c r="CJ11" s="71">
        <v>0</v>
      </c>
      <c r="CK11" s="72">
        <v>0</v>
      </c>
      <c r="CL11" s="73">
        <v>0</v>
      </c>
      <c r="CM11" s="70">
        <v>258</v>
      </c>
      <c r="CN11" s="71">
        <v>160</v>
      </c>
      <c r="CO11" s="72">
        <v>418</v>
      </c>
      <c r="CP11" s="244"/>
      <c r="CQ11" s="71">
        <v>519</v>
      </c>
      <c r="CR11" s="71">
        <v>346</v>
      </c>
      <c r="CS11" s="71">
        <v>195</v>
      </c>
      <c r="CT11" s="71">
        <v>173</v>
      </c>
      <c r="CU11" s="71">
        <v>96</v>
      </c>
      <c r="CV11" s="72">
        <v>1329</v>
      </c>
      <c r="CW11" s="73">
        <v>1747</v>
      </c>
      <c r="CX11" s="123">
        <v>34</v>
      </c>
      <c r="CY11" s="82">
        <v>25</v>
      </c>
      <c r="CZ11" s="83">
        <v>59</v>
      </c>
      <c r="DA11" s="241"/>
      <c r="DB11" s="82">
        <v>78</v>
      </c>
      <c r="DC11" s="82">
        <v>35</v>
      </c>
      <c r="DD11" s="82">
        <v>33</v>
      </c>
      <c r="DE11" s="82">
        <v>28</v>
      </c>
      <c r="DF11" s="82">
        <v>19</v>
      </c>
      <c r="DG11" s="84">
        <v>193</v>
      </c>
      <c r="DH11" s="85">
        <v>252</v>
      </c>
      <c r="DI11" s="70">
        <v>0</v>
      </c>
      <c r="DJ11" s="71">
        <v>0</v>
      </c>
      <c r="DK11" s="72">
        <v>0</v>
      </c>
      <c r="DL11" s="244"/>
      <c r="DM11" s="71">
        <v>2</v>
      </c>
      <c r="DN11" s="71">
        <v>0</v>
      </c>
      <c r="DO11" s="71">
        <v>0</v>
      </c>
      <c r="DP11" s="71">
        <v>0</v>
      </c>
      <c r="DQ11" s="71">
        <v>0</v>
      </c>
      <c r="DR11" s="72">
        <v>2</v>
      </c>
      <c r="DS11" s="73">
        <v>2</v>
      </c>
      <c r="DT11" s="70">
        <v>5</v>
      </c>
      <c r="DU11" s="71">
        <v>1</v>
      </c>
      <c r="DV11" s="72">
        <v>6</v>
      </c>
      <c r="DW11" s="244"/>
      <c r="DX11" s="71">
        <v>3</v>
      </c>
      <c r="DY11" s="71">
        <v>3</v>
      </c>
      <c r="DZ11" s="71">
        <v>2</v>
      </c>
      <c r="EA11" s="71">
        <v>4</v>
      </c>
      <c r="EB11" s="71">
        <v>0</v>
      </c>
      <c r="EC11" s="72">
        <v>12</v>
      </c>
      <c r="ED11" s="73">
        <v>18</v>
      </c>
      <c r="EE11" s="70">
        <v>5</v>
      </c>
      <c r="EF11" s="71">
        <v>3</v>
      </c>
      <c r="EG11" s="72">
        <v>8</v>
      </c>
      <c r="EH11" s="244"/>
      <c r="EI11" s="71">
        <v>5</v>
      </c>
      <c r="EJ11" s="71">
        <v>4</v>
      </c>
      <c r="EK11" s="71">
        <v>3</v>
      </c>
      <c r="EL11" s="71">
        <v>2</v>
      </c>
      <c r="EM11" s="71">
        <v>2</v>
      </c>
      <c r="EN11" s="72">
        <v>16</v>
      </c>
      <c r="EO11" s="73">
        <v>24</v>
      </c>
      <c r="EP11" s="70">
        <v>7</v>
      </c>
      <c r="EQ11" s="71">
        <v>4</v>
      </c>
      <c r="ER11" s="72">
        <v>11</v>
      </c>
      <c r="ES11" s="244"/>
      <c r="ET11" s="71">
        <v>20</v>
      </c>
      <c r="EU11" s="71">
        <v>2</v>
      </c>
      <c r="EV11" s="71">
        <v>1</v>
      </c>
      <c r="EW11" s="71">
        <v>4</v>
      </c>
      <c r="EX11" s="71">
        <v>2</v>
      </c>
      <c r="EY11" s="72">
        <v>29</v>
      </c>
      <c r="EZ11" s="73">
        <v>40</v>
      </c>
      <c r="FA11" s="70">
        <v>10</v>
      </c>
      <c r="FB11" s="71">
        <v>11</v>
      </c>
      <c r="FC11" s="72">
        <v>21</v>
      </c>
      <c r="FD11" s="244"/>
      <c r="FE11" s="71">
        <v>20</v>
      </c>
      <c r="FF11" s="71">
        <v>7</v>
      </c>
      <c r="FG11" s="71">
        <v>10</v>
      </c>
      <c r="FH11" s="71">
        <v>6</v>
      </c>
      <c r="FI11" s="71">
        <v>6</v>
      </c>
      <c r="FJ11" s="72">
        <v>49</v>
      </c>
      <c r="FK11" s="73">
        <v>70</v>
      </c>
      <c r="FL11" s="70">
        <v>7</v>
      </c>
      <c r="FM11" s="71">
        <v>6</v>
      </c>
      <c r="FN11" s="72">
        <v>13</v>
      </c>
      <c r="FO11" s="244"/>
      <c r="FP11" s="71">
        <v>28</v>
      </c>
      <c r="FQ11" s="71">
        <v>19</v>
      </c>
      <c r="FR11" s="71">
        <v>17</v>
      </c>
      <c r="FS11" s="71">
        <v>12</v>
      </c>
      <c r="FT11" s="71">
        <v>9</v>
      </c>
      <c r="FU11" s="72">
        <v>85</v>
      </c>
      <c r="FV11" s="73">
        <v>98</v>
      </c>
      <c r="FW11" s="70">
        <v>0</v>
      </c>
      <c r="FX11" s="71">
        <v>0</v>
      </c>
      <c r="FY11" s="72">
        <v>0</v>
      </c>
      <c r="FZ11" s="244"/>
      <c r="GA11" s="71">
        <v>0</v>
      </c>
      <c r="GB11" s="71">
        <v>0</v>
      </c>
      <c r="GC11" s="71">
        <v>0</v>
      </c>
      <c r="GD11" s="71">
        <v>0</v>
      </c>
      <c r="GE11" s="71">
        <v>0</v>
      </c>
      <c r="GF11" s="72">
        <v>0</v>
      </c>
      <c r="GG11" s="73">
        <v>0</v>
      </c>
      <c r="GH11" s="70">
        <v>34</v>
      </c>
      <c r="GI11" s="71">
        <v>25</v>
      </c>
      <c r="GJ11" s="72">
        <v>59</v>
      </c>
      <c r="GK11" s="244"/>
      <c r="GL11" s="71">
        <v>78</v>
      </c>
      <c r="GM11" s="71">
        <v>35</v>
      </c>
      <c r="GN11" s="71">
        <v>33</v>
      </c>
      <c r="GO11" s="71">
        <v>28</v>
      </c>
      <c r="GP11" s="71">
        <v>19</v>
      </c>
      <c r="GQ11" s="72">
        <v>193</v>
      </c>
      <c r="GR11" s="73">
        <v>252</v>
      </c>
      <c r="GS11" s="123">
        <v>292</v>
      </c>
      <c r="GT11" s="82">
        <v>185</v>
      </c>
      <c r="GU11" s="83">
        <v>477</v>
      </c>
      <c r="GV11" s="241"/>
      <c r="GW11" s="82">
        <v>597</v>
      </c>
      <c r="GX11" s="82">
        <v>381</v>
      </c>
      <c r="GY11" s="82">
        <v>228</v>
      </c>
      <c r="GZ11" s="82">
        <v>201</v>
      </c>
      <c r="HA11" s="82">
        <v>115</v>
      </c>
      <c r="HB11" s="84">
        <v>1522</v>
      </c>
      <c r="HC11" s="85">
        <v>1999</v>
      </c>
      <c r="HD11" s="70">
        <v>4</v>
      </c>
      <c r="HE11" s="71">
        <v>1</v>
      </c>
      <c r="HF11" s="72">
        <v>5</v>
      </c>
      <c r="HG11" s="244"/>
      <c r="HH11" s="71">
        <v>9</v>
      </c>
      <c r="HI11" s="71">
        <v>7</v>
      </c>
      <c r="HJ11" s="71">
        <v>3</v>
      </c>
      <c r="HK11" s="71">
        <v>2</v>
      </c>
      <c r="HL11" s="71">
        <v>1</v>
      </c>
      <c r="HM11" s="72">
        <v>22</v>
      </c>
      <c r="HN11" s="73">
        <v>27</v>
      </c>
      <c r="HO11" s="70">
        <v>19</v>
      </c>
      <c r="HP11" s="71">
        <v>6</v>
      </c>
      <c r="HQ11" s="72">
        <v>25</v>
      </c>
      <c r="HR11" s="244"/>
      <c r="HS11" s="71">
        <v>25</v>
      </c>
      <c r="HT11" s="71">
        <v>17</v>
      </c>
      <c r="HU11" s="71">
        <v>13</v>
      </c>
      <c r="HV11" s="71">
        <v>8</v>
      </c>
      <c r="HW11" s="71">
        <v>2</v>
      </c>
      <c r="HX11" s="72">
        <v>65</v>
      </c>
      <c r="HY11" s="73">
        <v>90</v>
      </c>
      <c r="HZ11" s="70">
        <v>20</v>
      </c>
      <c r="IA11" s="71">
        <v>14</v>
      </c>
      <c r="IB11" s="72">
        <v>34</v>
      </c>
      <c r="IC11" s="244"/>
      <c r="ID11" s="71">
        <v>47</v>
      </c>
      <c r="IE11" s="71">
        <v>39</v>
      </c>
      <c r="IF11" s="71">
        <v>19</v>
      </c>
      <c r="IG11" s="71">
        <v>16</v>
      </c>
      <c r="IH11" s="71">
        <v>13</v>
      </c>
      <c r="II11" s="72">
        <v>134</v>
      </c>
      <c r="IJ11" s="73">
        <v>168</v>
      </c>
      <c r="IK11" s="70">
        <v>45</v>
      </c>
      <c r="IL11" s="71">
        <v>28</v>
      </c>
      <c r="IM11" s="72">
        <v>73</v>
      </c>
      <c r="IN11" s="244"/>
      <c r="IO11" s="71">
        <v>117</v>
      </c>
      <c r="IP11" s="71">
        <v>72</v>
      </c>
      <c r="IQ11" s="71">
        <v>38</v>
      </c>
      <c r="IR11" s="71">
        <v>38</v>
      </c>
      <c r="IS11" s="71">
        <v>27</v>
      </c>
      <c r="IT11" s="72">
        <v>292</v>
      </c>
      <c r="IU11" s="73">
        <v>365</v>
      </c>
      <c r="IV11" s="70">
        <v>113</v>
      </c>
      <c r="IW11" s="71">
        <v>78</v>
      </c>
      <c r="IX11" s="72">
        <v>191</v>
      </c>
      <c r="IY11" s="244"/>
      <c r="IZ11" s="71">
        <v>173</v>
      </c>
      <c r="JA11" s="71">
        <v>109</v>
      </c>
      <c r="JB11" s="71">
        <v>75</v>
      </c>
      <c r="JC11" s="71">
        <v>56</v>
      </c>
      <c r="JD11" s="71">
        <v>31</v>
      </c>
      <c r="JE11" s="72">
        <v>444</v>
      </c>
      <c r="JF11" s="73">
        <v>635</v>
      </c>
      <c r="JG11" s="70">
        <v>91</v>
      </c>
      <c r="JH11" s="71">
        <v>58</v>
      </c>
      <c r="JI11" s="72">
        <v>149</v>
      </c>
      <c r="JJ11" s="244"/>
      <c r="JK11" s="71">
        <v>226</v>
      </c>
      <c r="JL11" s="71">
        <v>137</v>
      </c>
      <c r="JM11" s="71">
        <v>80</v>
      </c>
      <c r="JN11" s="71">
        <v>81</v>
      </c>
      <c r="JO11" s="71">
        <v>41</v>
      </c>
      <c r="JP11" s="72">
        <v>565</v>
      </c>
      <c r="JQ11" s="73">
        <v>714</v>
      </c>
      <c r="JR11" s="70">
        <v>0</v>
      </c>
      <c r="JS11" s="71">
        <v>0</v>
      </c>
      <c r="JT11" s="72">
        <v>0</v>
      </c>
      <c r="JU11" s="244"/>
      <c r="JV11" s="71">
        <v>0</v>
      </c>
      <c r="JW11" s="71">
        <v>0</v>
      </c>
      <c r="JX11" s="71">
        <v>0</v>
      </c>
      <c r="JY11" s="71">
        <v>0</v>
      </c>
      <c r="JZ11" s="71">
        <v>0</v>
      </c>
      <c r="KA11" s="72">
        <v>0</v>
      </c>
      <c r="KB11" s="73">
        <v>0</v>
      </c>
      <c r="KC11" s="70">
        <v>292</v>
      </c>
      <c r="KD11" s="71">
        <v>185</v>
      </c>
      <c r="KE11" s="72">
        <v>477</v>
      </c>
      <c r="KF11" s="244"/>
      <c r="KG11" s="71">
        <v>597</v>
      </c>
      <c r="KH11" s="71">
        <v>381</v>
      </c>
      <c r="KI11" s="71">
        <v>228</v>
      </c>
      <c r="KJ11" s="71">
        <v>201</v>
      </c>
      <c r="KK11" s="71">
        <v>115</v>
      </c>
      <c r="KL11" s="72">
        <v>1522</v>
      </c>
      <c r="KM11" s="73">
        <v>1999</v>
      </c>
    </row>
    <row r="12" spans="2:299" ht="21" customHeight="1" x14ac:dyDescent="0.2">
      <c r="B12" s="126" t="s">
        <v>8</v>
      </c>
      <c r="C12" s="315">
        <v>102</v>
      </c>
      <c r="D12" s="82">
        <v>66</v>
      </c>
      <c r="E12" s="83">
        <v>168</v>
      </c>
      <c r="F12" s="241"/>
      <c r="G12" s="82">
        <v>154</v>
      </c>
      <c r="H12" s="82">
        <v>109</v>
      </c>
      <c r="I12" s="82">
        <v>100</v>
      </c>
      <c r="J12" s="82">
        <v>54</v>
      </c>
      <c r="K12" s="82">
        <v>41</v>
      </c>
      <c r="L12" s="84">
        <v>458</v>
      </c>
      <c r="M12" s="85">
        <v>626</v>
      </c>
      <c r="N12" s="70">
        <v>4</v>
      </c>
      <c r="O12" s="71">
        <v>4</v>
      </c>
      <c r="P12" s="72">
        <v>8</v>
      </c>
      <c r="Q12" s="244"/>
      <c r="R12" s="71">
        <v>5</v>
      </c>
      <c r="S12" s="71">
        <v>5</v>
      </c>
      <c r="T12" s="71">
        <v>2</v>
      </c>
      <c r="U12" s="71">
        <v>1</v>
      </c>
      <c r="V12" s="71">
        <v>1</v>
      </c>
      <c r="W12" s="72">
        <v>14</v>
      </c>
      <c r="X12" s="73">
        <v>22</v>
      </c>
      <c r="Y12" s="70">
        <v>2</v>
      </c>
      <c r="Z12" s="71">
        <v>3</v>
      </c>
      <c r="AA12" s="72">
        <v>5</v>
      </c>
      <c r="AB12" s="244"/>
      <c r="AC12" s="71">
        <v>6</v>
      </c>
      <c r="AD12" s="71">
        <v>11</v>
      </c>
      <c r="AE12" s="71">
        <v>0</v>
      </c>
      <c r="AF12" s="71">
        <v>6</v>
      </c>
      <c r="AG12" s="71">
        <v>0</v>
      </c>
      <c r="AH12" s="72">
        <v>23</v>
      </c>
      <c r="AI12" s="73">
        <v>28</v>
      </c>
      <c r="AJ12" s="70">
        <v>8</v>
      </c>
      <c r="AK12" s="71">
        <v>4</v>
      </c>
      <c r="AL12" s="72">
        <v>12</v>
      </c>
      <c r="AM12" s="244"/>
      <c r="AN12" s="71">
        <v>15</v>
      </c>
      <c r="AO12" s="71">
        <v>10</v>
      </c>
      <c r="AP12" s="71">
        <v>6</v>
      </c>
      <c r="AQ12" s="71">
        <v>6</v>
      </c>
      <c r="AR12" s="71">
        <v>6</v>
      </c>
      <c r="AS12" s="72">
        <v>43</v>
      </c>
      <c r="AT12" s="73">
        <v>55</v>
      </c>
      <c r="AU12" s="70">
        <v>20</v>
      </c>
      <c r="AV12" s="71">
        <v>7</v>
      </c>
      <c r="AW12" s="72">
        <v>27</v>
      </c>
      <c r="AX12" s="244"/>
      <c r="AY12" s="71">
        <v>32</v>
      </c>
      <c r="AZ12" s="71">
        <v>21</v>
      </c>
      <c r="BA12" s="71">
        <v>15</v>
      </c>
      <c r="BB12" s="71">
        <v>8</v>
      </c>
      <c r="BC12" s="71">
        <v>9</v>
      </c>
      <c r="BD12" s="72">
        <v>85</v>
      </c>
      <c r="BE12" s="73">
        <v>112</v>
      </c>
      <c r="BF12" s="70">
        <v>35</v>
      </c>
      <c r="BG12" s="71">
        <v>23</v>
      </c>
      <c r="BH12" s="72">
        <v>58</v>
      </c>
      <c r="BI12" s="244"/>
      <c r="BJ12" s="71">
        <v>44</v>
      </c>
      <c r="BK12" s="71">
        <v>19</v>
      </c>
      <c r="BL12" s="71">
        <v>28</v>
      </c>
      <c r="BM12" s="71">
        <v>11</v>
      </c>
      <c r="BN12" s="71">
        <v>12</v>
      </c>
      <c r="BO12" s="72">
        <v>114</v>
      </c>
      <c r="BP12" s="73">
        <v>172</v>
      </c>
      <c r="BQ12" s="70">
        <v>33</v>
      </c>
      <c r="BR12" s="71">
        <v>25</v>
      </c>
      <c r="BS12" s="72">
        <v>58</v>
      </c>
      <c r="BT12" s="244"/>
      <c r="BU12" s="71">
        <v>52</v>
      </c>
      <c r="BV12" s="71">
        <v>43</v>
      </c>
      <c r="BW12" s="71">
        <v>49</v>
      </c>
      <c r="BX12" s="71">
        <v>22</v>
      </c>
      <c r="BY12" s="71">
        <v>13</v>
      </c>
      <c r="BZ12" s="72">
        <v>179</v>
      </c>
      <c r="CA12" s="73">
        <v>237</v>
      </c>
      <c r="CB12" s="70">
        <v>0</v>
      </c>
      <c r="CC12" s="71">
        <v>0</v>
      </c>
      <c r="CD12" s="72">
        <v>0</v>
      </c>
      <c r="CE12" s="244"/>
      <c r="CF12" s="71">
        <v>0</v>
      </c>
      <c r="CG12" s="71">
        <v>0</v>
      </c>
      <c r="CH12" s="71">
        <v>0</v>
      </c>
      <c r="CI12" s="71">
        <v>0</v>
      </c>
      <c r="CJ12" s="71">
        <v>0</v>
      </c>
      <c r="CK12" s="72">
        <v>0</v>
      </c>
      <c r="CL12" s="73">
        <v>0</v>
      </c>
      <c r="CM12" s="70">
        <v>102</v>
      </c>
      <c r="CN12" s="71">
        <v>66</v>
      </c>
      <c r="CO12" s="72">
        <v>168</v>
      </c>
      <c r="CP12" s="244"/>
      <c r="CQ12" s="71">
        <v>154</v>
      </c>
      <c r="CR12" s="71">
        <v>109</v>
      </c>
      <c r="CS12" s="71">
        <v>100</v>
      </c>
      <c r="CT12" s="71">
        <v>54</v>
      </c>
      <c r="CU12" s="71">
        <v>41</v>
      </c>
      <c r="CV12" s="72">
        <v>458</v>
      </c>
      <c r="CW12" s="73">
        <v>626</v>
      </c>
      <c r="CX12" s="123">
        <v>16</v>
      </c>
      <c r="CY12" s="82">
        <v>5</v>
      </c>
      <c r="CZ12" s="83">
        <v>21</v>
      </c>
      <c r="DA12" s="241"/>
      <c r="DB12" s="82">
        <v>20</v>
      </c>
      <c r="DC12" s="82">
        <v>31</v>
      </c>
      <c r="DD12" s="82">
        <v>14</v>
      </c>
      <c r="DE12" s="82">
        <v>12</v>
      </c>
      <c r="DF12" s="82">
        <v>5</v>
      </c>
      <c r="DG12" s="84">
        <v>82</v>
      </c>
      <c r="DH12" s="85">
        <v>103</v>
      </c>
      <c r="DI12" s="70">
        <v>2</v>
      </c>
      <c r="DJ12" s="71">
        <v>0</v>
      </c>
      <c r="DK12" s="72">
        <v>2</v>
      </c>
      <c r="DL12" s="244"/>
      <c r="DM12" s="71">
        <v>0</v>
      </c>
      <c r="DN12" s="71">
        <v>0</v>
      </c>
      <c r="DO12" s="71">
        <v>0</v>
      </c>
      <c r="DP12" s="71">
        <v>0</v>
      </c>
      <c r="DQ12" s="71">
        <v>0</v>
      </c>
      <c r="DR12" s="72">
        <v>0</v>
      </c>
      <c r="DS12" s="73">
        <v>2</v>
      </c>
      <c r="DT12" s="70">
        <v>1</v>
      </c>
      <c r="DU12" s="71">
        <v>0</v>
      </c>
      <c r="DV12" s="72">
        <v>1</v>
      </c>
      <c r="DW12" s="244"/>
      <c r="DX12" s="71">
        <v>1</v>
      </c>
      <c r="DY12" s="71">
        <v>2</v>
      </c>
      <c r="DZ12" s="71">
        <v>1</v>
      </c>
      <c r="EA12" s="71">
        <v>1</v>
      </c>
      <c r="EB12" s="71">
        <v>0</v>
      </c>
      <c r="EC12" s="72">
        <v>5</v>
      </c>
      <c r="ED12" s="73">
        <v>6</v>
      </c>
      <c r="EE12" s="70">
        <v>2</v>
      </c>
      <c r="EF12" s="71">
        <v>2</v>
      </c>
      <c r="EG12" s="72">
        <v>4</v>
      </c>
      <c r="EH12" s="244"/>
      <c r="EI12" s="71">
        <v>1</v>
      </c>
      <c r="EJ12" s="71">
        <v>2</v>
      </c>
      <c r="EK12" s="71">
        <v>0</v>
      </c>
      <c r="EL12" s="71">
        <v>1</v>
      </c>
      <c r="EM12" s="71">
        <v>0</v>
      </c>
      <c r="EN12" s="72">
        <v>4</v>
      </c>
      <c r="EO12" s="73">
        <v>8</v>
      </c>
      <c r="EP12" s="70">
        <v>3</v>
      </c>
      <c r="EQ12" s="71">
        <v>1</v>
      </c>
      <c r="ER12" s="72">
        <v>4</v>
      </c>
      <c r="ES12" s="244"/>
      <c r="ET12" s="71">
        <v>2</v>
      </c>
      <c r="EU12" s="71">
        <v>5</v>
      </c>
      <c r="EV12" s="71">
        <v>3</v>
      </c>
      <c r="EW12" s="71">
        <v>1</v>
      </c>
      <c r="EX12" s="71">
        <v>1</v>
      </c>
      <c r="EY12" s="72">
        <v>12</v>
      </c>
      <c r="EZ12" s="73">
        <v>16</v>
      </c>
      <c r="FA12" s="70">
        <v>3</v>
      </c>
      <c r="FB12" s="71">
        <v>1</v>
      </c>
      <c r="FC12" s="72">
        <v>4</v>
      </c>
      <c r="FD12" s="244"/>
      <c r="FE12" s="71">
        <v>8</v>
      </c>
      <c r="FF12" s="71">
        <v>7</v>
      </c>
      <c r="FG12" s="71">
        <v>1</v>
      </c>
      <c r="FH12" s="71">
        <v>1</v>
      </c>
      <c r="FI12" s="71">
        <v>2</v>
      </c>
      <c r="FJ12" s="72">
        <v>19</v>
      </c>
      <c r="FK12" s="73">
        <v>23</v>
      </c>
      <c r="FL12" s="70">
        <v>5</v>
      </c>
      <c r="FM12" s="71">
        <v>1</v>
      </c>
      <c r="FN12" s="72">
        <v>6</v>
      </c>
      <c r="FO12" s="244"/>
      <c r="FP12" s="71">
        <v>8</v>
      </c>
      <c r="FQ12" s="71">
        <v>15</v>
      </c>
      <c r="FR12" s="71">
        <v>9</v>
      </c>
      <c r="FS12" s="71">
        <v>8</v>
      </c>
      <c r="FT12" s="71">
        <v>2</v>
      </c>
      <c r="FU12" s="72">
        <v>42</v>
      </c>
      <c r="FV12" s="73">
        <v>48</v>
      </c>
      <c r="FW12" s="70">
        <v>0</v>
      </c>
      <c r="FX12" s="71">
        <v>0</v>
      </c>
      <c r="FY12" s="72">
        <v>0</v>
      </c>
      <c r="FZ12" s="244"/>
      <c r="GA12" s="71">
        <v>0</v>
      </c>
      <c r="GB12" s="71">
        <v>0</v>
      </c>
      <c r="GC12" s="71">
        <v>0</v>
      </c>
      <c r="GD12" s="71">
        <v>0</v>
      </c>
      <c r="GE12" s="71">
        <v>0</v>
      </c>
      <c r="GF12" s="72">
        <v>0</v>
      </c>
      <c r="GG12" s="73">
        <v>0</v>
      </c>
      <c r="GH12" s="70">
        <v>16</v>
      </c>
      <c r="GI12" s="71">
        <v>5</v>
      </c>
      <c r="GJ12" s="72">
        <v>21</v>
      </c>
      <c r="GK12" s="244"/>
      <c r="GL12" s="71">
        <v>20</v>
      </c>
      <c r="GM12" s="71">
        <v>31</v>
      </c>
      <c r="GN12" s="71">
        <v>14</v>
      </c>
      <c r="GO12" s="71">
        <v>12</v>
      </c>
      <c r="GP12" s="71">
        <v>5</v>
      </c>
      <c r="GQ12" s="72">
        <v>82</v>
      </c>
      <c r="GR12" s="73">
        <v>103</v>
      </c>
      <c r="GS12" s="123">
        <v>118</v>
      </c>
      <c r="GT12" s="82">
        <v>71</v>
      </c>
      <c r="GU12" s="83">
        <v>189</v>
      </c>
      <c r="GV12" s="241"/>
      <c r="GW12" s="82">
        <v>174</v>
      </c>
      <c r="GX12" s="82">
        <v>140</v>
      </c>
      <c r="GY12" s="82">
        <v>114</v>
      </c>
      <c r="GZ12" s="82">
        <v>66</v>
      </c>
      <c r="HA12" s="82">
        <v>46</v>
      </c>
      <c r="HB12" s="84">
        <v>540</v>
      </c>
      <c r="HC12" s="85">
        <v>729</v>
      </c>
      <c r="HD12" s="70">
        <v>6</v>
      </c>
      <c r="HE12" s="71">
        <v>4</v>
      </c>
      <c r="HF12" s="72">
        <v>10</v>
      </c>
      <c r="HG12" s="244"/>
      <c r="HH12" s="71">
        <v>5</v>
      </c>
      <c r="HI12" s="71">
        <v>5</v>
      </c>
      <c r="HJ12" s="71">
        <v>2</v>
      </c>
      <c r="HK12" s="71">
        <v>1</v>
      </c>
      <c r="HL12" s="71">
        <v>1</v>
      </c>
      <c r="HM12" s="72">
        <v>14</v>
      </c>
      <c r="HN12" s="73">
        <v>24</v>
      </c>
      <c r="HO12" s="70">
        <v>3</v>
      </c>
      <c r="HP12" s="71">
        <v>3</v>
      </c>
      <c r="HQ12" s="72">
        <v>6</v>
      </c>
      <c r="HR12" s="244"/>
      <c r="HS12" s="71">
        <v>7</v>
      </c>
      <c r="HT12" s="71">
        <v>13</v>
      </c>
      <c r="HU12" s="71">
        <v>1</v>
      </c>
      <c r="HV12" s="71">
        <v>7</v>
      </c>
      <c r="HW12" s="71">
        <v>0</v>
      </c>
      <c r="HX12" s="72">
        <v>28</v>
      </c>
      <c r="HY12" s="73">
        <v>34</v>
      </c>
      <c r="HZ12" s="70">
        <v>10</v>
      </c>
      <c r="IA12" s="71">
        <v>6</v>
      </c>
      <c r="IB12" s="72">
        <v>16</v>
      </c>
      <c r="IC12" s="244"/>
      <c r="ID12" s="71">
        <v>16</v>
      </c>
      <c r="IE12" s="71">
        <v>12</v>
      </c>
      <c r="IF12" s="71">
        <v>6</v>
      </c>
      <c r="IG12" s="71">
        <v>7</v>
      </c>
      <c r="IH12" s="71">
        <v>6</v>
      </c>
      <c r="II12" s="72">
        <v>47</v>
      </c>
      <c r="IJ12" s="73">
        <v>63</v>
      </c>
      <c r="IK12" s="70">
        <v>23</v>
      </c>
      <c r="IL12" s="71">
        <v>8</v>
      </c>
      <c r="IM12" s="72">
        <v>31</v>
      </c>
      <c r="IN12" s="244"/>
      <c r="IO12" s="71">
        <v>34</v>
      </c>
      <c r="IP12" s="71">
        <v>26</v>
      </c>
      <c r="IQ12" s="71">
        <v>18</v>
      </c>
      <c r="IR12" s="71">
        <v>9</v>
      </c>
      <c r="IS12" s="71">
        <v>10</v>
      </c>
      <c r="IT12" s="72">
        <v>97</v>
      </c>
      <c r="IU12" s="73">
        <v>128</v>
      </c>
      <c r="IV12" s="70">
        <v>38</v>
      </c>
      <c r="IW12" s="71">
        <v>24</v>
      </c>
      <c r="IX12" s="72">
        <v>62</v>
      </c>
      <c r="IY12" s="244"/>
      <c r="IZ12" s="71">
        <v>52</v>
      </c>
      <c r="JA12" s="71">
        <v>26</v>
      </c>
      <c r="JB12" s="71">
        <v>29</v>
      </c>
      <c r="JC12" s="71">
        <v>12</v>
      </c>
      <c r="JD12" s="71">
        <v>14</v>
      </c>
      <c r="JE12" s="72">
        <v>133</v>
      </c>
      <c r="JF12" s="73">
        <v>195</v>
      </c>
      <c r="JG12" s="70">
        <v>38</v>
      </c>
      <c r="JH12" s="71">
        <v>26</v>
      </c>
      <c r="JI12" s="72">
        <v>64</v>
      </c>
      <c r="JJ12" s="244"/>
      <c r="JK12" s="71">
        <v>60</v>
      </c>
      <c r="JL12" s="71">
        <v>58</v>
      </c>
      <c r="JM12" s="71">
        <v>58</v>
      </c>
      <c r="JN12" s="71">
        <v>30</v>
      </c>
      <c r="JO12" s="71">
        <v>15</v>
      </c>
      <c r="JP12" s="72">
        <v>221</v>
      </c>
      <c r="JQ12" s="73">
        <v>285</v>
      </c>
      <c r="JR12" s="70">
        <v>0</v>
      </c>
      <c r="JS12" s="71">
        <v>0</v>
      </c>
      <c r="JT12" s="72">
        <v>0</v>
      </c>
      <c r="JU12" s="244"/>
      <c r="JV12" s="71">
        <v>0</v>
      </c>
      <c r="JW12" s="71">
        <v>0</v>
      </c>
      <c r="JX12" s="71">
        <v>0</v>
      </c>
      <c r="JY12" s="71">
        <v>0</v>
      </c>
      <c r="JZ12" s="71">
        <v>0</v>
      </c>
      <c r="KA12" s="72">
        <v>0</v>
      </c>
      <c r="KB12" s="73">
        <v>0</v>
      </c>
      <c r="KC12" s="70">
        <v>118</v>
      </c>
      <c r="KD12" s="71">
        <v>71</v>
      </c>
      <c r="KE12" s="72">
        <v>189</v>
      </c>
      <c r="KF12" s="244"/>
      <c r="KG12" s="71">
        <v>174</v>
      </c>
      <c r="KH12" s="71">
        <v>140</v>
      </c>
      <c r="KI12" s="71">
        <v>114</v>
      </c>
      <c r="KJ12" s="71">
        <v>66</v>
      </c>
      <c r="KK12" s="71">
        <v>46</v>
      </c>
      <c r="KL12" s="72">
        <v>540</v>
      </c>
      <c r="KM12" s="73">
        <v>729</v>
      </c>
    </row>
    <row r="13" spans="2:299" ht="21" customHeight="1" x14ac:dyDescent="0.2">
      <c r="B13" s="126" t="s">
        <v>9</v>
      </c>
      <c r="C13" s="315">
        <v>188</v>
      </c>
      <c r="D13" s="82">
        <v>109</v>
      </c>
      <c r="E13" s="83">
        <v>297</v>
      </c>
      <c r="F13" s="241"/>
      <c r="G13" s="82">
        <v>202</v>
      </c>
      <c r="H13" s="82">
        <v>146</v>
      </c>
      <c r="I13" s="82">
        <v>117</v>
      </c>
      <c r="J13" s="82">
        <v>98</v>
      </c>
      <c r="K13" s="82">
        <v>53</v>
      </c>
      <c r="L13" s="84">
        <v>616</v>
      </c>
      <c r="M13" s="85">
        <v>913</v>
      </c>
      <c r="N13" s="70">
        <v>1</v>
      </c>
      <c r="O13" s="71">
        <v>0</v>
      </c>
      <c r="P13" s="72">
        <v>1</v>
      </c>
      <c r="Q13" s="244"/>
      <c r="R13" s="71">
        <v>0</v>
      </c>
      <c r="S13" s="71">
        <v>2</v>
      </c>
      <c r="T13" s="71">
        <v>1</v>
      </c>
      <c r="U13" s="71">
        <v>0</v>
      </c>
      <c r="V13" s="71">
        <v>0</v>
      </c>
      <c r="W13" s="72">
        <v>3</v>
      </c>
      <c r="X13" s="73">
        <v>4</v>
      </c>
      <c r="Y13" s="70">
        <v>8</v>
      </c>
      <c r="Z13" s="71">
        <v>3</v>
      </c>
      <c r="AA13" s="72">
        <v>11</v>
      </c>
      <c r="AB13" s="244"/>
      <c r="AC13" s="71">
        <v>4</v>
      </c>
      <c r="AD13" s="71">
        <v>4</v>
      </c>
      <c r="AE13" s="71">
        <v>0</v>
      </c>
      <c r="AF13" s="71">
        <v>2</v>
      </c>
      <c r="AG13" s="71">
        <v>1</v>
      </c>
      <c r="AH13" s="72">
        <v>11</v>
      </c>
      <c r="AI13" s="73">
        <v>22</v>
      </c>
      <c r="AJ13" s="70">
        <v>16</v>
      </c>
      <c r="AK13" s="71">
        <v>6</v>
      </c>
      <c r="AL13" s="72">
        <v>22</v>
      </c>
      <c r="AM13" s="244"/>
      <c r="AN13" s="71">
        <v>9</v>
      </c>
      <c r="AO13" s="71">
        <v>10</v>
      </c>
      <c r="AP13" s="71">
        <v>9</v>
      </c>
      <c r="AQ13" s="71">
        <v>7</v>
      </c>
      <c r="AR13" s="71">
        <v>7</v>
      </c>
      <c r="AS13" s="72">
        <v>42</v>
      </c>
      <c r="AT13" s="73">
        <v>64</v>
      </c>
      <c r="AU13" s="70">
        <v>33</v>
      </c>
      <c r="AV13" s="71">
        <v>20</v>
      </c>
      <c r="AW13" s="72">
        <v>53</v>
      </c>
      <c r="AX13" s="244"/>
      <c r="AY13" s="71">
        <v>23</v>
      </c>
      <c r="AZ13" s="71">
        <v>20</v>
      </c>
      <c r="BA13" s="71">
        <v>13</v>
      </c>
      <c r="BB13" s="71">
        <v>10</v>
      </c>
      <c r="BC13" s="71">
        <v>7</v>
      </c>
      <c r="BD13" s="72">
        <v>73</v>
      </c>
      <c r="BE13" s="73">
        <v>126</v>
      </c>
      <c r="BF13" s="70">
        <v>66</v>
      </c>
      <c r="BG13" s="71">
        <v>35</v>
      </c>
      <c r="BH13" s="72">
        <v>101</v>
      </c>
      <c r="BI13" s="244"/>
      <c r="BJ13" s="71">
        <v>82</v>
      </c>
      <c r="BK13" s="71">
        <v>48</v>
      </c>
      <c r="BL13" s="71">
        <v>34</v>
      </c>
      <c r="BM13" s="71">
        <v>31</v>
      </c>
      <c r="BN13" s="71">
        <v>11</v>
      </c>
      <c r="BO13" s="72">
        <v>206</v>
      </c>
      <c r="BP13" s="73">
        <v>307</v>
      </c>
      <c r="BQ13" s="70">
        <v>64</v>
      </c>
      <c r="BR13" s="71">
        <v>45</v>
      </c>
      <c r="BS13" s="72">
        <v>109</v>
      </c>
      <c r="BT13" s="244"/>
      <c r="BU13" s="71">
        <v>84</v>
      </c>
      <c r="BV13" s="71">
        <v>62</v>
      </c>
      <c r="BW13" s="71">
        <v>60</v>
      </c>
      <c r="BX13" s="71">
        <v>48</v>
      </c>
      <c r="BY13" s="71">
        <v>27</v>
      </c>
      <c r="BZ13" s="72">
        <v>281</v>
      </c>
      <c r="CA13" s="73">
        <v>390</v>
      </c>
      <c r="CB13" s="70">
        <v>0</v>
      </c>
      <c r="CC13" s="71">
        <v>0</v>
      </c>
      <c r="CD13" s="72">
        <v>0</v>
      </c>
      <c r="CE13" s="244"/>
      <c r="CF13" s="71">
        <v>0</v>
      </c>
      <c r="CG13" s="71">
        <v>0</v>
      </c>
      <c r="CH13" s="71">
        <v>0</v>
      </c>
      <c r="CI13" s="71">
        <v>0</v>
      </c>
      <c r="CJ13" s="71">
        <v>0</v>
      </c>
      <c r="CK13" s="72">
        <v>0</v>
      </c>
      <c r="CL13" s="73">
        <v>0</v>
      </c>
      <c r="CM13" s="70">
        <v>188</v>
      </c>
      <c r="CN13" s="71">
        <v>109</v>
      </c>
      <c r="CO13" s="72">
        <v>297</v>
      </c>
      <c r="CP13" s="244"/>
      <c r="CQ13" s="71">
        <v>202</v>
      </c>
      <c r="CR13" s="71">
        <v>146</v>
      </c>
      <c r="CS13" s="71">
        <v>117</v>
      </c>
      <c r="CT13" s="71">
        <v>98</v>
      </c>
      <c r="CU13" s="71">
        <v>53</v>
      </c>
      <c r="CV13" s="72">
        <v>616</v>
      </c>
      <c r="CW13" s="73">
        <v>913</v>
      </c>
      <c r="CX13" s="123">
        <v>35</v>
      </c>
      <c r="CY13" s="82">
        <v>19</v>
      </c>
      <c r="CZ13" s="83">
        <v>54</v>
      </c>
      <c r="DA13" s="241"/>
      <c r="DB13" s="82">
        <v>31</v>
      </c>
      <c r="DC13" s="82">
        <v>19</v>
      </c>
      <c r="DD13" s="82">
        <v>23</v>
      </c>
      <c r="DE13" s="82">
        <v>14</v>
      </c>
      <c r="DF13" s="82">
        <v>9</v>
      </c>
      <c r="DG13" s="84">
        <v>96</v>
      </c>
      <c r="DH13" s="85">
        <v>150</v>
      </c>
      <c r="DI13" s="70">
        <v>2</v>
      </c>
      <c r="DJ13" s="71">
        <v>0</v>
      </c>
      <c r="DK13" s="72">
        <v>2</v>
      </c>
      <c r="DL13" s="244"/>
      <c r="DM13" s="71">
        <v>0</v>
      </c>
      <c r="DN13" s="71">
        <v>0</v>
      </c>
      <c r="DO13" s="71">
        <v>1</v>
      </c>
      <c r="DP13" s="71">
        <v>0</v>
      </c>
      <c r="DQ13" s="71">
        <v>0</v>
      </c>
      <c r="DR13" s="72">
        <v>1</v>
      </c>
      <c r="DS13" s="73">
        <v>3</v>
      </c>
      <c r="DT13" s="70">
        <v>2</v>
      </c>
      <c r="DU13" s="71">
        <v>4</v>
      </c>
      <c r="DV13" s="72">
        <v>6</v>
      </c>
      <c r="DW13" s="244"/>
      <c r="DX13" s="71">
        <v>0</v>
      </c>
      <c r="DY13" s="71">
        <v>1</v>
      </c>
      <c r="DZ13" s="71">
        <v>1</v>
      </c>
      <c r="EA13" s="71">
        <v>0</v>
      </c>
      <c r="EB13" s="71">
        <v>0</v>
      </c>
      <c r="EC13" s="72">
        <v>2</v>
      </c>
      <c r="ED13" s="73">
        <v>8</v>
      </c>
      <c r="EE13" s="70">
        <v>5</v>
      </c>
      <c r="EF13" s="71">
        <v>0</v>
      </c>
      <c r="EG13" s="72">
        <v>5</v>
      </c>
      <c r="EH13" s="244"/>
      <c r="EI13" s="71">
        <v>3</v>
      </c>
      <c r="EJ13" s="71">
        <v>1</v>
      </c>
      <c r="EK13" s="71">
        <v>3</v>
      </c>
      <c r="EL13" s="71">
        <v>1</v>
      </c>
      <c r="EM13" s="71">
        <v>1</v>
      </c>
      <c r="EN13" s="72">
        <v>9</v>
      </c>
      <c r="EO13" s="73">
        <v>14</v>
      </c>
      <c r="EP13" s="70">
        <v>8</v>
      </c>
      <c r="EQ13" s="71">
        <v>4</v>
      </c>
      <c r="ER13" s="72">
        <v>12</v>
      </c>
      <c r="ES13" s="244"/>
      <c r="ET13" s="71">
        <v>9</v>
      </c>
      <c r="EU13" s="71">
        <v>1</v>
      </c>
      <c r="EV13" s="71">
        <v>0</v>
      </c>
      <c r="EW13" s="71">
        <v>1</v>
      </c>
      <c r="EX13" s="71">
        <v>0</v>
      </c>
      <c r="EY13" s="72">
        <v>11</v>
      </c>
      <c r="EZ13" s="73">
        <v>23</v>
      </c>
      <c r="FA13" s="70">
        <v>10</v>
      </c>
      <c r="FB13" s="71">
        <v>8</v>
      </c>
      <c r="FC13" s="72">
        <v>18</v>
      </c>
      <c r="FD13" s="244"/>
      <c r="FE13" s="71">
        <v>7</v>
      </c>
      <c r="FF13" s="71">
        <v>7</v>
      </c>
      <c r="FG13" s="71">
        <v>4</v>
      </c>
      <c r="FH13" s="71">
        <v>4</v>
      </c>
      <c r="FI13" s="71">
        <v>5</v>
      </c>
      <c r="FJ13" s="72">
        <v>27</v>
      </c>
      <c r="FK13" s="73">
        <v>45</v>
      </c>
      <c r="FL13" s="70">
        <v>8</v>
      </c>
      <c r="FM13" s="71">
        <v>3</v>
      </c>
      <c r="FN13" s="72">
        <v>11</v>
      </c>
      <c r="FO13" s="244"/>
      <c r="FP13" s="71">
        <v>12</v>
      </c>
      <c r="FQ13" s="71">
        <v>9</v>
      </c>
      <c r="FR13" s="71">
        <v>14</v>
      </c>
      <c r="FS13" s="71">
        <v>8</v>
      </c>
      <c r="FT13" s="71">
        <v>3</v>
      </c>
      <c r="FU13" s="72">
        <v>46</v>
      </c>
      <c r="FV13" s="73">
        <v>57</v>
      </c>
      <c r="FW13" s="70">
        <v>0</v>
      </c>
      <c r="FX13" s="71">
        <v>0</v>
      </c>
      <c r="FY13" s="72">
        <v>0</v>
      </c>
      <c r="FZ13" s="244"/>
      <c r="GA13" s="71">
        <v>0</v>
      </c>
      <c r="GB13" s="71">
        <v>0</v>
      </c>
      <c r="GC13" s="71">
        <v>0</v>
      </c>
      <c r="GD13" s="71">
        <v>0</v>
      </c>
      <c r="GE13" s="71">
        <v>0</v>
      </c>
      <c r="GF13" s="72">
        <v>0</v>
      </c>
      <c r="GG13" s="73">
        <v>0</v>
      </c>
      <c r="GH13" s="70">
        <v>35</v>
      </c>
      <c r="GI13" s="71">
        <v>19</v>
      </c>
      <c r="GJ13" s="72">
        <v>54</v>
      </c>
      <c r="GK13" s="244"/>
      <c r="GL13" s="71">
        <v>31</v>
      </c>
      <c r="GM13" s="71">
        <v>19</v>
      </c>
      <c r="GN13" s="71">
        <v>23</v>
      </c>
      <c r="GO13" s="71">
        <v>14</v>
      </c>
      <c r="GP13" s="71">
        <v>9</v>
      </c>
      <c r="GQ13" s="72">
        <v>96</v>
      </c>
      <c r="GR13" s="73">
        <v>150</v>
      </c>
      <c r="GS13" s="123">
        <v>223</v>
      </c>
      <c r="GT13" s="82">
        <v>128</v>
      </c>
      <c r="GU13" s="83">
        <v>351</v>
      </c>
      <c r="GV13" s="241"/>
      <c r="GW13" s="82">
        <v>233</v>
      </c>
      <c r="GX13" s="82">
        <v>165</v>
      </c>
      <c r="GY13" s="82">
        <v>140</v>
      </c>
      <c r="GZ13" s="82">
        <v>112</v>
      </c>
      <c r="HA13" s="82">
        <v>62</v>
      </c>
      <c r="HB13" s="84">
        <v>712</v>
      </c>
      <c r="HC13" s="85">
        <v>1063</v>
      </c>
      <c r="HD13" s="70">
        <v>3</v>
      </c>
      <c r="HE13" s="71">
        <v>0</v>
      </c>
      <c r="HF13" s="72">
        <v>3</v>
      </c>
      <c r="HG13" s="244"/>
      <c r="HH13" s="71">
        <v>0</v>
      </c>
      <c r="HI13" s="71">
        <v>2</v>
      </c>
      <c r="HJ13" s="71">
        <v>2</v>
      </c>
      <c r="HK13" s="71">
        <v>0</v>
      </c>
      <c r="HL13" s="71">
        <v>0</v>
      </c>
      <c r="HM13" s="72">
        <v>4</v>
      </c>
      <c r="HN13" s="73">
        <v>7</v>
      </c>
      <c r="HO13" s="70">
        <v>10</v>
      </c>
      <c r="HP13" s="71">
        <v>7</v>
      </c>
      <c r="HQ13" s="72">
        <v>17</v>
      </c>
      <c r="HR13" s="244"/>
      <c r="HS13" s="71">
        <v>4</v>
      </c>
      <c r="HT13" s="71">
        <v>5</v>
      </c>
      <c r="HU13" s="71">
        <v>1</v>
      </c>
      <c r="HV13" s="71">
        <v>2</v>
      </c>
      <c r="HW13" s="71">
        <v>1</v>
      </c>
      <c r="HX13" s="72">
        <v>13</v>
      </c>
      <c r="HY13" s="73">
        <v>30</v>
      </c>
      <c r="HZ13" s="70">
        <v>21</v>
      </c>
      <c r="IA13" s="71">
        <v>6</v>
      </c>
      <c r="IB13" s="72">
        <v>27</v>
      </c>
      <c r="IC13" s="244"/>
      <c r="ID13" s="71">
        <v>12</v>
      </c>
      <c r="IE13" s="71">
        <v>11</v>
      </c>
      <c r="IF13" s="71">
        <v>12</v>
      </c>
      <c r="IG13" s="71">
        <v>8</v>
      </c>
      <c r="IH13" s="71">
        <v>8</v>
      </c>
      <c r="II13" s="72">
        <v>51</v>
      </c>
      <c r="IJ13" s="73">
        <v>78</v>
      </c>
      <c r="IK13" s="70">
        <v>41</v>
      </c>
      <c r="IL13" s="71">
        <v>24</v>
      </c>
      <c r="IM13" s="72">
        <v>65</v>
      </c>
      <c r="IN13" s="244"/>
      <c r="IO13" s="71">
        <v>32</v>
      </c>
      <c r="IP13" s="71">
        <v>21</v>
      </c>
      <c r="IQ13" s="71">
        <v>13</v>
      </c>
      <c r="IR13" s="71">
        <v>11</v>
      </c>
      <c r="IS13" s="71">
        <v>7</v>
      </c>
      <c r="IT13" s="72">
        <v>84</v>
      </c>
      <c r="IU13" s="73">
        <v>149</v>
      </c>
      <c r="IV13" s="70">
        <v>76</v>
      </c>
      <c r="IW13" s="71">
        <v>43</v>
      </c>
      <c r="IX13" s="72">
        <v>119</v>
      </c>
      <c r="IY13" s="244"/>
      <c r="IZ13" s="71">
        <v>89</v>
      </c>
      <c r="JA13" s="71">
        <v>55</v>
      </c>
      <c r="JB13" s="71">
        <v>38</v>
      </c>
      <c r="JC13" s="71">
        <v>35</v>
      </c>
      <c r="JD13" s="71">
        <v>16</v>
      </c>
      <c r="JE13" s="72">
        <v>233</v>
      </c>
      <c r="JF13" s="73">
        <v>352</v>
      </c>
      <c r="JG13" s="70">
        <v>72</v>
      </c>
      <c r="JH13" s="71">
        <v>48</v>
      </c>
      <c r="JI13" s="72">
        <v>120</v>
      </c>
      <c r="JJ13" s="244"/>
      <c r="JK13" s="71">
        <v>96</v>
      </c>
      <c r="JL13" s="71">
        <v>71</v>
      </c>
      <c r="JM13" s="71">
        <v>74</v>
      </c>
      <c r="JN13" s="71">
        <v>56</v>
      </c>
      <c r="JO13" s="71">
        <v>30</v>
      </c>
      <c r="JP13" s="72">
        <v>327</v>
      </c>
      <c r="JQ13" s="73">
        <v>447</v>
      </c>
      <c r="JR13" s="70">
        <v>0</v>
      </c>
      <c r="JS13" s="71">
        <v>0</v>
      </c>
      <c r="JT13" s="72">
        <v>0</v>
      </c>
      <c r="JU13" s="244"/>
      <c r="JV13" s="71">
        <v>0</v>
      </c>
      <c r="JW13" s="71">
        <v>0</v>
      </c>
      <c r="JX13" s="71">
        <v>0</v>
      </c>
      <c r="JY13" s="71">
        <v>0</v>
      </c>
      <c r="JZ13" s="71">
        <v>0</v>
      </c>
      <c r="KA13" s="72">
        <v>0</v>
      </c>
      <c r="KB13" s="73">
        <v>0</v>
      </c>
      <c r="KC13" s="70">
        <v>223</v>
      </c>
      <c r="KD13" s="71">
        <v>128</v>
      </c>
      <c r="KE13" s="72">
        <v>351</v>
      </c>
      <c r="KF13" s="244"/>
      <c r="KG13" s="71">
        <v>233</v>
      </c>
      <c r="KH13" s="71">
        <v>165</v>
      </c>
      <c r="KI13" s="71">
        <v>140</v>
      </c>
      <c r="KJ13" s="71">
        <v>112</v>
      </c>
      <c r="KK13" s="71">
        <v>62</v>
      </c>
      <c r="KL13" s="72">
        <v>712</v>
      </c>
      <c r="KM13" s="73">
        <v>1063</v>
      </c>
    </row>
    <row r="14" spans="2:299" ht="21" customHeight="1" x14ac:dyDescent="0.2">
      <c r="B14" s="126" t="s">
        <v>10</v>
      </c>
      <c r="C14" s="315">
        <v>340</v>
      </c>
      <c r="D14" s="82">
        <v>205</v>
      </c>
      <c r="E14" s="83">
        <v>545</v>
      </c>
      <c r="F14" s="241"/>
      <c r="G14" s="82">
        <v>340</v>
      </c>
      <c r="H14" s="82">
        <v>188</v>
      </c>
      <c r="I14" s="82">
        <v>128</v>
      </c>
      <c r="J14" s="82">
        <v>146</v>
      </c>
      <c r="K14" s="82">
        <v>75</v>
      </c>
      <c r="L14" s="84">
        <v>877</v>
      </c>
      <c r="M14" s="85">
        <v>1422</v>
      </c>
      <c r="N14" s="70">
        <v>2</v>
      </c>
      <c r="O14" s="71">
        <v>2</v>
      </c>
      <c r="P14" s="72">
        <v>4</v>
      </c>
      <c r="Q14" s="244"/>
      <c r="R14" s="71">
        <v>5</v>
      </c>
      <c r="S14" s="71">
        <v>7</v>
      </c>
      <c r="T14" s="71">
        <v>1</v>
      </c>
      <c r="U14" s="71">
        <v>1</v>
      </c>
      <c r="V14" s="71">
        <v>2</v>
      </c>
      <c r="W14" s="72">
        <v>16</v>
      </c>
      <c r="X14" s="73">
        <v>20</v>
      </c>
      <c r="Y14" s="70">
        <v>7</v>
      </c>
      <c r="Z14" s="71">
        <v>7</v>
      </c>
      <c r="AA14" s="72">
        <v>14</v>
      </c>
      <c r="AB14" s="244"/>
      <c r="AC14" s="71">
        <v>16</v>
      </c>
      <c r="AD14" s="71">
        <v>8</v>
      </c>
      <c r="AE14" s="71">
        <v>4</v>
      </c>
      <c r="AF14" s="71">
        <v>9</v>
      </c>
      <c r="AG14" s="71">
        <v>2</v>
      </c>
      <c r="AH14" s="72">
        <v>39</v>
      </c>
      <c r="AI14" s="73">
        <v>53</v>
      </c>
      <c r="AJ14" s="70">
        <v>29</v>
      </c>
      <c r="AK14" s="71">
        <v>10</v>
      </c>
      <c r="AL14" s="72">
        <v>39</v>
      </c>
      <c r="AM14" s="244"/>
      <c r="AN14" s="71">
        <v>23</v>
      </c>
      <c r="AO14" s="71">
        <v>13</v>
      </c>
      <c r="AP14" s="71">
        <v>11</v>
      </c>
      <c r="AQ14" s="71">
        <v>10</v>
      </c>
      <c r="AR14" s="71">
        <v>5</v>
      </c>
      <c r="AS14" s="72">
        <v>62</v>
      </c>
      <c r="AT14" s="73">
        <v>101</v>
      </c>
      <c r="AU14" s="70">
        <v>69</v>
      </c>
      <c r="AV14" s="71">
        <v>48</v>
      </c>
      <c r="AW14" s="72">
        <v>117</v>
      </c>
      <c r="AX14" s="244"/>
      <c r="AY14" s="71">
        <v>70</v>
      </c>
      <c r="AZ14" s="71">
        <v>25</v>
      </c>
      <c r="BA14" s="71">
        <v>12</v>
      </c>
      <c r="BB14" s="71">
        <v>19</v>
      </c>
      <c r="BC14" s="71">
        <v>15</v>
      </c>
      <c r="BD14" s="72">
        <v>141</v>
      </c>
      <c r="BE14" s="73">
        <v>258</v>
      </c>
      <c r="BF14" s="70">
        <v>148</v>
      </c>
      <c r="BG14" s="71">
        <v>75</v>
      </c>
      <c r="BH14" s="72">
        <v>223</v>
      </c>
      <c r="BI14" s="244"/>
      <c r="BJ14" s="71">
        <v>105</v>
      </c>
      <c r="BK14" s="71">
        <v>52</v>
      </c>
      <c r="BL14" s="71">
        <v>36</v>
      </c>
      <c r="BM14" s="71">
        <v>46</v>
      </c>
      <c r="BN14" s="71">
        <v>24</v>
      </c>
      <c r="BO14" s="72">
        <v>263</v>
      </c>
      <c r="BP14" s="73">
        <v>486</v>
      </c>
      <c r="BQ14" s="70">
        <v>85</v>
      </c>
      <c r="BR14" s="71">
        <v>63</v>
      </c>
      <c r="BS14" s="72">
        <v>148</v>
      </c>
      <c r="BT14" s="244"/>
      <c r="BU14" s="71">
        <v>121</v>
      </c>
      <c r="BV14" s="71">
        <v>83</v>
      </c>
      <c r="BW14" s="71">
        <v>64</v>
      </c>
      <c r="BX14" s="71">
        <v>61</v>
      </c>
      <c r="BY14" s="71">
        <v>27</v>
      </c>
      <c r="BZ14" s="72">
        <v>356</v>
      </c>
      <c r="CA14" s="73">
        <v>504</v>
      </c>
      <c r="CB14" s="70">
        <v>0</v>
      </c>
      <c r="CC14" s="71">
        <v>0</v>
      </c>
      <c r="CD14" s="72">
        <v>0</v>
      </c>
      <c r="CE14" s="244"/>
      <c r="CF14" s="71">
        <v>0</v>
      </c>
      <c r="CG14" s="71">
        <v>0</v>
      </c>
      <c r="CH14" s="71">
        <v>0</v>
      </c>
      <c r="CI14" s="71">
        <v>0</v>
      </c>
      <c r="CJ14" s="71">
        <v>0</v>
      </c>
      <c r="CK14" s="72">
        <v>0</v>
      </c>
      <c r="CL14" s="73">
        <v>0</v>
      </c>
      <c r="CM14" s="70">
        <v>340</v>
      </c>
      <c r="CN14" s="71">
        <v>205</v>
      </c>
      <c r="CO14" s="72">
        <v>545</v>
      </c>
      <c r="CP14" s="244"/>
      <c r="CQ14" s="71">
        <v>340</v>
      </c>
      <c r="CR14" s="71">
        <v>188</v>
      </c>
      <c r="CS14" s="71">
        <v>128</v>
      </c>
      <c r="CT14" s="71">
        <v>146</v>
      </c>
      <c r="CU14" s="71">
        <v>75</v>
      </c>
      <c r="CV14" s="72">
        <v>877</v>
      </c>
      <c r="CW14" s="73">
        <v>1422</v>
      </c>
      <c r="CX14" s="123">
        <v>46</v>
      </c>
      <c r="CY14" s="82">
        <v>32</v>
      </c>
      <c r="CZ14" s="83">
        <v>78</v>
      </c>
      <c r="DA14" s="241"/>
      <c r="DB14" s="82">
        <v>55</v>
      </c>
      <c r="DC14" s="82">
        <v>18</v>
      </c>
      <c r="DD14" s="82">
        <v>19</v>
      </c>
      <c r="DE14" s="82">
        <v>16</v>
      </c>
      <c r="DF14" s="82">
        <v>19</v>
      </c>
      <c r="DG14" s="84">
        <v>127</v>
      </c>
      <c r="DH14" s="85">
        <v>205</v>
      </c>
      <c r="DI14" s="70">
        <v>0</v>
      </c>
      <c r="DJ14" s="71">
        <v>2</v>
      </c>
      <c r="DK14" s="72">
        <v>2</v>
      </c>
      <c r="DL14" s="244"/>
      <c r="DM14" s="71">
        <v>1</v>
      </c>
      <c r="DN14" s="71">
        <v>0</v>
      </c>
      <c r="DO14" s="71">
        <v>0</v>
      </c>
      <c r="DP14" s="71">
        <v>0</v>
      </c>
      <c r="DQ14" s="71">
        <v>0</v>
      </c>
      <c r="DR14" s="72">
        <v>1</v>
      </c>
      <c r="DS14" s="73">
        <v>3</v>
      </c>
      <c r="DT14" s="70">
        <v>5</v>
      </c>
      <c r="DU14" s="71">
        <v>0</v>
      </c>
      <c r="DV14" s="72">
        <v>5</v>
      </c>
      <c r="DW14" s="244"/>
      <c r="DX14" s="71">
        <v>2</v>
      </c>
      <c r="DY14" s="71">
        <v>0</v>
      </c>
      <c r="DZ14" s="71">
        <v>1</v>
      </c>
      <c r="EA14" s="71">
        <v>0</v>
      </c>
      <c r="EB14" s="71">
        <v>0</v>
      </c>
      <c r="EC14" s="72">
        <v>3</v>
      </c>
      <c r="ED14" s="73">
        <v>8</v>
      </c>
      <c r="EE14" s="70">
        <v>2</v>
      </c>
      <c r="EF14" s="71">
        <v>1</v>
      </c>
      <c r="EG14" s="72">
        <v>3</v>
      </c>
      <c r="EH14" s="244"/>
      <c r="EI14" s="71">
        <v>5</v>
      </c>
      <c r="EJ14" s="71">
        <v>2</v>
      </c>
      <c r="EK14" s="71">
        <v>1</v>
      </c>
      <c r="EL14" s="71">
        <v>0</v>
      </c>
      <c r="EM14" s="71">
        <v>0</v>
      </c>
      <c r="EN14" s="72">
        <v>8</v>
      </c>
      <c r="EO14" s="73">
        <v>11</v>
      </c>
      <c r="EP14" s="70">
        <v>8</v>
      </c>
      <c r="EQ14" s="71">
        <v>6</v>
      </c>
      <c r="ER14" s="72">
        <v>14</v>
      </c>
      <c r="ES14" s="244"/>
      <c r="ET14" s="71">
        <v>10</v>
      </c>
      <c r="EU14" s="71">
        <v>4</v>
      </c>
      <c r="EV14" s="71">
        <v>2</v>
      </c>
      <c r="EW14" s="71">
        <v>6</v>
      </c>
      <c r="EX14" s="71">
        <v>3</v>
      </c>
      <c r="EY14" s="72">
        <v>25</v>
      </c>
      <c r="EZ14" s="73">
        <v>39</v>
      </c>
      <c r="FA14" s="70">
        <v>19</v>
      </c>
      <c r="FB14" s="71">
        <v>11</v>
      </c>
      <c r="FC14" s="72">
        <v>30</v>
      </c>
      <c r="FD14" s="244"/>
      <c r="FE14" s="71">
        <v>16</v>
      </c>
      <c r="FF14" s="71">
        <v>4</v>
      </c>
      <c r="FG14" s="71">
        <v>6</v>
      </c>
      <c r="FH14" s="71">
        <v>1</v>
      </c>
      <c r="FI14" s="71">
        <v>5</v>
      </c>
      <c r="FJ14" s="72">
        <v>32</v>
      </c>
      <c r="FK14" s="73">
        <v>62</v>
      </c>
      <c r="FL14" s="70">
        <v>12</v>
      </c>
      <c r="FM14" s="71">
        <v>12</v>
      </c>
      <c r="FN14" s="72">
        <v>24</v>
      </c>
      <c r="FO14" s="244"/>
      <c r="FP14" s="71">
        <v>21</v>
      </c>
      <c r="FQ14" s="71">
        <v>8</v>
      </c>
      <c r="FR14" s="71">
        <v>9</v>
      </c>
      <c r="FS14" s="71">
        <v>9</v>
      </c>
      <c r="FT14" s="71">
        <v>11</v>
      </c>
      <c r="FU14" s="72">
        <v>58</v>
      </c>
      <c r="FV14" s="73">
        <v>82</v>
      </c>
      <c r="FW14" s="70">
        <v>0</v>
      </c>
      <c r="FX14" s="71">
        <v>0</v>
      </c>
      <c r="FY14" s="72">
        <v>0</v>
      </c>
      <c r="FZ14" s="244"/>
      <c r="GA14" s="71">
        <v>0</v>
      </c>
      <c r="GB14" s="71">
        <v>0</v>
      </c>
      <c r="GC14" s="71">
        <v>0</v>
      </c>
      <c r="GD14" s="71">
        <v>0</v>
      </c>
      <c r="GE14" s="71">
        <v>0</v>
      </c>
      <c r="GF14" s="72">
        <v>0</v>
      </c>
      <c r="GG14" s="73">
        <v>0</v>
      </c>
      <c r="GH14" s="70">
        <v>46</v>
      </c>
      <c r="GI14" s="71">
        <v>32</v>
      </c>
      <c r="GJ14" s="72">
        <v>78</v>
      </c>
      <c r="GK14" s="244"/>
      <c r="GL14" s="71">
        <v>55</v>
      </c>
      <c r="GM14" s="71">
        <v>18</v>
      </c>
      <c r="GN14" s="71">
        <v>19</v>
      </c>
      <c r="GO14" s="71">
        <v>16</v>
      </c>
      <c r="GP14" s="71">
        <v>19</v>
      </c>
      <c r="GQ14" s="72">
        <v>127</v>
      </c>
      <c r="GR14" s="73">
        <v>205</v>
      </c>
      <c r="GS14" s="123">
        <v>386</v>
      </c>
      <c r="GT14" s="82">
        <v>237</v>
      </c>
      <c r="GU14" s="83">
        <v>623</v>
      </c>
      <c r="GV14" s="241"/>
      <c r="GW14" s="82">
        <v>395</v>
      </c>
      <c r="GX14" s="82">
        <v>206</v>
      </c>
      <c r="GY14" s="82">
        <v>147</v>
      </c>
      <c r="GZ14" s="82">
        <v>162</v>
      </c>
      <c r="HA14" s="82">
        <v>94</v>
      </c>
      <c r="HB14" s="84">
        <v>1004</v>
      </c>
      <c r="HC14" s="85">
        <v>1627</v>
      </c>
      <c r="HD14" s="70">
        <v>2</v>
      </c>
      <c r="HE14" s="71">
        <v>4</v>
      </c>
      <c r="HF14" s="72">
        <v>6</v>
      </c>
      <c r="HG14" s="244"/>
      <c r="HH14" s="71">
        <v>6</v>
      </c>
      <c r="HI14" s="71">
        <v>7</v>
      </c>
      <c r="HJ14" s="71">
        <v>1</v>
      </c>
      <c r="HK14" s="71">
        <v>1</v>
      </c>
      <c r="HL14" s="71">
        <v>2</v>
      </c>
      <c r="HM14" s="72">
        <v>17</v>
      </c>
      <c r="HN14" s="73">
        <v>23</v>
      </c>
      <c r="HO14" s="70">
        <v>12</v>
      </c>
      <c r="HP14" s="71">
        <v>7</v>
      </c>
      <c r="HQ14" s="72">
        <v>19</v>
      </c>
      <c r="HR14" s="244"/>
      <c r="HS14" s="71">
        <v>18</v>
      </c>
      <c r="HT14" s="71">
        <v>8</v>
      </c>
      <c r="HU14" s="71">
        <v>5</v>
      </c>
      <c r="HV14" s="71">
        <v>9</v>
      </c>
      <c r="HW14" s="71">
        <v>2</v>
      </c>
      <c r="HX14" s="72">
        <v>42</v>
      </c>
      <c r="HY14" s="73">
        <v>61</v>
      </c>
      <c r="HZ14" s="70">
        <v>31</v>
      </c>
      <c r="IA14" s="71">
        <v>11</v>
      </c>
      <c r="IB14" s="72">
        <v>42</v>
      </c>
      <c r="IC14" s="244"/>
      <c r="ID14" s="71">
        <v>28</v>
      </c>
      <c r="IE14" s="71">
        <v>15</v>
      </c>
      <c r="IF14" s="71">
        <v>12</v>
      </c>
      <c r="IG14" s="71">
        <v>10</v>
      </c>
      <c r="IH14" s="71">
        <v>5</v>
      </c>
      <c r="II14" s="72">
        <v>70</v>
      </c>
      <c r="IJ14" s="73">
        <v>112</v>
      </c>
      <c r="IK14" s="70">
        <v>77</v>
      </c>
      <c r="IL14" s="71">
        <v>54</v>
      </c>
      <c r="IM14" s="72">
        <v>131</v>
      </c>
      <c r="IN14" s="244"/>
      <c r="IO14" s="71">
        <v>80</v>
      </c>
      <c r="IP14" s="71">
        <v>29</v>
      </c>
      <c r="IQ14" s="71">
        <v>14</v>
      </c>
      <c r="IR14" s="71">
        <v>25</v>
      </c>
      <c r="IS14" s="71">
        <v>18</v>
      </c>
      <c r="IT14" s="72">
        <v>166</v>
      </c>
      <c r="IU14" s="73">
        <v>297</v>
      </c>
      <c r="IV14" s="70">
        <v>167</v>
      </c>
      <c r="IW14" s="71">
        <v>86</v>
      </c>
      <c r="IX14" s="72">
        <v>253</v>
      </c>
      <c r="IY14" s="244"/>
      <c r="IZ14" s="71">
        <v>121</v>
      </c>
      <c r="JA14" s="71">
        <v>56</v>
      </c>
      <c r="JB14" s="71">
        <v>42</v>
      </c>
      <c r="JC14" s="71">
        <v>47</v>
      </c>
      <c r="JD14" s="71">
        <v>29</v>
      </c>
      <c r="JE14" s="72">
        <v>295</v>
      </c>
      <c r="JF14" s="73">
        <v>548</v>
      </c>
      <c r="JG14" s="70">
        <v>97</v>
      </c>
      <c r="JH14" s="71">
        <v>75</v>
      </c>
      <c r="JI14" s="72">
        <v>172</v>
      </c>
      <c r="JJ14" s="244"/>
      <c r="JK14" s="71">
        <v>142</v>
      </c>
      <c r="JL14" s="71">
        <v>91</v>
      </c>
      <c r="JM14" s="71">
        <v>73</v>
      </c>
      <c r="JN14" s="71">
        <v>70</v>
      </c>
      <c r="JO14" s="71">
        <v>38</v>
      </c>
      <c r="JP14" s="72">
        <v>414</v>
      </c>
      <c r="JQ14" s="73">
        <v>586</v>
      </c>
      <c r="JR14" s="70">
        <v>0</v>
      </c>
      <c r="JS14" s="71">
        <v>0</v>
      </c>
      <c r="JT14" s="72">
        <v>0</v>
      </c>
      <c r="JU14" s="244"/>
      <c r="JV14" s="71">
        <v>0</v>
      </c>
      <c r="JW14" s="71">
        <v>0</v>
      </c>
      <c r="JX14" s="71">
        <v>0</v>
      </c>
      <c r="JY14" s="71">
        <v>0</v>
      </c>
      <c r="JZ14" s="71">
        <v>0</v>
      </c>
      <c r="KA14" s="72">
        <v>0</v>
      </c>
      <c r="KB14" s="73">
        <v>0</v>
      </c>
      <c r="KC14" s="70">
        <v>386</v>
      </c>
      <c r="KD14" s="71">
        <v>237</v>
      </c>
      <c r="KE14" s="72">
        <v>623</v>
      </c>
      <c r="KF14" s="244"/>
      <c r="KG14" s="71">
        <v>395</v>
      </c>
      <c r="KH14" s="71">
        <v>206</v>
      </c>
      <c r="KI14" s="71">
        <v>147</v>
      </c>
      <c r="KJ14" s="71">
        <v>162</v>
      </c>
      <c r="KK14" s="71">
        <v>94</v>
      </c>
      <c r="KL14" s="72">
        <v>1004</v>
      </c>
      <c r="KM14" s="73">
        <v>1627</v>
      </c>
    </row>
    <row r="15" spans="2:299" ht="21" customHeight="1" x14ac:dyDescent="0.2">
      <c r="B15" s="126" t="s">
        <v>11</v>
      </c>
      <c r="C15" s="315">
        <v>80</v>
      </c>
      <c r="D15" s="82">
        <v>63</v>
      </c>
      <c r="E15" s="83">
        <v>143</v>
      </c>
      <c r="F15" s="241"/>
      <c r="G15" s="82">
        <v>135</v>
      </c>
      <c r="H15" s="82">
        <v>73</v>
      </c>
      <c r="I15" s="82">
        <v>67</v>
      </c>
      <c r="J15" s="82">
        <v>59</v>
      </c>
      <c r="K15" s="82">
        <v>24</v>
      </c>
      <c r="L15" s="84">
        <v>358</v>
      </c>
      <c r="M15" s="85">
        <v>501</v>
      </c>
      <c r="N15" s="70">
        <v>2</v>
      </c>
      <c r="O15" s="71">
        <v>1</v>
      </c>
      <c r="P15" s="72">
        <v>3</v>
      </c>
      <c r="Q15" s="244"/>
      <c r="R15" s="71">
        <v>5</v>
      </c>
      <c r="S15" s="71">
        <v>1</v>
      </c>
      <c r="T15" s="71">
        <v>2</v>
      </c>
      <c r="U15" s="71">
        <v>1</v>
      </c>
      <c r="V15" s="71">
        <v>0</v>
      </c>
      <c r="W15" s="72">
        <v>9</v>
      </c>
      <c r="X15" s="73">
        <v>12</v>
      </c>
      <c r="Y15" s="70">
        <v>6</v>
      </c>
      <c r="Z15" s="71">
        <v>6</v>
      </c>
      <c r="AA15" s="72">
        <v>12</v>
      </c>
      <c r="AB15" s="244"/>
      <c r="AC15" s="71">
        <v>7</v>
      </c>
      <c r="AD15" s="71">
        <v>1</v>
      </c>
      <c r="AE15" s="71">
        <v>8</v>
      </c>
      <c r="AF15" s="71">
        <v>4</v>
      </c>
      <c r="AG15" s="71">
        <v>2</v>
      </c>
      <c r="AH15" s="72">
        <v>22</v>
      </c>
      <c r="AI15" s="73">
        <v>34</v>
      </c>
      <c r="AJ15" s="70">
        <v>3</v>
      </c>
      <c r="AK15" s="71">
        <v>3</v>
      </c>
      <c r="AL15" s="72">
        <v>6</v>
      </c>
      <c r="AM15" s="244"/>
      <c r="AN15" s="71">
        <v>7</v>
      </c>
      <c r="AO15" s="71">
        <v>8</v>
      </c>
      <c r="AP15" s="71">
        <v>6</v>
      </c>
      <c r="AQ15" s="71">
        <v>4</v>
      </c>
      <c r="AR15" s="71">
        <v>0</v>
      </c>
      <c r="AS15" s="72">
        <v>25</v>
      </c>
      <c r="AT15" s="73">
        <v>31</v>
      </c>
      <c r="AU15" s="70">
        <v>11</v>
      </c>
      <c r="AV15" s="71">
        <v>10</v>
      </c>
      <c r="AW15" s="72">
        <v>21</v>
      </c>
      <c r="AX15" s="244"/>
      <c r="AY15" s="71">
        <v>27</v>
      </c>
      <c r="AZ15" s="71">
        <v>14</v>
      </c>
      <c r="BA15" s="71">
        <v>5</v>
      </c>
      <c r="BB15" s="71">
        <v>9</v>
      </c>
      <c r="BC15" s="71">
        <v>8</v>
      </c>
      <c r="BD15" s="72">
        <v>63</v>
      </c>
      <c r="BE15" s="73">
        <v>84</v>
      </c>
      <c r="BF15" s="70">
        <v>30</v>
      </c>
      <c r="BG15" s="71">
        <v>26</v>
      </c>
      <c r="BH15" s="72">
        <v>56</v>
      </c>
      <c r="BI15" s="244"/>
      <c r="BJ15" s="71">
        <v>39</v>
      </c>
      <c r="BK15" s="71">
        <v>21</v>
      </c>
      <c r="BL15" s="71">
        <v>19</v>
      </c>
      <c r="BM15" s="71">
        <v>25</v>
      </c>
      <c r="BN15" s="71">
        <v>9</v>
      </c>
      <c r="BO15" s="72">
        <v>113</v>
      </c>
      <c r="BP15" s="73">
        <v>169</v>
      </c>
      <c r="BQ15" s="70">
        <v>28</v>
      </c>
      <c r="BR15" s="71">
        <v>17</v>
      </c>
      <c r="BS15" s="72">
        <v>45</v>
      </c>
      <c r="BT15" s="244"/>
      <c r="BU15" s="71">
        <v>50</v>
      </c>
      <c r="BV15" s="71">
        <v>28</v>
      </c>
      <c r="BW15" s="71">
        <v>27</v>
      </c>
      <c r="BX15" s="71">
        <v>16</v>
      </c>
      <c r="BY15" s="71">
        <v>5</v>
      </c>
      <c r="BZ15" s="72">
        <v>126</v>
      </c>
      <c r="CA15" s="73">
        <v>171</v>
      </c>
      <c r="CB15" s="70">
        <v>0</v>
      </c>
      <c r="CC15" s="71">
        <v>0</v>
      </c>
      <c r="CD15" s="72">
        <v>0</v>
      </c>
      <c r="CE15" s="244"/>
      <c r="CF15" s="71">
        <v>0</v>
      </c>
      <c r="CG15" s="71">
        <v>0</v>
      </c>
      <c r="CH15" s="71">
        <v>0</v>
      </c>
      <c r="CI15" s="71">
        <v>0</v>
      </c>
      <c r="CJ15" s="71">
        <v>0</v>
      </c>
      <c r="CK15" s="72">
        <v>0</v>
      </c>
      <c r="CL15" s="73">
        <v>0</v>
      </c>
      <c r="CM15" s="70">
        <v>80</v>
      </c>
      <c r="CN15" s="71">
        <v>63</v>
      </c>
      <c r="CO15" s="72">
        <v>143</v>
      </c>
      <c r="CP15" s="244"/>
      <c r="CQ15" s="71">
        <v>135</v>
      </c>
      <c r="CR15" s="71">
        <v>73</v>
      </c>
      <c r="CS15" s="71">
        <v>67</v>
      </c>
      <c r="CT15" s="71">
        <v>59</v>
      </c>
      <c r="CU15" s="71">
        <v>24</v>
      </c>
      <c r="CV15" s="72">
        <v>358</v>
      </c>
      <c r="CW15" s="73">
        <v>501</v>
      </c>
      <c r="CX15" s="123">
        <v>14</v>
      </c>
      <c r="CY15" s="82">
        <v>13</v>
      </c>
      <c r="CZ15" s="83">
        <v>27</v>
      </c>
      <c r="DA15" s="241"/>
      <c r="DB15" s="82">
        <v>11</v>
      </c>
      <c r="DC15" s="82">
        <v>18</v>
      </c>
      <c r="DD15" s="82">
        <v>9</v>
      </c>
      <c r="DE15" s="82">
        <v>17</v>
      </c>
      <c r="DF15" s="82">
        <v>9</v>
      </c>
      <c r="DG15" s="84">
        <v>64</v>
      </c>
      <c r="DH15" s="85">
        <v>91</v>
      </c>
      <c r="DI15" s="70">
        <v>0</v>
      </c>
      <c r="DJ15" s="71">
        <v>0</v>
      </c>
      <c r="DK15" s="72">
        <v>0</v>
      </c>
      <c r="DL15" s="244"/>
      <c r="DM15" s="71">
        <v>0</v>
      </c>
      <c r="DN15" s="71">
        <v>0</v>
      </c>
      <c r="DO15" s="71">
        <v>0</v>
      </c>
      <c r="DP15" s="71">
        <v>0</v>
      </c>
      <c r="DQ15" s="71">
        <v>0</v>
      </c>
      <c r="DR15" s="72">
        <v>0</v>
      </c>
      <c r="DS15" s="73">
        <v>0</v>
      </c>
      <c r="DT15" s="70">
        <v>0</v>
      </c>
      <c r="DU15" s="71">
        <v>2</v>
      </c>
      <c r="DV15" s="72">
        <v>2</v>
      </c>
      <c r="DW15" s="244"/>
      <c r="DX15" s="71">
        <v>2</v>
      </c>
      <c r="DY15" s="71">
        <v>0</v>
      </c>
      <c r="DZ15" s="71">
        <v>0</v>
      </c>
      <c r="EA15" s="71">
        <v>1</v>
      </c>
      <c r="EB15" s="71">
        <v>0</v>
      </c>
      <c r="EC15" s="72">
        <v>3</v>
      </c>
      <c r="ED15" s="73">
        <v>5</v>
      </c>
      <c r="EE15" s="70">
        <v>0</v>
      </c>
      <c r="EF15" s="71">
        <v>0</v>
      </c>
      <c r="EG15" s="72">
        <v>0</v>
      </c>
      <c r="EH15" s="244"/>
      <c r="EI15" s="71">
        <v>0</v>
      </c>
      <c r="EJ15" s="71">
        <v>4</v>
      </c>
      <c r="EK15" s="71">
        <v>1</v>
      </c>
      <c r="EL15" s="71">
        <v>0</v>
      </c>
      <c r="EM15" s="71">
        <v>0</v>
      </c>
      <c r="EN15" s="72">
        <v>5</v>
      </c>
      <c r="EO15" s="73">
        <v>5</v>
      </c>
      <c r="EP15" s="70">
        <v>6</v>
      </c>
      <c r="EQ15" s="71">
        <v>1</v>
      </c>
      <c r="ER15" s="72">
        <v>7</v>
      </c>
      <c r="ES15" s="244"/>
      <c r="ET15" s="71">
        <v>1</v>
      </c>
      <c r="EU15" s="71">
        <v>2</v>
      </c>
      <c r="EV15" s="71">
        <v>0</v>
      </c>
      <c r="EW15" s="71">
        <v>0</v>
      </c>
      <c r="EX15" s="71">
        <v>1</v>
      </c>
      <c r="EY15" s="72">
        <v>4</v>
      </c>
      <c r="EZ15" s="73">
        <v>11</v>
      </c>
      <c r="FA15" s="70">
        <v>3</v>
      </c>
      <c r="FB15" s="71">
        <v>8</v>
      </c>
      <c r="FC15" s="72">
        <v>11</v>
      </c>
      <c r="FD15" s="244"/>
      <c r="FE15" s="71">
        <v>6</v>
      </c>
      <c r="FF15" s="71">
        <v>6</v>
      </c>
      <c r="FG15" s="71">
        <v>1</v>
      </c>
      <c r="FH15" s="71">
        <v>7</v>
      </c>
      <c r="FI15" s="71">
        <v>4</v>
      </c>
      <c r="FJ15" s="72">
        <v>24</v>
      </c>
      <c r="FK15" s="73">
        <v>35</v>
      </c>
      <c r="FL15" s="70">
        <v>5</v>
      </c>
      <c r="FM15" s="71">
        <v>2</v>
      </c>
      <c r="FN15" s="72">
        <v>7</v>
      </c>
      <c r="FO15" s="244"/>
      <c r="FP15" s="71">
        <v>2</v>
      </c>
      <c r="FQ15" s="71">
        <v>6</v>
      </c>
      <c r="FR15" s="71">
        <v>7</v>
      </c>
      <c r="FS15" s="71">
        <v>9</v>
      </c>
      <c r="FT15" s="71">
        <v>4</v>
      </c>
      <c r="FU15" s="72">
        <v>28</v>
      </c>
      <c r="FV15" s="73">
        <v>35</v>
      </c>
      <c r="FW15" s="70">
        <v>0</v>
      </c>
      <c r="FX15" s="71">
        <v>0</v>
      </c>
      <c r="FY15" s="72">
        <v>0</v>
      </c>
      <c r="FZ15" s="244"/>
      <c r="GA15" s="71">
        <v>0</v>
      </c>
      <c r="GB15" s="71">
        <v>0</v>
      </c>
      <c r="GC15" s="71">
        <v>0</v>
      </c>
      <c r="GD15" s="71">
        <v>0</v>
      </c>
      <c r="GE15" s="71">
        <v>0</v>
      </c>
      <c r="GF15" s="72">
        <v>0</v>
      </c>
      <c r="GG15" s="73">
        <v>0</v>
      </c>
      <c r="GH15" s="70">
        <v>14</v>
      </c>
      <c r="GI15" s="71">
        <v>13</v>
      </c>
      <c r="GJ15" s="72">
        <v>27</v>
      </c>
      <c r="GK15" s="244"/>
      <c r="GL15" s="71">
        <v>11</v>
      </c>
      <c r="GM15" s="71">
        <v>18</v>
      </c>
      <c r="GN15" s="71">
        <v>9</v>
      </c>
      <c r="GO15" s="71">
        <v>17</v>
      </c>
      <c r="GP15" s="71">
        <v>9</v>
      </c>
      <c r="GQ15" s="72">
        <v>64</v>
      </c>
      <c r="GR15" s="73">
        <v>91</v>
      </c>
      <c r="GS15" s="123">
        <v>94</v>
      </c>
      <c r="GT15" s="82">
        <v>76</v>
      </c>
      <c r="GU15" s="83">
        <v>170</v>
      </c>
      <c r="GV15" s="241"/>
      <c r="GW15" s="82">
        <v>146</v>
      </c>
      <c r="GX15" s="82">
        <v>91</v>
      </c>
      <c r="GY15" s="82">
        <v>76</v>
      </c>
      <c r="GZ15" s="82">
        <v>76</v>
      </c>
      <c r="HA15" s="82">
        <v>33</v>
      </c>
      <c r="HB15" s="84">
        <v>422</v>
      </c>
      <c r="HC15" s="85">
        <v>592</v>
      </c>
      <c r="HD15" s="70">
        <v>2</v>
      </c>
      <c r="HE15" s="71">
        <v>1</v>
      </c>
      <c r="HF15" s="72">
        <v>3</v>
      </c>
      <c r="HG15" s="244"/>
      <c r="HH15" s="71">
        <v>5</v>
      </c>
      <c r="HI15" s="71">
        <v>1</v>
      </c>
      <c r="HJ15" s="71">
        <v>2</v>
      </c>
      <c r="HK15" s="71">
        <v>1</v>
      </c>
      <c r="HL15" s="71">
        <v>0</v>
      </c>
      <c r="HM15" s="72">
        <v>9</v>
      </c>
      <c r="HN15" s="73">
        <v>12</v>
      </c>
      <c r="HO15" s="70">
        <v>6</v>
      </c>
      <c r="HP15" s="71">
        <v>8</v>
      </c>
      <c r="HQ15" s="72">
        <v>14</v>
      </c>
      <c r="HR15" s="244"/>
      <c r="HS15" s="71">
        <v>9</v>
      </c>
      <c r="HT15" s="71">
        <v>1</v>
      </c>
      <c r="HU15" s="71">
        <v>8</v>
      </c>
      <c r="HV15" s="71">
        <v>5</v>
      </c>
      <c r="HW15" s="71">
        <v>2</v>
      </c>
      <c r="HX15" s="72">
        <v>25</v>
      </c>
      <c r="HY15" s="73">
        <v>39</v>
      </c>
      <c r="HZ15" s="70">
        <v>3</v>
      </c>
      <c r="IA15" s="71">
        <v>3</v>
      </c>
      <c r="IB15" s="72">
        <v>6</v>
      </c>
      <c r="IC15" s="244"/>
      <c r="ID15" s="71">
        <v>7</v>
      </c>
      <c r="IE15" s="71">
        <v>12</v>
      </c>
      <c r="IF15" s="71">
        <v>7</v>
      </c>
      <c r="IG15" s="71">
        <v>4</v>
      </c>
      <c r="IH15" s="71">
        <v>0</v>
      </c>
      <c r="II15" s="72">
        <v>30</v>
      </c>
      <c r="IJ15" s="73">
        <v>36</v>
      </c>
      <c r="IK15" s="70">
        <v>17</v>
      </c>
      <c r="IL15" s="71">
        <v>11</v>
      </c>
      <c r="IM15" s="72">
        <v>28</v>
      </c>
      <c r="IN15" s="244"/>
      <c r="IO15" s="71">
        <v>28</v>
      </c>
      <c r="IP15" s="71">
        <v>16</v>
      </c>
      <c r="IQ15" s="71">
        <v>5</v>
      </c>
      <c r="IR15" s="71">
        <v>9</v>
      </c>
      <c r="IS15" s="71">
        <v>9</v>
      </c>
      <c r="IT15" s="72">
        <v>67</v>
      </c>
      <c r="IU15" s="73">
        <v>95</v>
      </c>
      <c r="IV15" s="70">
        <v>33</v>
      </c>
      <c r="IW15" s="71">
        <v>34</v>
      </c>
      <c r="IX15" s="72">
        <v>67</v>
      </c>
      <c r="IY15" s="244"/>
      <c r="IZ15" s="71">
        <v>45</v>
      </c>
      <c r="JA15" s="71">
        <v>27</v>
      </c>
      <c r="JB15" s="71">
        <v>20</v>
      </c>
      <c r="JC15" s="71">
        <v>32</v>
      </c>
      <c r="JD15" s="71">
        <v>13</v>
      </c>
      <c r="JE15" s="72">
        <v>137</v>
      </c>
      <c r="JF15" s="73">
        <v>204</v>
      </c>
      <c r="JG15" s="70">
        <v>33</v>
      </c>
      <c r="JH15" s="71">
        <v>19</v>
      </c>
      <c r="JI15" s="72">
        <v>52</v>
      </c>
      <c r="JJ15" s="244"/>
      <c r="JK15" s="71">
        <v>52</v>
      </c>
      <c r="JL15" s="71">
        <v>34</v>
      </c>
      <c r="JM15" s="71">
        <v>34</v>
      </c>
      <c r="JN15" s="71">
        <v>25</v>
      </c>
      <c r="JO15" s="71">
        <v>9</v>
      </c>
      <c r="JP15" s="72">
        <v>154</v>
      </c>
      <c r="JQ15" s="73">
        <v>206</v>
      </c>
      <c r="JR15" s="70">
        <v>0</v>
      </c>
      <c r="JS15" s="71">
        <v>0</v>
      </c>
      <c r="JT15" s="72">
        <v>0</v>
      </c>
      <c r="JU15" s="244"/>
      <c r="JV15" s="71">
        <v>0</v>
      </c>
      <c r="JW15" s="71">
        <v>0</v>
      </c>
      <c r="JX15" s="71">
        <v>0</v>
      </c>
      <c r="JY15" s="71">
        <v>0</v>
      </c>
      <c r="JZ15" s="71">
        <v>0</v>
      </c>
      <c r="KA15" s="72">
        <v>0</v>
      </c>
      <c r="KB15" s="73">
        <v>0</v>
      </c>
      <c r="KC15" s="70">
        <v>94</v>
      </c>
      <c r="KD15" s="71">
        <v>76</v>
      </c>
      <c r="KE15" s="72">
        <v>170</v>
      </c>
      <c r="KF15" s="244"/>
      <c r="KG15" s="71">
        <v>146</v>
      </c>
      <c r="KH15" s="71">
        <v>91</v>
      </c>
      <c r="KI15" s="71">
        <v>76</v>
      </c>
      <c r="KJ15" s="71">
        <v>76</v>
      </c>
      <c r="KK15" s="71">
        <v>33</v>
      </c>
      <c r="KL15" s="72">
        <v>422</v>
      </c>
      <c r="KM15" s="73">
        <v>592</v>
      </c>
    </row>
    <row r="16" spans="2:299" ht="21" customHeight="1" x14ac:dyDescent="0.2">
      <c r="B16" s="126" t="s">
        <v>12</v>
      </c>
      <c r="C16" s="315">
        <v>149</v>
      </c>
      <c r="D16" s="82">
        <v>131</v>
      </c>
      <c r="E16" s="83">
        <v>280</v>
      </c>
      <c r="F16" s="241"/>
      <c r="G16" s="82">
        <v>152</v>
      </c>
      <c r="H16" s="82">
        <v>133</v>
      </c>
      <c r="I16" s="82">
        <v>89</v>
      </c>
      <c r="J16" s="82">
        <v>93</v>
      </c>
      <c r="K16" s="82">
        <v>38</v>
      </c>
      <c r="L16" s="84">
        <v>505</v>
      </c>
      <c r="M16" s="85">
        <v>785</v>
      </c>
      <c r="N16" s="86">
        <v>4</v>
      </c>
      <c r="O16" s="71">
        <v>3</v>
      </c>
      <c r="P16" s="72">
        <v>7</v>
      </c>
      <c r="Q16" s="244"/>
      <c r="R16" s="71">
        <v>2</v>
      </c>
      <c r="S16" s="71">
        <v>1</v>
      </c>
      <c r="T16" s="71">
        <v>1</v>
      </c>
      <c r="U16" s="71">
        <v>3</v>
      </c>
      <c r="V16" s="71">
        <v>1</v>
      </c>
      <c r="W16" s="72">
        <v>8</v>
      </c>
      <c r="X16" s="73">
        <v>15</v>
      </c>
      <c r="Y16" s="70">
        <v>5</v>
      </c>
      <c r="Z16" s="71">
        <v>12</v>
      </c>
      <c r="AA16" s="72">
        <v>17</v>
      </c>
      <c r="AB16" s="244"/>
      <c r="AC16" s="71">
        <v>3</v>
      </c>
      <c r="AD16" s="71">
        <v>5</v>
      </c>
      <c r="AE16" s="71">
        <v>6</v>
      </c>
      <c r="AF16" s="71">
        <v>1</v>
      </c>
      <c r="AG16" s="71">
        <v>3</v>
      </c>
      <c r="AH16" s="72">
        <v>18</v>
      </c>
      <c r="AI16" s="73">
        <v>35</v>
      </c>
      <c r="AJ16" s="86">
        <v>13</v>
      </c>
      <c r="AK16" s="71">
        <v>14</v>
      </c>
      <c r="AL16" s="72">
        <v>27</v>
      </c>
      <c r="AM16" s="244"/>
      <c r="AN16" s="71">
        <v>7</v>
      </c>
      <c r="AO16" s="71">
        <v>11</v>
      </c>
      <c r="AP16" s="71">
        <v>7</v>
      </c>
      <c r="AQ16" s="71">
        <v>8</v>
      </c>
      <c r="AR16" s="71">
        <v>5</v>
      </c>
      <c r="AS16" s="72">
        <v>38</v>
      </c>
      <c r="AT16" s="73">
        <v>65</v>
      </c>
      <c r="AU16" s="70">
        <v>32</v>
      </c>
      <c r="AV16" s="71">
        <v>16</v>
      </c>
      <c r="AW16" s="72">
        <v>48</v>
      </c>
      <c r="AX16" s="244"/>
      <c r="AY16" s="71">
        <v>31</v>
      </c>
      <c r="AZ16" s="71">
        <v>26</v>
      </c>
      <c r="BA16" s="71">
        <v>10</v>
      </c>
      <c r="BB16" s="71">
        <v>16</v>
      </c>
      <c r="BC16" s="71">
        <v>8</v>
      </c>
      <c r="BD16" s="72">
        <v>91</v>
      </c>
      <c r="BE16" s="73">
        <v>139</v>
      </c>
      <c r="BF16" s="86">
        <v>47</v>
      </c>
      <c r="BG16" s="71">
        <v>35</v>
      </c>
      <c r="BH16" s="72">
        <v>82</v>
      </c>
      <c r="BI16" s="244"/>
      <c r="BJ16" s="71">
        <v>54</v>
      </c>
      <c r="BK16" s="71">
        <v>40</v>
      </c>
      <c r="BL16" s="71">
        <v>34</v>
      </c>
      <c r="BM16" s="71">
        <v>25</v>
      </c>
      <c r="BN16" s="71">
        <v>12</v>
      </c>
      <c r="BO16" s="72">
        <v>165</v>
      </c>
      <c r="BP16" s="73">
        <v>247</v>
      </c>
      <c r="BQ16" s="70">
        <v>48</v>
      </c>
      <c r="BR16" s="71">
        <v>51</v>
      </c>
      <c r="BS16" s="72">
        <v>99</v>
      </c>
      <c r="BT16" s="244"/>
      <c r="BU16" s="71">
        <v>55</v>
      </c>
      <c r="BV16" s="71">
        <v>50</v>
      </c>
      <c r="BW16" s="71">
        <v>31</v>
      </c>
      <c r="BX16" s="71">
        <v>40</v>
      </c>
      <c r="BY16" s="71">
        <v>9</v>
      </c>
      <c r="BZ16" s="72">
        <v>185</v>
      </c>
      <c r="CA16" s="73">
        <v>284</v>
      </c>
      <c r="CB16" s="70">
        <v>0</v>
      </c>
      <c r="CC16" s="71">
        <v>0</v>
      </c>
      <c r="CD16" s="72">
        <v>0</v>
      </c>
      <c r="CE16" s="244"/>
      <c r="CF16" s="71">
        <v>0</v>
      </c>
      <c r="CG16" s="71">
        <v>0</v>
      </c>
      <c r="CH16" s="71">
        <v>0</v>
      </c>
      <c r="CI16" s="71">
        <v>0</v>
      </c>
      <c r="CJ16" s="71">
        <v>0</v>
      </c>
      <c r="CK16" s="72">
        <v>0</v>
      </c>
      <c r="CL16" s="73">
        <v>0</v>
      </c>
      <c r="CM16" s="70">
        <v>149</v>
      </c>
      <c r="CN16" s="71">
        <v>131</v>
      </c>
      <c r="CO16" s="72">
        <v>280</v>
      </c>
      <c r="CP16" s="244"/>
      <c r="CQ16" s="71">
        <v>152</v>
      </c>
      <c r="CR16" s="71">
        <v>133</v>
      </c>
      <c r="CS16" s="71">
        <v>89</v>
      </c>
      <c r="CT16" s="71">
        <v>93</v>
      </c>
      <c r="CU16" s="71">
        <v>38</v>
      </c>
      <c r="CV16" s="72">
        <v>505</v>
      </c>
      <c r="CW16" s="73">
        <v>785</v>
      </c>
      <c r="CX16" s="123">
        <v>12</v>
      </c>
      <c r="CY16" s="82">
        <v>17</v>
      </c>
      <c r="CZ16" s="83">
        <v>29</v>
      </c>
      <c r="DA16" s="241"/>
      <c r="DB16" s="82">
        <v>24</v>
      </c>
      <c r="DC16" s="82">
        <v>5</v>
      </c>
      <c r="DD16" s="82">
        <v>11</v>
      </c>
      <c r="DE16" s="82">
        <v>17</v>
      </c>
      <c r="DF16" s="82">
        <v>9</v>
      </c>
      <c r="DG16" s="84">
        <v>66</v>
      </c>
      <c r="DH16" s="85">
        <v>95</v>
      </c>
      <c r="DI16" s="86">
        <v>0</v>
      </c>
      <c r="DJ16" s="71">
        <v>0</v>
      </c>
      <c r="DK16" s="72">
        <v>0</v>
      </c>
      <c r="DL16" s="244"/>
      <c r="DM16" s="71">
        <v>1</v>
      </c>
      <c r="DN16" s="71">
        <v>0</v>
      </c>
      <c r="DO16" s="71">
        <v>0</v>
      </c>
      <c r="DP16" s="71">
        <v>0</v>
      </c>
      <c r="DQ16" s="71">
        <v>0</v>
      </c>
      <c r="DR16" s="72">
        <v>1</v>
      </c>
      <c r="DS16" s="73">
        <v>1</v>
      </c>
      <c r="DT16" s="70">
        <v>0</v>
      </c>
      <c r="DU16" s="71">
        <v>1</v>
      </c>
      <c r="DV16" s="72">
        <v>1</v>
      </c>
      <c r="DW16" s="244"/>
      <c r="DX16" s="71">
        <v>1</v>
      </c>
      <c r="DY16" s="71">
        <v>0</v>
      </c>
      <c r="DZ16" s="71">
        <v>1</v>
      </c>
      <c r="EA16" s="71">
        <v>0</v>
      </c>
      <c r="EB16" s="71">
        <v>0</v>
      </c>
      <c r="EC16" s="72">
        <v>2</v>
      </c>
      <c r="ED16" s="73">
        <v>3</v>
      </c>
      <c r="EE16" s="86">
        <v>1</v>
      </c>
      <c r="EF16" s="71">
        <v>2</v>
      </c>
      <c r="EG16" s="72">
        <v>3</v>
      </c>
      <c r="EH16" s="244"/>
      <c r="EI16" s="71">
        <v>2</v>
      </c>
      <c r="EJ16" s="71">
        <v>0</v>
      </c>
      <c r="EK16" s="71">
        <v>3</v>
      </c>
      <c r="EL16" s="71">
        <v>1</v>
      </c>
      <c r="EM16" s="71">
        <v>0</v>
      </c>
      <c r="EN16" s="72">
        <v>6</v>
      </c>
      <c r="EO16" s="73">
        <v>9</v>
      </c>
      <c r="EP16" s="70">
        <v>4</v>
      </c>
      <c r="EQ16" s="71">
        <v>3</v>
      </c>
      <c r="ER16" s="72">
        <v>7</v>
      </c>
      <c r="ES16" s="244"/>
      <c r="ET16" s="71">
        <v>2</v>
      </c>
      <c r="EU16" s="71">
        <v>1</v>
      </c>
      <c r="EV16" s="71">
        <v>0</v>
      </c>
      <c r="EW16" s="71">
        <v>2</v>
      </c>
      <c r="EX16" s="71">
        <v>0</v>
      </c>
      <c r="EY16" s="72">
        <v>5</v>
      </c>
      <c r="EZ16" s="73">
        <v>12</v>
      </c>
      <c r="FA16" s="86">
        <v>1</v>
      </c>
      <c r="FB16" s="71">
        <v>8</v>
      </c>
      <c r="FC16" s="72">
        <v>9</v>
      </c>
      <c r="FD16" s="244"/>
      <c r="FE16" s="71">
        <v>6</v>
      </c>
      <c r="FF16" s="71">
        <v>2</v>
      </c>
      <c r="FG16" s="71">
        <v>2</v>
      </c>
      <c r="FH16" s="71">
        <v>1</v>
      </c>
      <c r="FI16" s="71">
        <v>2</v>
      </c>
      <c r="FJ16" s="72">
        <v>13</v>
      </c>
      <c r="FK16" s="73">
        <v>22</v>
      </c>
      <c r="FL16" s="70">
        <v>6</v>
      </c>
      <c r="FM16" s="71">
        <v>3</v>
      </c>
      <c r="FN16" s="72">
        <v>9</v>
      </c>
      <c r="FO16" s="244"/>
      <c r="FP16" s="71">
        <v>12</v>
      </c>
      <c r="FQ16" s="71">
        <v>2</v>
      </c>
      <c r="FR16" s="71">
        <v>5</v>
      </c>
      <c r="FS16" s="71">
        <v>13</v>
      </c>
      <c r="FT16" s="71">
        <v>7</v>
      </c>
      <c r="FU16" s="72">
        <v>39</v>
      </c>
      <c r="FV16" s="73">
        <v>48</v>
      </c>
      <c r="FW16" s="70">
        <v>0</v>
      </c>
      <c r="FX16" s="71">
        <v>0</v>
      </c>
      <c r="FY16" s="72">
        <v>0</v>
      </c>
      <c r="FZ16" s="244"/>
      <c r="GA16" s="71">
        <v>0</v>
      </c>
      <c r="GB16" s="71">
        <v>0</v>
      </c>
      <c r="GC16" s="71">
        <v>0</v>
      </c>
      <c r="GD16" s="71">
        <v>0</v>
      </c>
      <c r="GE16" s="71">
        <v>0</v>
      </c>
      <c r="GF16" s="72">
        <v>0</v>
      </c>
      <c r="GG16" s="73">
        <v>0</v>
      </c>
      <c r="GH16" s="70">
        <v>12</v>
      </c>
      <c r="GI16" s="71">
        <v>17</v>
      </c>
      <c r="GJ16" s="72">
        <v>29</v>
      </c>
      <c r="GK16" s="244"/>
      <c r="GL16" s="71">
        <v>24</v>
      </c>
      <c r="GM16" s="71">
        <v>5</v>
      </c>
      <c r="GN16" s="71">
        <v>11</v>
      </c>
      <c r="GO16" s="71">
        <v>17</v>
      </c>
      <c r="GP16" s="71">
        <v>9</v>
      </c>
      <c r="GQ16" s="72">
        <v>66</v>
      </c>
      <c r="GR16" s="73">
        <v>95</v>
      </c>
      <c r="GS16" s="123">
        <v>161</v>
      </c>
      <c r="GT16" s="82">
        <v>148</v>
      </c>
      <c r="GU16" s="83">
        <v>309</v>
      </c>
      <c r="GV16" s="241"/>
      <c r="GW16" s="82">
        <v>176</v>
      </c>
      <c r="GX16" s="82">
        <v>138</v>
      </c>
      <c r="GY16" s="82">
        <v>100</v>
      </c>
      <c r="GZ16" s="82">
        <v>110</v>
      </c>
      <c r="HA16" s="82">
        <v>47</v>
      </c>
      <c r="HB16" s="84">
        <v>571</v>
      </c>
      <c r="HC16" s="85">
        <v>880</v>
      </c>
      <c r="HD16" s="86">
        <v>4</v>
      </c>
      <c r="HE16" s="71">
        <v>3</v>
      </c>
      <c r="HF16" s="72">
        <v>7</v>
      </c>
      <c r="HG16" s="244"/>
      <c r="HH16" s="71">
        <v>3</v>
      </c>
      <c r="HI16" s="71">
        <v>1</v>
      </c>
      <c r="HJ16" s="71">
        <v>1</v>
      </c>
      <c r="HK16" s="71">
        <v>3</v>
      </c>
      <c r="HL16" s="71">
        <v>1</v>
      </c>
      <c r="HM16" s="72">
        <v>9</v>
      </c>
      <c r="HN16" s="73">
        <v>16</v>
      </c>
      <c r="HO16" s="70">
        <v>5</v>
      </c>
      <c r="HP16" s="71">
        <v>13</v>
      </c>
      <c r="HQ16" s="72">
        <v>18</v>
      </c>
      <c r="HR16" s="244"/>
      <c r="HS16" s="71">
        <v>4</v>
      </c>
      <c r="HT16" s="71">
        <v>5</v>
      </c>
      <c r="HU16" s="71">
        <v>7</v>
      </c>
      <c r="HV16" s="71">
        <v>1</v>
      </c>
      <c r="HW16" s="71">
        <v>3</v>
      </c>
      <c r="HX16" s="72">
        <v>20</v>
      </c>
      <c r="HY16" s="73">
        <v>38</v>
      </c>
      <c r="HZ16" s="86">
        <v>14</v>
      </c>
      <c r="IA16" s="71">
        <v>16</v>
      </c>
      <c r="IB16" s="72">
        <v>30</v>
      </c>
      <c r="IC16" s="244"/>
      <c r="ID16" s="71">
        <v>9</v>
      </c>
      <c r="IE16" s="71">
        <v>11</v>
      </c>
      <c r="IF16" s="71">
        <v>10</v>
      </c>
      <c r="IG16" s="71">
        <v>9</v>
      </c>
      <c r="IH16" s="71">
        <v>5</v>
      </c>
      <c r="II16" s="72">
        <v>44</v>
      </c>
      <c r="IJ16" s="73">
        <v>74</v>
      </c>
      <c r="IK16" s="70">
        <v>36</v>
      </c>
      <c r="IL16" s="71">
        <v>19</v>
      </c>
      <c r="IM16" s="72">
        <v>55</v>
      </c>
      <c r="IN16" s="244"/>
      <c r="IO16" s="71">
        <v>33</v>
      </c>
      <c r="IP16" s="71">
        <v>27</v>
      </c>
      <c r="IQ16" s="71">
        <v>10</v>
      </c>
      <c r="IR16" s="71">
        <v>18</v>
      </c>
      <c r="IS16" s="71">
        <v>8</v>
      </c>
      <c r="IT16" s="72">
        <v>96</v>
      </c>
      <c r="IU16" s="73">
        <v>151</v>
      </c>
      <c r="IV16" s="86">
        <v>48</v>
      </c>
      <c r="IW16" s="71">
        <v>43</v>
      </c>
      <c r="IX16" s="72">
        <v>91</v>
      </c>
      <c r="IY16" s="244"/>
      <c r="IZ16" s="71">
        <v>60</v>
      </c>
      <c r="JA16" s="71">
        <v>42</v>
      </c>
      <c r="JB16" s="71">
        <v>36</v>
      </c>
      <c r="JC16" s="71">
        <v>26</v>
      </c>
      <c r="JD16" s="71">
        <v>14</v>
      </c>
      <c r="JE16" s="72">
        <v>178</v>
      </c>
      <c r="JF16" s="73">
        <v>269</v>
      </c>
      <c r="JG16" s="70">
        <v>54</v>
      </c>
      <c r="JH16" s="71">
        <v>54</v>
      </c>
      <c r="JI16" s="72">
        <v>108</v>
      </c>
      <c r="JJ16" s="244"/>
      <c r="JK16" s="71">
        <v>67</v>
      </c>
      <c r="JL16" s="71">
        <v>52</v>
      </c>
      <c r="JM16" s="71">
        <v>36</v>
      </c>
      <c r="JN16" s="71">
        <v>53</v>
      </c>
      <c r="JO16" s="71">
        <v>16</v>
      </c>
      <c r="JP16" s="72">
        <v>224</v>
      </c>
      <c r="JQ16" s="73">
        <v>332</v>
      </c>
      <c r="JR16" s="70">
        <v>0</v>
      </c>
      <c r="JS16" s="71">
        <v>0</v>
      </c>
      <c r="JT16" s="72">
        <v>0</v>
      </c>
      <c r="JU16" s="244"/>
      <c r="JV16" s="71">
        <v>0</v>
      </c>
      <c r="JW16" s="71">
        <v>0</v>
      </c>
      <c r="JX16" s="71">
        <v>0</v>
      </c>
      <c r="JY16" s="71">
        <v>0</v>
      </c>
      <c r="JZ16" s="71">
        <v>0</v>
      </c>
      <c r="KA16" s="72">
        <v>0</v>
      </c>
      <c r="KB16" s="73">
        <v>0</v>
      </c>
      <c r="KC16" s="70">
        <v>161</v>
      </c>
      <c r="KD16" s="71">
        <v>148</v>
      </c>
      <c r="KE16" s="72">
        <v>309</v>
      </c>
      <c r="KF16" s="244"/>
      <c r="KG16" s="71">
        <v>176</v>
      </c>
      <c r="KH16" s="71">
        <v>138</v>
      </c>
      <c r="KI16" s="71">
        <v>100</v>
      </c>
      <c r="KJ16" s="71">
        <v>110</v>
      </c>
      <c r="KK16" s="71">
        <v>47</v>
      </c>
      <c r="KL16" s="72">
        <v>571</v>
      </c>
      <c r="KM16" s="73">
        <v>880</v>
      </c>
    </row>
    <row r="17" spans="2:299" ht="21" customHeight="1" x14ac:dyDescent="0.2">
      <c r="B17" s="126" t="s">
        <v>13</v>
      </c>
      <c r="C17" s="315">
        <v>41</v>
      </c>
      <c r="D17" s="82">
        <v>53</v>
      </c>
      <c r="E17" s="83">
        <v>94</v>
      </c>
      <c r="F17" s="241"/>
      <c r="G17" s="82">
        <v>85</v>
      </c>
      <c r="H17" s="82">
        <v>75</v>
      </c>
      <c r="I17" s="82">
        <v>35</v>
      </c>
      <c r="J17" s="82">
        <v>41</v>
      </c>
      <c r="K17" s="82">
        <v>28</v>
      </c>
      <c r="L17" s="84">
        <v>264</v>
      </c>
      <c r="M17" s="85">
        <v>358</v>
      </c>
      <c r="N17" s="70">
        <v>0</v>
      </c>
      <c r="O17" s="71">
        <v>0</v>
      </c>
      <c r="P17" s="72">
        <v>0</v>
      </c>
      <c r="Q17" s="244"/>
      <c r="R17" s="71">
        <v>2</v>
      </c>
      <c r="S17" s="71">
        <v>0</v>
      </c>
      <c r="T17" s="71">
        <v>0</v>
      </c>
      <c r="U17" s="71">
        <v>1</v>
      </c>
      <c r="V17" s="71">
        <v>0</v>
      </c>
      <c r="W17" s="72">
        <v>3</v>
      </c>
      <c r="X17" s="73">
        <v>3</v>
      </c>
      <c r="Y17" s="70">
        <v>3</v>
      </c>
      <c r="Z17" s="71">
        <v>1</v>
      </c>
      <c r="AA17" s="72">
        <v>4</v>
      </c>
      <c r="AB17" s="244"/>
      <c r="AC17" s="71">
        <v>5</v>
      </c>
      <c r="AD17" s="71">
        <v>1</v>
      </c>
      <c r="AE17" s="71">
        <v>0</v>
      </c>
      <c r="AF17" s="71">
        <v>0</v>
      </c>
      <c r="AG17" s="71">
        <v>3</v>
      </c>
      <c r="AH17" s="72">
        <v>9</v>
      </c>
      <c r="AI17" s="73">
        <v>13</v>
      </c>
      <c r="AJ17" s="70">
        <v>5</v>
      </c>
      <c r="AK17" s="71">
        <v>4</v>
      </c>
      <c r="AL17" s="72">
        <v>9</v>
      </c>
      <c r="AM17" s="244"/>
      <c r="AN17" s="71">
        <v>3</v>
      </c>
      <c r="AO17" s="71">
        <v>8</v>
      </c>
      <c r="AP17" s="71">
        <v>4</v>
      </c>
      <c r="AQ17" s="71">
        <v>2</v>
      </c>
      <c r="AR17" s="71">
        <v>1</v>
      </c>
      <c r="AS17" s="72">
        <v>18</v>
      </c>
      <c r="AT17" s="73">
        <v>27</v>
      </c>
      <c r="AU17" s="70">
        <v>4</v>
      </c>
      <c r="AV17" s="71">
        <v>15</v>
      </c>
      <c r="AW17" s="72">
        <v>19</v>
      </c>
      <c r="AX17" s="244"/>
      <c r="AY17" s="71">
        <v>13</v>
      </c>
      <c r="AZ17" s="71">
        <v>13</v>
      </c>
      <c r="BA17" s="71">
        <v>5</v>
      </c>
      <c r="BB17" s="71">
        <v>6</v>
      </c>
      <c r="BC17" s="71">
        <v>7</v>
      </c>
      <c r="BD17" s="72">
        <v>44</v>
      </c>
      <c r="BE17" s="73">
        <v>63</v>
      </c>
      <c r="BF17" s="70">
        <v>16</v>
      </c>
      <c r="BG17" s="71">
        <v>22</v>
      </c>
      <c r="BH17" s="72">
        <v>38</v>
      </c>
      <c r="BI17" s="244"/>
      <c r="BJ17" s="71">
        <v>32</v>
      </c>
      <c r="BK17" s="71">
        <v>22</v>
      </c>
      <c r="BL17" s="71">
        <v>12</v>
      </c>
      <c r="BM17" s="71">
        <v>19</v>
      </c>
      <c r="BN17" s="71">
        <v>5</v>
      </c>
      <c r="BO17" s="72">
        <v>90</v>
      </c>
      <c r="BP17" s="73">
        <v>128</v>
      </c>
      <c r="BQ17" s="70">
        <v>13</v>
      </c>
      <c r="BR17" s="71">
        <v>11</v>
      </c>
      <c r="BS17" s="72">
        <v>24</v>
      </c>
      <c r="BT17" s="244"/>
      <c r="BU17" s="71">
        <v>30</v>
      </c>
      <c r="BV17" s="71">
        <v>31</v>
      </c>
      <c r="BW17" s="71">
        <v>14</v>
      </c>
      <c r="BX17" s="71">
        <v>13</v>
      </c>
      <c r="BY17" s="71">
        <v>12</v>
      </c>
      <c r="BZ17" s="72">
        <v>100</v>
      </c>
      <c r="CA17" s="73">
        <v>124</v>
      </c>
      <c r="CB17" s="70">
        <v>0</v>
      </c>
      <c r="CC17" s="71">
        <v>0</v>
      </c>
      <c r="CD17" s="72">
        <v>0</v>
      </c>
      <c r="CE17" s="244"/>
      <c r="CF17" s="71">
        <v>0</v>
      </c>
      <c r="CG17" s="71">
        <v>0</v>
      </c>
      <c r="CH17" s="71">
        <v>0</v>
      </c>
      <c r="CI17" s="71">
        <v>0</v>
      </c>
      <c r="CJ17" s="71">
        <v>0</v>
      </c>
      <c r="CK17" s="72">
        <v>0</v>
      </c>
      <c r="CL17" s="73">
        <v>0</v>
      </c>
      <c r="CM17" s="70">
        <v>41</v>
      </c>
      <c r="CN17" s="71">
        <v>53</v>
      </c>
      <c r="CO17" s="72">
        <v>94</v>
      </c>
      <c r="CP17" s="244"/>
      <c r="CQ17" s="71">
        <v>85</v>
      </c>
      <c r="CR17" s="71">
        <v>75</v>
      </c>
      <c r="CS17" s="71">
        <v>35</v>
      </c>
      <c r="CT17" s="71">
        <v>41</v>
      </c>
      <c r="CU17" s="71">
        <v>28</v>
      </c>
      <c r="CV17" s="72">
        <v>264</v>
      </c>
      <c r="CW17" s="73">
        <v>358</v>
      </c>
      <c r="CX17" s="123">
        <v>10</v>
      </c>
      <c r="CY17" s="82">
        <v>4</v>
      </c>
      <c r="CZ17" s="83">
        <v>14</v>
      </c>
      <c r="DA17" s="241"/>
      <c r="DB17" s="82">
        <v>12</v>
      </c>
      <c r="DC17" s="82">
        <v>6</v>
      </c>
      <c r="DD17" s="82">
        <v>6</v>
      </c>
      <c r="DE17" s="82">
        <v>6</v>
      </c>
      <c r="DF17" s="82">
        <v>2</v>
      </c>
      <c r="DG17" s="84">
        <v>32</v>
      </c>
      <c r="DH17" s="85">
        <v>46</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2</v>
      </c>
      <c r="EF17" s="71">
        <v>0</v>
      </c>
      <c r="EG17" s="72">
        <v>2</v>
      </c>
      <c r="EH17" s="244"/>
      <c r="EI17" s="71">
        <v>2</v>
      </c>
      <c r="EJ17" s="71">
        <v>0</v>
      </c>
      <c r="EK17" s="71">
        <v>1</v>
      </c>
      <c r="EL17" s="71">
        <v>0</v>
      </c>
      <c r="EM17" s="71">
        <v>0</v>
      </c>
      <c r="EN17" s="72">
        <v>3</v>
      </c>
      <c r="EO17" s="73">
        <v>5</v>
      </c>
      <c r="EP17" s="70">
        <v>2</v>
      </c>
      <c r="EQ17" s="71">
        <v>1</v>
      </c>
      <c r="ER17" s="72">
        <v>3</v>
      </c>
      <c r="ES17" s="244"/>
      <c r="ET17" s="71">
        <v>2</v>
      </c>
      <c r="EU17" s="71">
        <v>1</v>
      </c>
      <c r="EV17" s="71">
        <v>0</v>
      </c>
      <c r="EW17" s="71">
        <v>0</v>
      </c>
      <c r="EX17" s="71">
        <v>0</v>
      </c>
      <c r="EY17" s="72">
        <v>3</v>
      </c>
      <c r="EZ17" s="73">
        <v>6</v>
      </c>
      <c r="FA17" s="70">
        <v>3</v>
      </c>
      <c r="FB17" s="71">
        <v>0</v>
      </c>
      <c r="FC17" s="72">
        <v>3</v>
      </c>
      <c r="FD17" s="244"/>
      <c r="FE17" s="71">
        <v>4</v>
      </c>
      <c r="FF17" s="71">
        <v>1</v>
      </c>
      <c r="FG17" s="71">
        <v>3</v>
      </c>
      <c r="FH17" s="71">
        <v>1</v>
      </c>
      <c r="FI17" s="71">
        <v>0</v>
      </c>
      <c r="FJ17" s="72">
        <v>9</v>
      </c>
      <c r="FK17" s="73">
        <v>12</v>
      </c>
      <c r="FL17" s="70">
        <v>3</v>
      </c>
      <c r="FM17" s="71">
        <v>3</v>
      </c>
      <c r="FN17" s="72">
        <v>6</v>
      </c>
      <c r="FO17" s="244"/>
      <c r="FP17" s="71">
        <v>4</v>
      </c>
      <c r="FQ17" s="71">
        <v>4</v>
      </c>
      <c r="FR17" s="71">
        <v>2</v>
      </c>
      <c r="FS17" s="71">
        <v>4</v>
      </c>
      <c r="FT17" s="71">
        <v>2</v>
      </c>
      <c r="FU17" s="72">
        <v>16</v>
      </c>
      <c r="FV17" s="73">
        <v>22</v>
      </c>
      <c r="FW17" s="70">
        <v>0</v>
      </c>
      <c r="FX17" s="71">
        <v>0</v>
      </c>
      <c r="FY17" s="72">
        <v>0</v>
      </c>
      <c r="FZ17" s="244"/>
      <c r="GA17" s="71">
        <v>0</v>
      </c>
      <c r="GB17" s="71">
        <v>0</v>
      </c>
      <c r="GC17" s="71">
        <v>0</v>
      </c>
      <c r="GD17" s="71">
        <v>0</v>
      </c>
      <c r="GE17" s="71">
        <v>0</v>
      </c>
      <c r="GF17" s="72">
        <v>0</v>
      </c>
      <c r="GG17" s="73">
        <v>0</v>
      </c>
      <c r="GH17" s="70">
        <v>10</v>
      </c>
      <c r="GI17" s="71">
        <v>4</v>
      </c>
      <c r="GJ17" s="72">
        <v>14</v>
      </c>
      <c r="GK17" s="244"/>
      <c r="GL17" s="71">
        <v>12</v>
      </c>
      <c r="GM17" s="71">
        <v>6</v>
      </c>
      <c r="GN17" s="71">
        <v>6</v>
      </c>
      <c r="GO17" s="71">
        <v>6</v>
      </c>
      <c r="GP17" s="71">
        <v>2</v>
      </c>
      <c r="GQ17" s="72">
        <v>32</v>
      </c>
      <c r="GR17" s="73">
        <v>46</v>
      </c>
      <c r="GS17" s="123">
        <v>51</v>
      </c>
      <c r="GT17" s="82">
        <v>57</v>
      </c>
      <c r="GU17" s="83">
        <v>108</v>
      </c>
      <c r="GV17" s="241"/>
      <c r="GW17" s="82">
        <v>97</v>
      </c>
      <c r="GX17" s="82">
        <v>81</v>
      </c>
      <c r="GY17" s="82">
        <v>41</v>
      </c>
      <c r="GZ17" s="82">
        <v>47</v>
      </c>
      <c r="HA17" s="82">
        <v>30</v>
      </c>
      <c r="HB17" s="84">
        <v>296</v>
      </c>
      <c r="HC17" s="85">
        <v>404</v>
      </c>
      <c r="HD17" s="70">
        <v>0</v>
      </c>
      <c r="HE17" s="71">
        <v>0</v>
      </c>
      <c r="HF17" s="72">
        <v>0</v>
      </c>
      <c r="HG17" s="244"/>
      <c r="HH17" s="71">
        <v>2</v>
      </c>
      <c r="HI17" s="71">
        <v>0</v>
      </c>
      <c r="HJ17" s="71">
        <v>0</v>
      </c>
      <c r="HK17" s="71">
        <v>2</v>
      </c>
      <c r="HL17" s="71">
        <v>0</v>
      </c>
      <c r="HM17" s="72">
        <v>4</v>
      </c>
      <c r="HN17" s="73">
        <v>4</v>
      </c>
      <c r="HO17" s="70">
        <v>3</v>
      </c>
      <c r="HP17" s="71">
        <v>1</v>
      </c>
      <c r="HQ17" s="72">
        <v>4</v>
      </c>
      <c r="HR17" s="244"/>
      <c r="HS17" s="71">
        <v>5</v>
      </c>
      <c r="HT17" s="71">
        <v>1</v>
      </c>
      <c r="HU17" s="71">
        <v>0</v>
      </c>
      <c r="HV17" s="71">
        <v>0</v>
      </c>
      <c r="HW17" s="71">
        <v>3</v>
      </c>
      <c r="HX17" s="72">
        <v>9</v>
      </c>
      <c r="HY17" s="73">
        <v>13</v>
      </c>
      <c r="HZ17" s="70">
        <v>7</v>
      </c>
      <c r="IA17" s="71">
        <v>4</v>
      </c>
      <c r="IB17" s="72">
        <v>11</v>
      </c>
      <c r="IC17" s="244"/>
      <c r="ID17" s="71">
        <v>5</v>
      </c>
      <c r="IE17" s="71">
        <v>8</v>
      </c>
      <c r="IF17" s="71">
        <v>5</v>
      </c>
      <c r="IG17" s="71">
        <v>2</v>
      </c>
      <c r="IH17" s="71">
        <v>1</v>
      </c>
      <c r="II17" s="72">
        <v>21</v>
      </c>
      <c r="IJ17" s="73">
        <v>32</v>
      </c>
      <c r="IK17" s="70">
        <v>6</v>
      </c>
      <c r="IL17" s="71">
        <v>16</v>
      </c>
      <c r="IM17" s="72">
        <v>22</v>
      </c>
      <c r="IN17" s="244"/>
      <c r="IO17" s="71">
        <v>15</v>
      </c>
      <c r="IP17" s="71">
        <v>14</v>
      </c>
      <c r="IQ17" s="71">
        <v>5</v>
      </c>
      <c r="IR17" s="71">
        <v>6</v>
      </c>
      <c r="IS17" s="71">
        <v>7</v>
      </c>
      <c r="IT17" s="72">
        <v>47</v>
      </c>
      <c r="IU17" s="73">
        <v>69</v>
      </c>
      <c r="IV17" s="70">
        <v>19</v>
      </c>
      <c r="IW17" s="71">
        <v>22</v>
      </c>
      <c r="IX17" s="72">
        <v>41</v>
      </c>
      <c r="IY17" s="244"/>
      <c r="IZ17" s="71">
        <v>36</v>
      </c>
      <c r="JA17" s="71">
        <v>23</v>
      </c>
      <c r="JB17" s="71">
        <v>15</v>
      </c>
      <c r="JC17" s="71">
        <v>20</v>
      </c>
      <c r="JD17" s="71">
        <v>5</v>
      </c>
      <c r="JE17" s="72">
        <v>99</v>
      </c>
      <c r="JF17" s="73">
        <v>140</v>
      </c>
      <c r="JG17" s="70">
        <v>16</v>
      </c>
      <c r="JH17" s="71">
        <v>14</v>
      </c>
      <c r="JI17" s="72">
        <v>30</v>
      </c>
      <c r="JJ17" s="244"/>
      <c r="JK17" s="71">
        <v>34</v>
      </c>
      <c r="JL17" s="71">
        <v>35</v>
      </c>
      <c r="JM17" s="71">
        <v>16</v>
      </c>
      <c r="JN17" s="71">
        <v>17</v>
      </c>
      <c r="JO17" s="71">
        <v>14</v>
      </c>
      <c r="JP17" s="72">
        <v>116</v>
      </c>
      <c r="JQ17" s="73">
        <v>146</v>
      </c>
      <c r="JR17" s="70">
        <v>0</v>
      </c>
      <c r="JS17" s="71">
        <v>0</v>
      </c>
      <c r="JT17" s="72">
        <v>0</v>
      </c>
      <c r="JU17" s="244"/>
      <c r="JV17" s="71">
        <v>0</v>
      </c>
      <c r="JW17" s="71">
        <v>0</v>
      </c>
      <c r="JX17" s="71">
        <v>0</v>
      </c>
      <c r="JY17" s="71">
        <v>0</v>
      </c>
      <c r="JZ17" s="71">
        <v>0</v>
      </c>
      <c r="KA17" s="72">
        <v>0</v>
      </c>
      <c r="KB17" s="73">
        <v>0</v>
      </c>
      <c r="KC17" s="70">
        <v>51</v>
      </c>
      <c r="KD17" s="71">
        <v>57</v>
      </c>
      <c r="KE17" s="72">
        <v>108</v>
      </c>
      <c r="KF17" s="244"/>
      <c r="KG17" s="71">
        <v>97</v>
      </c>
      <c r="KH17" s="71">
        <v>81</v>
      </c>
      <c r="KI17" s="71">
        <v>41</v>
      </c>
      <c r="KJ17" s="71">
        <v>47</v>
      </c>
      <c r="KK17" s="71">
        <v>30</v>
      </c>
      <c r="KL17" s="72">
        <v>296</v>
      </c>
      <c r="KM17" s="73">
        <v>404</v>
      </c>
    </row>
    <row r="18" spans="2:299" ht="21" customHeight="1" x14ac:dyDescent="0.2">
      <c r="B18" s="126" t="s">
        <v>15</v>
      </c>
      <c r="C18" s="315">
        <v>23</v>
      </c>
      <c r="D18" s="82">
        <v>28</v>
      </c>
      <c r="E18" s="83">
        <v>51</v>
      </c>
      <c r="F18" s="241"/>
      <c r="G18" s="82">
        <v>40</v>
      </c>
      <c r="H18" s="82">
        <v>25</v>
      </c>
      <c r="I18" s="82">
        <v>23</v>
      </c>
      <c r="J18" s="82">
        <v>27</v>
      </c>
      <c r="K18" s="82">
        <v>9</v>
      </c>
      <c r="L18" s="84">
        <v>124</v>
      </c>
      <c r="M18" s="85">
        <v>175</v>
      </c>
      <c r="N18" s="70">
        <v>1</v>
      </c>
      <c r="O18" s="71">
        <v>0</v>
      </c>
      <c r="P18" s="72">
        <v>1</v>
      </c>
      <c r="Q18" s="244"/>
      <c r="R18" s="71">
        <v>1</v>
      </c>
      <c r="S18" s="71">
        <v>1</v>
      </c>
      <c r="T18" s="71">
        <v>0</v>
      </c>
      <c r="U18" s="71">
        <v>1</v>
      </c>
      <c r="V18" s="71">
        <v>1</v>
      </c>
      <c r="W18" s="72">
        <v>4</v>
      </c>
      <c r="X18" s="73">
        <v>5</v>
      </c>
      <c r="Y18" s="70">
        <v>2</v>
      </c>
      <c r="Z18" s="71">
        <v>1</v>
      </c>
      <c r="AA18" s="72">
        <v>3</v>
      </c>
      <c r="AB18" s="244"/>
      <c r="AC18" s="71">
        <v>4</v>
      </c>
      <c r="AD18" s="71">
        <v>0</v>
      </c>
      <c r="AE18" s="71">
        <v>2</v>
      </c>
      <c r="AF18" s="71">
        <v>3</v>
      </c>
      <c r="AG18" s="71">
        <v>2</v>
      </c>
      <c r="AH18" s="72">
        <v>11</v>
      </c>
      <c r="AI18" s="73">
        <v>14</v>
      </c>
      <c r="AJ18" s="70">
        <v>4</v>
      </c>
      <c r="AK18" s="71">
        <v>3</v>
      </c>
      <c r="AL18" s="72">
        <v>7</v>
      </c>
      <c r="AM18" s="244"/>
      <c r="AN18" s="71">
        <v>5</v>
      </c>
      <c r="AO18" s="71">
        <v>2</v>
      </c>
      <c r="AP18" s="71">
        <v>2</v>
      </c>
      <c r="AQ18" s="71">
        <v>4</v>
      </c>
      <c r="AR18" s="71">
        <v>1</v>
      </c>
      <c r="AS18" s="72">
        <v>14</v>
      </c>
      <c r="AT18" s="73">
        <v>21</v>
      </c>
      <c r="AU18" s="70">
        <v>5</v>
      </c>
      <c r="AV18" s="71">
        <v>3</v>
      </c>
      <c r="AW18" s="72">
        <v>8</v>
      </c>
      <c r="AX18" s="244"/>
      <c r="AY18" s="71">
        <v>9</v>
      </c>
      <c r="AZ18" s="71">
        <v>7</v>
      </c>
      <c r="BA18" s="71">
        <v>2</v>
      </c>
      <c r="BB18" s="71">
        <v>4</v>
      </c>
      <c r="BC18" s="71">
        <v>1</v>
      </c>
      <c r="BD18" s="72">
        <v>23</v>
      </c>
      <c r="BE18" s="73">
        <v>31</v>
      </c>
      <c r="BF18" s="70">
        <v>4</v>
      </c>
      <c r="BG18" s="71">
        <v>11</v>
      </c>
      <c r="BH18" s="72">
        <v>15</v>
      </c>
      <c r="BI18" s="244"/>
      <c r="BJ18" s="71">
        <v>8</v>
      </c>
      <c r="BK18" s="71">
        <v>2</v>
      </c>
      <c r="BL18" s="71">
        <v>5</v>
      </c>
      <c r="BM18" s="71">
        <v>6</v>
      </c>
      <c r="BN18" s="71">
        <v>2</v>
      </c>
      <c r="BO18" s="72">
        <v>23</v>
      </c>
      <c r="BP18" s="73">
        <v>38</v>
      </c>
      <c r="BQ18" s="70">
        <v>7</v>
      </c>
      <c r="BR18" s="71">
        <v>10</v>
      </c>
      <c r="BS18" s="72">
        <v>17</v>
      </c>
      <c r="BT18" s="244"/>
      <c r="BU18" s="71">
        <v>13</v>
      </c>
      <c r="BV18" s="71">
        <v>13</v>
      </c>
      <c r="BW18" s="71">
        <v>12</v>
      </c>
      <c r="BX18" s="71">
        <v>9</v>
      </c>
      <c r="BY18" s="71">
        <v>2</v>
      </c>
      <c r="BZ18" s="72">
        <v>49</v>
      </c>
      <c r="CA18" s="73">
        <v>66</v>
      </c>
      <c r="CB18" s="70">
        <v>0</v>
      </c>
      <c r="CC18" s="71">
        <v>0</v>
      </c>
      <c r="CD18" s="72">
        <v>0</v>
      </c>
      <c r="CE18" s="244"/>
      <c r="CF18" s="71">
        <v>0</v>
      </c>
      <c r="CG18" s="71">
        <v>0</v>
      </c>
      <c r="CH18" s="71">
        <v>0</v>
      </c>
      <c r="CI18" s="71">
        <v>0</v>
      </c>
      <c r="CJ18" s="71">
        <v>0</v>
      </c>
      <c r="CK18" s="72">
        <v>0</v>
      </c>
      <c r="CL18" s="73">
        <v>0</v>
      </c>
      <c r="CM18" s="70">
        <v>23</v>
      </c>
      <c r="CN18" s="71">
        <v>28</v>
      </c>
      <c r="CO18" s="72">
        <v>51</v>
      </c>
      <c r="CP18" s="244"/>
      <c r="CQ18" s="71">
        <v>40</v>
      </c>
      <c r="CR18" s="71">
        <v>25</v>
      </c>
      <c r="CS18" s="71">
        <v>23</v>
      </c>
      <c r="CT18" s="71">
        <v>27</v>
      </c>
      <c r="CU18" s="71">
        <v>9</v>
      </c>
      <c r="CV18" s="72">
        <v>124</v>
      </c>
      <c r="CW18" s="73">
        <v>175</v>
      </c>
      <c r="CX18" s="123">
        <v>2</v>
      </c>
      <c r="CY18" s="82">
        <v>3</v>
      </c>
      <c r="CZ18" s="83">
        <v>5</v>
      </c>
      <c r="DA18" s="241"/>
      <c r="DB18" s="82">
        <v>5</v>
      </c>
      <c r="DC18" s="82">
        <v>10</v>
      </c>
      <c r="DD18" s="82">
        <v>2</v>
      </c>
      <c r="DE18" s="82">
        <v>2</v>
      </c>
      <c r="DF18" s="82">
        <v>2</v>
      </c>
      <c r="DG18" s="84">
        <v>21</v>
      </c>
      <c r="DH18" s="85">
        <v>26</v>
      </c>
      <c r="DI18" s="70">
        <v>0</v>
      </c>
      <c r="DJ18" s="71">
        <v>0</v>
      </c>
      <c r="DK18" s="72">
        <v>0</v>
      </c>
      <c r="DL18" s="244"/>
      <c r="DM18" s="71">
        <v>1</v>
      </c>
      <c r="DN18" s="71">
        <v>0</v>
      </c>
      <c r="DO18" s="71">
        <v>0</v>
      </c>
      <c r="DP18" s="71">
        <v>0</v>
      </c>
      <c r="DQ18" s="71">
        <v>0</v>
      </c>
      <c r="DR18" s="72">
        <v>1</v>
      </c>
      <c r="DS18" s="73">
        <v>1</v>
      </c>
      <c r="DT18" s="70">
        <v>0</v>
      </c>
      <c r="DU18" s="71">
        <v>0</v>
      </c>
      <c r="DV18" s="72">
        <v>0</v>
      </c>
      <c r="DW18" s="244"/>
      <c r="DX18" s="71">
        <v>0</v>
      </c>
      <c r="DY18" s="71">
        <v>0</v>
      </c>
      <c r="DZ18" s="71">
        <v>0</v>
      </c>
      <c r="EA18" s="71">
        <v>0</v>
      </c>
      <c r="EB18" s="71">
        <v>0</v>
      </c>
      <c r="EC18" s="72">
        <v>0</v>
      </c>
      <c r="ED18" s="73">
        <v>0</v>
      </c>
      <c r="EE18" s="70">
        <v>0</v>
      </c>
      <c r="EF18" s="71">
        <v>0</v>
      </c>
      <c r="EG18" s="72">
        <v>0</v>
      </c>
      <c r="EH18" s="244"/>
      <c r="EI18" s="71">
        <v>1</v>
      </c>
      <c r="EJ18" s="71">
        <v>2</v>
      </c>
      <c r="EK18" s="71">
        <v>0</v>
      </c>
      <c r="EL18" s="71">
        <v>0</v>
      </c>
      <c r="EM18" s="71">
        <v>0</v>
      </c>
      <c r="EN18" s="72">
        <v>3</v>
      </c>
      <c r="EO18" s="73">
        <v>3</v>
      </c>
      <c r="EP18" s="70">
        <v>0</v>
      </c>
      <c r="EQ18" s="71">
        <v>2</v>
      </c>
      <c r="ER18" s="72">
        <v>2</v>
      </c>
      <c r="ES18" s="244"/>
      <c r="ET18" s="71">
        <v>0</v>
      </c>
      <c r="EU18" s="71">
        <v>1</v>
      </c>
      <c r="EV18" s="71">
        <v>1</v>
      </c>
      <c r="EW18" s="71">
        <v>0</v>
      </c>
      <c r="EX18" s="71">
        <v>0</v>
      </c>
      <c r="EY18" s="72">
        <v>2</v>
      </c>
      <c r="EZ18" s="73">
        <v>4</v>
      </c>
      <c r="FA18" s="70">
        <v>0</v>
      </c>
      <c r="FB18" s="71">
        <v>0</v>
      </c>
      <c r="FC18" s="72">
        <v>0</v>
      </c>
      <c r="FD18" s="244"/>
      <c r="FE18" s="71">
        <v>0</v>
      </c>
      <c r="FF18" s="71">
        <v>0</v>
      </c>
      <c r="FG18" s="71">
        <v>0</v>
      </c>
      <c r="FH18" s="71">
        <v>1</v>
      </c>
      <c r="FI18" s="71">
        <v>1</v>
      </c>
      <c r="FJ18" s="72">
        <v>2</v>
      </c>
      <c r="FK18" s="73">
        <v>2</v>
      </c>
      <c r="FL18" s="70">
        <v>2</v>
      </c>
      <c r="FM18" s="71">
        <v>1</v>
      </c>
      <c r="FN18" s="72">
        <v>3</v>
      </c>
      <c r="FO18" s="244"/>
      <c r="FP18" s="71">
        <v>3</v>
      </c>
      <c r="FQ18" s="71">
        <v>7</v>
      </c>
      <c r="FR18" s="71">
        <v>1</v>
      </c>
      <c r="FS18" s="71">
        <v>1</v>
      </c>
      <c r="FT18" s="71">
        <v>1</v>
      </c>
      <c r="FU18" s="72">
        <v>13</v>
      </c>
      <c r="FV18" s="73">
        <v>16</v>
      </c>
      <c r="FW18" s="70">
        <v>0</v>
      </c>
      <c r="FX18" s="71">
        <v>0</v>
      </c>
      <c r="FY18" s="72">
        <v>0</v>
      </c>
      <c r="FZ18" s="244"/>
      <c r="GA18" s="71">
        <v>0</v>
      </c>
      <c r="GB18" s="71">
        <v>0</v>
      </c>
      <c r="GC18" s="71">
        <v>0</v>
      </c>
      <c r="GD18" s="71">
        <v>0</v>
      </c>
      <c r="GE18" s="71">
        <v>0</v>
      </c>
      <c r="GF18" s="72">
        <v>0</v>
      </c>
      <c r="GG18" s="73">
        <v>0</v>
      </c>
      <c r="GH18" s="70">
        <v>2</v>
      </c>
      <c r="GI18" s="71">
        <v>3</v>
      </c>
      <c r="GJ18" s="72">
        <v>5</v>
      </c>
      <c r="GK18" s="244"/>
      <c r="GL18" s="71">
        <v>5</v>
      </c>
      <c r="GM18" s="71">
        <v>10</v>
      </c>
      <c r="GN18" s="71">
        <v>2</v>
      </c>
      <c r="GO18" s="71">
        <v>2</v>
      </c>
      <c r="GP18" s="71">
        <v>2</v>
      </c>
      <c r="GQ18" s="72">
        <v>21</v>
      </c>
      <c r="GR18" s="73">
        <v>26</v>
      </c>
      <c r="GS18" s="123">
        <v>25</v>
      </c>
      <c r="GT18" s="82">
        <v>31</v>
      </c>
      <c r="GU18" s="83">
        <v>56</v>
      </c>
      <c r="GV18" s="241"/>
      <c r="GW18" s="82">
        <v>45</v>
      </c>
      <c r="GX18" s="82">
        <v>35</v>
      </c>
      <c r="GY18" s="82">
        <v>25</v>
      </c>
      <c r="GZ18" s="82">
        <v>29</v>
      </c>
      <c r="HA18" s="82">
        <v>11</v>
      </c>
      <c r="HB18" s="84">
        <v>145</v>
      </c>
      <c r="HC18" s="85">
        <v>201</v>
      </c>
      <c r="HD18" s="70">
        <v>1</v>
      </c>
      <c r="HE18" s="71">
        <v>0</v>
      </c>
      <c r="HF18" s="72">
        <v>1</v>
      </c>
      <c r="HG18" s="244"/>
      <c r="HH18" s="71">
        <v>2</v>
      </c>
      <c r="HI18" s="71">
        <v>1</v>
      </c>
      <c r="HJ18" s="71">
        <v>0</v>
      </c>
      <c r="HK18" s="71">
        <v>1</v>
      </c>
      <c r="HL18" s="71">
        <v>1</v>
      </c>
      <c r="HM18" s="72">
        <v>5</v>
      </c>
      <c r="HN18" s="73">
        <v>6</v>
      </c>
      <c r="HO18" s="70">
        <v>2</v>
      </c>
      <c r="HP18" s="71">
        <v>1</v>
      </c>
      <c r="HQ18" s="72">
        <v>3</v>
      </c>
      <c r="HR18" s="244"/>
      <c r="HS18" s="71">
        <v>4</v>
      </c>
      <c r="HT18" s="71">
        <v>0</v>
      </c>
      <c r="HU18" s="71">
        <v>2</v>
      </c>
      <c r="HV18" s="71">
        <v>3</v>
      </c>
      <c r="HW18" s="71">
        <v>2</v>
      </c>
      <c r="HX18" s="72">
        <v>11</v>
      </c>
      <c r="HY18" s="73">
        <v>14</v>
      </c>
      <c r="HZ18" s="70">
        <v>4</v>
      </c>
      <c r="IA18" s="71">
        <v>3</v>
      </c>
      <c r="IB18" s="72">
        <v>7</v>
      </c>
      <c r="IC18" s="244"/>
      <c r="ID18" s="71">
        <v>6</v>
      </c>
      <c r="IE18" s="71">
        <v>4</v>
      </c>
      <c r="IF18" s="71">
        <v>2</v>
      </c>
      <c r="IG18" s="71">
        <v>4</v>
      </c>
      <c r="IH18" s="71">
        <v>1</v>
      </c>
      <c r="II18" s="72">
        <v>17</v>
      </c>
      <c r="IJ18" s="73">
        <v>24</v>
      </c>
      <c r="IK18" s="70">
        <v>5</v>
      </c>
      <c r="IL18" s="71">
        <v>5</v>
      </c>
      <c r="IM18" s="72">
        <v>10</v>
      </c>
      <c r="IN18" s="244"/>
      <c r="IO18" s="71">
        <v>9</v>
      </c>
      <c r="IP18" s="71">
        <v>8</v>
      </c>
      <c r="IQ18" s="71">
        <v>3</v>
      </c>
      <c r="IR18" s="71">
        <v>4</v>
      </c>
      <c r="IS18" s="71">
        <v>1</v>
      </c>
      <c r="IT18" s="72">
        <v>25</v>
      </c>
      <c r="IU18" s="73">
        <v>35</v>
      </c>
      <c r="IV18" s="70">
        <v>4</v>
      </c>
      <c r="IW18" s="71">
        <v>11</v>
      </c>
      <c r="IX18" s="72">
        <v>15</v>
      </c>
      <c r="IY18" s="244"/>
      <c r="IZ18" s="71">
        <v>8</v>
      </c>
      <c r="JA18" s="71">
        <v>2</v>
      </c>
      <c r="JB18" s="71">
        <v>5</v>
      </c>
      <c r="JC18" s="71">
        <v>7</v>
      </c>
      <c r="JD18" s="71">
        <v>3</v>
      </c>
      <c r="JE18" s="72">
        <v>25</v>
      </c>
      <c r="JF18" s="73">
        <v>40</v>
      </c>
      <c r="JG18" s="70">
        <v>9</v>
      </c>
      <c r="JH18" s="71">
        <v>11</v>
      </c>
      <c r="JI18" s="72">
        <v>20</v>
      </c>
      <c r="JJ18" s="244"/>
      <c r="JK18" s="71">
        <v>16</v>
      </c>
      <c r="JL18" s="71">
        <v>20</v>
      </c>
      <c r="JM18" s="71">
        <v>13</v>
      </c>
      <c r="JN18" s="71">
        <v>10</v>
      </c>
      <c r="JO18" s="71">
        <v>3</v>
      </c>
      <c r="JP18" s="72">
        <v>62</v>
      </c>
      <c r="JQ18" s="73">
        <v>82</v>
      </c>
      <c r="JR18" s="70">
        <v>0</v>
      </c>
      <c r="JS18" s="71">
        <v>0</v>
      </c>
      <c r="JT18" s="72">
        <v>0</v>
      </c>
      <c r="JU18" s="244"/>
      <c r="JV18" s="71">
        <v>0</v>
      </c>
      <c r="JW18" s="71">
        <v>0</v>
      </c>
      <c r="JX18" s="71">
        <v>0</v>
      </c>
      <c r="JY18" s="71">
        <v>0</v>
      </c>
      <c r="JZ18" s="71">
        <v>0</v>
      </c>
      <c r="KA18" s="72">
        <v>0</v>
      </c>
      <c r="KB18" s="73">
        <v>0</v>
      </c>
      <c r="KC18" s="70">
        <v>25</v>
      </c>
      <c r="KD18" s="71">
        <v>31</v>
      </c>
      <c r="KE18" s="72">
        <v>56</v>
      </c>
      <c r="KF18" s="244"/>
      <c r="KG18" s="71">
        <v>45</v>
      </c>
      <c r="KH18" s="71">
        <v>35</v>
      </c>
      <c r="KI18" s="71">
        <v>25</v>
      </c>
      <c r="KJ18" s="71">
        <v>29</v>
      </c>
      <c r="KK18" s="71">
        <v>11</v>
      </c>
      <c r="KL18" s="72">
        <v>145</v>
      </c>
      <c r="KM18" s="73">
        <v>201</v>
      </c>
    </row>
    <row r="19" spans="2:299" ht="21" customHeight="1" x14ac:dyDescent="0.2">
      <c r="B19" s="126" t="s">
        <v>16</v>
      </c>
      <c r="C19" s="315">
        <v>40</v>
      </c>
      <c r="D19" s="82">
        <v>42</v>
      </c>
      <c r="E19" s="83">
        <v>82</v>
      </c>
      <c r="F19" s="241"/>
      <c r="G19" s="82">
        <v>88</v>
      </c>
      <c r="H19" s="82">
        <v>89</v>
      </c>
      <c r="I19" s="82">
        <v>53</v>
      </c>
      <c r="J19" s="82">
        <v>47</v>
      </c>
      <c r="K19" s="82">
        <v>21</v>
      </c>
      <c r="L19" s="84">
        <v>298</v>
      </c>
      <c r="M19" s="85">
        <v>380</v>
      </c>
      <c r="N19" s="70">
        <v>1</v>
      </c>
      <c r="O19" s="71">
        <v>1</v>
      </c>
      <c r="P19" s="72">
        <v>2</v>
      </c>
      <c r="Q19" s="244"/>
      <c r="R19" s="71">
        <v>3</v>
      </c>
      <c r="S19" s="71">
        <v>3</v>
      </c>
      <c r="T19" s="71">
        <v>1</v>
      </c>
      <c r="U19" s="71">
        <v>2</v>
      </c>
      <c r="V19" s="71">
        <v>1</v>
      </c>
      <c r="W19" s="72">
        <v>10</v>
      </c>
      <c r="X19" s="73">
        <v>12</v>
      </c>
      <c r="Y19" s="70">
        <v>7</v>
      </c>
      <c r="Z19" s="71">
        <v>5</v>
      </c>
      <c r="AA19" s="72">
        <v>12</v>
      </c>
      <c r="AB19" s="244"/>
      <c r="AC19" s="71">
        <v>6</v>
      </c>
      <c r="AD19" s="71">
        <v>4</v>
      </c>
      <c r="AE19" s="71">
        <v>6</v>
      </c>
      <c r="AF19" s="71">
        <v>1</v>
      </c>
      <c r="AG19" s="71">
        <v>1</v>
      </c>
      <c r="AH19" s="72">
        <v>18</v>
      </c>
      <c r="AI19" s="73">
        <v>30</v>
      </c>
      <c r="AJ19" s="70">
        <v>5</v>
      </c>
      <c r="AK19" s="71">
        <v>5</v>
      </c>
      <c r="AL19" s="72">
        <v>10</v>
      </c>
      <c r="AM19" s="244"/>
      <c r="AN19" s="71">
        <v>10</v>
      </c>
      <c r="AO19" s="71">
        <v>7</v>
      </c>
      <c r="AP19" s="71">
        <v>5</v>
      </c>
      <c r="AQ19" s="71">
        <v>3</v>
      </c>
      <c r="AR19" s="71">
        <v>3</v>
      </c>
      <c r="AS19" s="72">
        <v>28</v>
      </c>
      <c r="AT19" s="73">
        <v>38</v>
      </c>
      <c r="AU19" s="70">
        <v>5</v>
      </c>
      <c r="AV19" s="71">
        <v>7</v>
      </c>
      <c r="AW19" s="72">
        <v>12</v>
      </c>
      <c r="AX19" s="244"/>
      <c r="AY19" s="71">
        <v>20</v>
      </c>
      <c r="AZ19" s="71">
        <v>22</v>
      </c>
      <c r="BA19" s="71">
        <v>11</v>
      </c>
      <c r="BB19" s="71">
        <v>9</v>
      </c>
      <c r="BC19" s="71">
        <v>7</v>
      </c>
      <c r="BD19" s="72">
        <v>69</v>
      </c>
      <c r="BE19" s="73">
        <v>81</v>
      </c>
      <c r="BF19" s="70">
        <v>12</v>
      </c>
      <c r="BG19" s="71">
        <v>12</v>
      </c>
      <c r="BH19" s="72">
        <v>24</v>
      </c>
      <c r="BI19" s="244"/>
      <c r="BJ19" s="71">
        <v>21</v>
      </c>
      <c r="BK19" s="71">
        <v>26</v>
      </c>
      <c r="BL19" s="71">
        <v>9</v>
      </c>
      <c r="BM19" s="71">
        <v>10</v>
      </c>
      <c r="BN19" s="71">
        <v>3</v>
      </c>
      <c r="BO19" s="72">
        <v>69</v>
      </c>
      <c r="BP19" s="73">
        <v>93</v>
      </c>
      <c r="BQ19" s="70">
        <v>10</v>
      </c>
      <c r="BR19" s="71">
        <v>12</v>
      </c>
      <c r="BS19" s="72">
        <v>22</v>
      </c>
      <c r="BT19" s="244"/>
      <c r="BU19" s="71">
        <v>28</v>
      </c>
      <c r="BV19" s="71">
        <v>27</v>
      </c>
      <c r="BW19" s="71">
        <v>21</v>
      </c>
      <c r="BX19" s="71">
        <v>22</v>
      </c>
      <c r="BY19" s="71">
        <v>6</v>
      </c>
      <c r="BZ19" s="72">
        <v>104</v>
      </c>
      <c r="CA19" s="73">
        <v>126</v>
      </c>
      <c r="CB19" s="70">
        <v>0</v>
      </c>
      <c r="CC19" s="71">
        <v>0</v>
      </c>
      <c r="CD19" s="72">
        <v>0</v>
      </c>
      <c r="CE19" s="244"/>
      <c r="CF19" s="71">
        <v>0</v>
      </c>
      <c r="CG19" s="71">
        <v>0</v>
      </c>
      <c r="CH19" s="71">
        <v>0</v>
      </c>
      <c r="CI19" s="71">
        <v>0</v>
      </c>
      <c r="CJ19" s="71">
        <v>0</v>
      </c>
      <c r="CK19" s="72">
        <v>0</v>
      </c>
      <c r="CL19" s="73">
        <v>0</v>
      </c>
      <c r="CM19" s="70">
        <v>40</v>
      </c>
      <c r="CN19" s="71">
        <v>42</v>
      </c>
      <c r="CO19" s="72">
        <v>82</v>
      </c>
      <c r="CP19" s="244"/>
      <c r="CQ19" s="71">
        <v>88</v>
      </c>
      <c r="CR19" s="71">
        <v>89</v>
      </c>
      <c r="CS19" s="71">
        <v>53</v>
      </c>
      <c r="CT19" s="71">
        <v>47</v>
      </c>
      <c r="CU19" s="71">
        <v>21</v>
      </c>
      <c r="CV19" s="72">
        <v>298</v>
      </c>
      <c r="CW19" s="73">
        <v>380</v>
      </c>
      <c r="CX19" s="123">
        <v>5</v>
      </c>
      <c r="CY19" s="82">
        <v>7</v>
      </c>
      <c r="CZ19" s="83">
        <v>12</v>
      </c>
      <c r="DA19" s="241"/>
      <c r="DB19" s="82">
        <v>13</v>
      </c>
      <c r="DC19" s="82">
        <v>17</v>
      </c>
      <c r="DD19" s="82">
        <v>8</v>
      </c>
      <c r="DE19" s="82">
        <v>8</v>
      </c>
      <c r="DF19" s="82">
        <v>7</v>
      </c>
      <c r="DG19" s="84">
        <v>53</v>
      </c>
      <c r="DH19" s="85">
        <v>65</v>
      </c>
      <c r="DI19" s="70">
        <v>0</v>
      </c>
      <c r="DJ19" s="71">
        <v>0</v>
      </c>
      <c r="DK19" s="72">
        <v>0</v>
      </c>
      <c r="DL19" s="244"/>
      <c r="DM19" s="71">
        <v>0</v>
      </c>
      <c r="DN19" s="71">
        <v>0</v>
      </c>
      <c r="DO19" s="71">
        <v>0</v>
      </c>
      <c r="DP19" s="71">
        <v>0</v>
      </c>
      <c r="DQ19" s="71">
        <v>0</v>
      </c>
      <c r="DR19" s="72">
        <v>0</v>
      </c>
      <c r="DS19" s="73">
        <v>0</v>
      </c>
      <c r="DT19" s="70">
        <v>1</v>
      </c>
      <c r="DU19" s="71">
        <v>1</v>
      </c>
      <c r="DV19" s="72">
        <v>2</v>
      </c>
      <c r="DW19" s="244"/>
      <c r="DX19" s="71">
        <v>2</v>
      </c>
      <c r="DY19" s="71">
        <v>1</v>
      </c>
      <c r="DZ19" s="71">
        <v>0</v>
      </c>
      <c r="EA19" s="71">
        <v>0</v>
      </c>
      <c r="EB19" s="71">
        <v>0</v>
      </c>
      <c r="EC19" s="72">
        <v>3</v>
      </c>
      <c r="ED19" s="73">
        <v>5</v>
      </c>
      <c r="EE19" s="70">
        <v>1</v>
      </c>
      <c r="EF19" s="71">
        <v>1</v>
      </c>
      <c r="EG19" s="72">
        <v>2</v>
      </c>
      <c r="EH19" s="244"/>
      <c r="EI19" s="71">
        <v>0</v>
      </c>
      <c r="EJ19" s="71">
        <v>1</v>
      </c>
      <c r="EK19" s="71">
        <v>2</v>
      </c>
      <c r="EL19" s="71">
        <v>1</v>
      </c>
      <c r="EM19" s="71">
        <v>0</v>
      </c>
      <c r="EN19" s="72">
        <v>4</v>
      </c>
      <c r="EO19" s="73">
        <v>6</v>
      </c>
      <c r="EP19" s="70">
        <v>0</v>
      </c>
      <c r="EQ19" s="71">
        <v>1</v>
      </c>
      <c r="ER19" s="72">
        <v>1</v>
      </c>
      <c r="ES19" s="244"/>
      <c r="ET19" s="71">
        <v>3</v>
      </c>
      <c r="EU19" s="71">
        <v>4</v>
      </c>
      <c r="EV19" s="71">
        <v>1</v>
      </c>
      <c r="EW19" s="71">
        <v>0</v>
      </c>
      <c r="EX19" s="71">
        <v>0</v>
      </c>
      <c r="EY19" s="72">
        <v>8</v>
      </c>
      <c r="EZ19" s="73">
        <v>9</v>
      </c>
      <c r="FA19" s="70">
        <v>2</v>
      </c>
      <c r="FB19" s="71">
        <v>1</v>
      </c>
      <c r="FC19" s="72">
        <v>3</v>
      </c>
      <c r="FD19" s="244"/>
      <c r="FE19" s="71">
        <v>1</v>
      </c>
      <c r="FF19" s="71">
        <v>6</v>
      </c>
      <c r="FG19" s="71">
        <v>2</v>
      </c>
      <c r="FH19" s="71">
        <v>0</v>
      </c>
      <c r="FI19" s="71">
        <v>3</v>
      </c>
      <c r="FJ19" s="72">
        <v>12</v>
      </c>
      <c r="FK19" s="73">
        <v>15</v>
      </c>
      <c r="FL19" s="70">
        <v>1</v>
      </c>
      <c r="FM19" s="71">
        <v>3</v>
      </c>
      <c r="FN19" s="72">
        <v>4</v>
      </c>
      <c r="FO19" s="244"/>
      <c r="FP19" s="71">
        <v>7</v>
      </c>
      <c r="FQ19" s="71">
        <v>5</v>
      </c>
      <c r="FR19" s="71">
        <v>3</v>
      </c>
      <c r="FS19" s="71">
        <v>7</v>
      </c>
      <c r="FT19" s="71">
        <v>4</v>
      </c>
      <c r="FU19" s="72">
        <v>26</v>
      </c>
      <c r="FV19" s="73">
        <v>30</v>
      </c>
      <c r="FW19" s="70">
        <v>0</v>
      </c>
      <c r="FX19" s="71">
        <v>0</v>
      </c>
      <c r="FY19" s="72">
        <v>0</v>
      </c>
      <c r="FZ19" s="244"/>
      <c r="GA19" s="71">
        <v>0</v>
      </c>
      <c r="GB19" s="71">
        <v>0</v>
      </c>
      <c r="GC19" s="71">
        <v>0</v>
      </c>
      <c r="GD19" s="71">
        <v>0</v>
      </c>
      <c r="GE19" s="71">
        <v>0</v>
      </c>
      <c r="GF19" s="72">
        <v>0</v>
      </c>
      <c r="GG19" s="73">
        <v>0</v>
      </c>
      <c r="GH19" s="70">
        <v>5</v>
      </c>
      <c r="GI19" s="71">
        <v>7</v>
      </c>
      <c r="GJ19" s="72">
        <v>12</v>
      </c>
      <c r="GK19" s="244"/>
      <c r="GL19" s="71">
        <v>13</v>
      </c>
      <c r="GM19" s="71">
        <v>17</v>
      </c>
      <c r="GN19" s="71">
        <v>8</v>
      </c>
      <c r="GO19" s="71">
        <v>8</v>
      </c>
      <c r="GP19" s="71">
        <v>7</v>
      </c>
      <c r="GQ19" s="72">
        <v>53</v>
      </c>
      <c r="GR19" s="73">
        <v>65</v>
      </c>
      <c r="GS19" s="123">
        <v>45</v>
      </c>
      <c r="GT19" s="82">
        <v>49</v>
      </c>
      <c r="GU19" s="83">
        <v>94</v>
      </c>
      <c r="GV19" s="241"/>
      <c r="GW19" s="82">
        <v>101</v>
      </c>
      <c r="GX19" s="82">
        <v>106</v>
      </c>
      <c r="GY19" s="82">
        <v>61</v>
      </c>
      <c r="GZ19" s="82">
        <v>55</v>
      </c>
      <c r="HA19" s="82">
        <v>28</v>
      </c>
      <c r="HB19" s="84">
        <v>351</v>
      </c>
      <c r="HC19" s="85">
        <v>445</v>
      </c>
      <c r="HD19" s="70">
        <v>1</v>
      </c>
      <c r="HE19" s="71">
        <v>1</v>
      </c>
      <c r="HF19" s="72">
        <v>2</v>
      </c>
      <c r="HG19" s="244"/>
      <c r="HH19" s="71">
        <v>3</v>
      </c>
      <c r="HI19" s="71">
        <v>3</v>
      </c>
      <c r="HJ19" s="71">
        <v>1</v>
      </c>
      <c r="HK19" s="71">
        <v>2</v>
      </c>
      <c r="HL19" s="71">
        <v>1</v>
      </c>
      <c r="HM19" s="72">
        <v>10</v>
      </c>
      <c r="HN19" s="73">
        <v>12</v>
      </c>
      <c r="HO19" s="70">
        <v>8</v>
      </c>
      <c r="HP19" s="71">
        <v>6</v>
      </c>
      <c r="HQ19" s="72">
        <v>14</v>
      </c>
      <c r="HR19" s="244"/>
      <c r="HS19" s="71">
        <v>8</v>
      </c>
      <c r="HT19" s="71">
        <v>5</v>
      </c>
      <c r="HU19" s="71">
        <v>6</v>
      </c>
      <c r="HV19" s="71">
        <v>1</v>
      </c>
      <c r="HW19" s="71">
        <v>1</v>
      </c>
      <c r="HX19" s="72">
        <v>21</v>
      </c>
      <c r="HY19" s="73">
        <v>35</v>
      </c>
      <c r="HZ19" s="70">
        <v>6</v>
      </c>
      <c r="IA19" s="71">
        <v>6</v>
      </c>
      <c r="IB19" s="72">
        <v>12</v>
      </c>
      <c r="IC19" s="244"/>
      <c r="ID19" s="71">
        <v>10</v>
      </c>
      <c r="IE19" s="71">
        <v>8</v>
      </c>
      <c r="IF19" s="71">
        <v>7</v>
      </c>
      <c r="IG19" s="71">
        <v>4</v>
      </c>
      <c r="IH19" s="71">
        <v>3</v>
      </c>
      <c r="II19" s="72">
        <v>32</v>
      </c>
      <c r="IJ19" s="73">
        <v>44</v>
      </c>
      <c r="IK19" s="70">
        <v>5</v>
      </c>
      <c r="IL19" s="71">
        <v>8</v>
      </c>
      <c r="IM19" s="72">
        <v>13</v>
      </c>
      <c r="IN19" s="244"/>
      <c r="IO19" s="71">
        <v>23</v>
      </c>
      <c r="IP19" s="71">
        <v>26</v>
      </c>
      <c r="IQ19" s="71">
        <v>12</v>
      </c>
      <c r="IR19" s="71">
        <v>9</v>
      </c>
      <c r="IS19" s="71">
        <v>7</v>
      </c>
      <c r="IT19" s="72">
        <v>77</v>
      </c>
      <c r="IU19" s="73">
        <v>90</v>
      </c>
      <c r="IV19" s="70">
        <v>14</v>
      </c>
      <c r="IW19" s="71">
        <v>13</v>
      </c>
      <c r="IX19" s="72">
        <v>27</v>
      </c>
      <c r="IY19" s="244"/>
      <c r="IZ19" s="71">
        <v>22</v>
      </c>
      <c r="JA19" s="71">
        <v>32</v>
      </c>
      <c r="JB19" s="71">
        <v>11</v>
      </c>
      <c r="JC19" s="71">
        <v>10</v>
      </c>
      <c r="JD19" s="71">
        <v>6</v>
      </c>
      <c r="JE19" s="72">
        <v>81</v>
      </c>
      <c r="JF19" s="73">
        <v>108</v>
      </c>
      <c r="JG19" s="70">
        <v>11</v>
      </c>
      <c r="JH19" s="71">
        <v>15</v>
      </c>
      <c r="JI19" s="72">
        <v>26</v>
      </c>
      <c r="JJ19" s="244"/>
      <c r="JK19" s="71">
        <v>35</v>
      </c>
      <c r="JL19" s="71">
        <v>32</v>
      </c>
      <c r="JM19" s="71">
        <v>24</v>
      </c>
      <c r="JN19" s="71">
        <v>29</v>
      </c>
      <c r="JO19" s="71">
        <v>10</v>
      </c>
      <c r="JP19" s="72">
        <v>130</v>
      </c>
      <c r="JQ19" s="73">
        <v>156</v>
      </c>
      <c r="JR19" s="70">
        <v>0</v>
      </c>
      <c r="JS19" s="71">
        <v>0</v>
      </c>
      <c r="JT19" s="72">
        <v>0</v>
      </c>
      <c r="JU19" s="244"/>
      <c r="JV19" s="71">
        <v>0</v>
      </c>
      <c r="JW19" s="71">
        <v>0</v>
      </c>
      <c r="JX19" s="71">
        <v>0</v>
      </c>
      <c r="JY19" s="71">
        <v>0</v>
      </c>
      <c r="JZ19" s="71">
        <v>0</v>
      </c>
      <c r="KA19" s="72">
        <v>0</v>
      </c>
      <c r="KB19" s="73">
        <v>0</v>
      </c>
      <c r="KC19" s="70">
        <v>45</v>
      </c>
      <c r="KD19" s="71">
        <v>49</v>
      </c>
      <c r="KE19" s="72">
        <v>94</v>
      </c>
      <c r="KF19" s="244"/>
      <c r="KG19" s="71">
        <v>101</v>
      </c>
      <c r="KH19" s="71">
        <v>106</v>
      </c>
      <c r="KI19" s="71">
        <v>61</v>
      </c>
      <c r="KJ19" s="71">
        <v>55</v>
      </c>
      <c r="KK19" s="71">
        <v>28</v>
      </c>
      <c r="KL19" s="72">
        <v>351</v>
      </c>
      <c r="KM19" s="73">
        <v>445</v>
      </c>
    </row>
    <row r="20" spans="2:299" ht="21" customHeight="1" x14ac:dyDescent="0.2">
      <c r="B20" s="126" t="s">
        <v>17</v>
      </c>
      <c r="C20" s="315">
        <v>58</v>
      </c>
      <c r="D20" s="82">
        <v>60</v>
      </c>
      <c r="E20" s="83">
        <v>118</v>
      </c>
      <c r="F20" s="241"/>
      <c r="G20" s="82">
        <v>102</v>
      </c>
      <c r="H20" s="82">
        <v>97</v>
      </c>
      <c r="I20" s="82">
        <v>71</v>
      </c>
      <c r="J20" s="82">
        <v>49</v>
      </c>
      <c r="K20" s="82">
        <v>34</v>
      </c>
      <c r="L20" s="84">
        <v>353</v>
      </c>
      <c r="M20" s="85">
        <v>471</v>
      </c>
      <c r="N20" s="70">
        <v>1</v>
      </c>
      <c r="O20" s="71">
        <v>2</v>
      </c>
      <c r="P20" s="72">
        <v>3</v>
      </c>
      <c r="Q20" s="244"/>
      <c r="R20" s="71">
        <v>3</v>
      </c>
      <c r="S20" s="71">
        <v>2</v>
      </c>
      <c r="T20" s="71">
        <v>5</v>
      </c>
      <c r="U20" s="71">
        <v>2</v>
      </c>
      <c r="V20" s="71">
        <v>1</v>
      </c>
      <c r="W20" s="72">
        <v>13</v>
      </c>
      <c r="X20" s="73">
        <v>16</v>
      </c>
      <c r="Y20" s="70">
        <v>2</v>
      </c>
      <c r="Z20" s="71">
        <v>2</v>
      </c>
      <c r="AA20" s="72">
        <v>4</v>
      </c>
      <c r="AB20" s="244"/>
      <c r="AC20" s="71">
        <v>2</v>
      </c>
      <c r="AD20" s="71">
        <v>4</v>
      </c>
      <c r="AE20" s="71">
        <v>6</v>
      </c>
      <c r="AF20" s="71">
        <v>3</v>
      </c>
      <c r="AG20" s="71">
        <v>1</v>
      </c>
      <c r="AH20" s="72">
        <v>16</v>
      </c>
      <c r="AI20" s="73">
        <v>20</v>
      </c>
      <c r="AJ20" s="70">
        <v>11</v>
      </c>
      <c r="AK20" s="71">
        <v>5</v>
      </c>
      <c r="AL20" s="72">
        <v>16</v>
      </c>
      <c r="AM20" s="244"/>
      <c r="AN20" s="71">
        <v>11</v>
      </c>
      <c r="AO20" s="71">
        <v>9</v>
      </c>
      <c r="AP20" s="71">
        <v>7</v>
      </c>
      <c r="AQ20" s="71">
        <v>4</v>
      </c>
      <c r="AR20" s="71">
        <v>4</v>
      </c>
      <c r="AS20" s="72">
        <v>35</v>
      </c>
      <c r="AT20" s="73">
        <v>51</v>
      </c>
      <c r="AU20" s="70">
        <v>11</v>
      </c>
      <c r="AV20" s="71">
        <v>20</v>
      </c>
      <c r="AW20" s="72">
        <v>31</v>
      </c>
      <c r="AX20" s="244"/>
      <c r="AY20" s="71">
        <v>26</v>
      </c>
      <c r="AZ20" s="71">
        <v>24</v>
      </c>
      <c r="BA20" s="71">
        <v>13</v>
      </c>
      <c r="BB20" s="71">
        <v>9</v>
      </c>
      <c r="BC20" s="71">
        <v>6</v>
      </c>
      <c r="BD20" s="72">
        <v>78</v>
      </c>
      <c r="BE20" s="73">
        <v>109</v>
      </c>
      <c r="BF20" s="70">
        <v>18</v>
      </c>
      <c r="BG20" s="71">
        <v>15</v>
      </c>
      <c r="BH20" s="72">
        <v>33</v>
      </c>
      <c r="BI20" s="244"/>
      <c r="BJ20" s="71">
        <v>34</v>
      </c>
      <c r="BK20" s="71">
        <v>36</v>
      </c>
      <c r="BL20" s="71">
        <v>18</v>
      </c>
      <c r="BM20" s="71">
        <v>17</v>
      </c>
      <c r="BN20" s="71">
        <v>10</v>
      </c>
      <c r="BO20" s="72">
        <v>115</v>
      </c>
      <c r="BP20" s="73">
        <v>148</v>
      </c>
      <c r="BQ20" s="70">
        <v>15</v>
      </c>
      <c r="BR20" s="71">
        <v>16</v>
      </c>
      <c r="BS20" s="72">
        <v>31</v>
      </c>
      <c r="BT20" s="244"/>
      <c r="BU20" s="71">
        <v>26</v>
      </c>
      <c r="BV20" s="71">
        <v>22</v>
      </c>
      <c r="BW20" s="71">
        <v>22</v>
      </c>
      <c r="BX20" s="71">
        <v>14</v>
      </c>
      <c r="BY20" s="71">
        <v>12</v>
      </c>
      <c r="BZ20" s="72">
        <v>96</v>
      </c>
      <c r="CA20" s="73">
        <v>127</v>
      </c>
      <c r="CB20" s="70">
        <v>0</v>
      </c>
      <c r="CC20" s="71">
        <v>0</v>
      </c>
      <c r="CD20" s="72">
        <v>0</v>
      </c>
      <c r="CE20" s="244"/>
      <c r="CF20" s="71">
        <v>0</v>
      </c>
      <c r="CG20" s="71">
        <v>0</v>
      </c>
      <c r="CH20" s="71">
        <v>0</v>
      </c>
      <c r="CI20" s="71">
        <v>0</v>
      </c>
      <c r="CJ20" s="71">
        <v>0</v>
      </c>
      <c r="CK20" s="72">
        <v>0</v>
      </c>
      <c r="CL20" s="73">
        <v>0</v>
      </c>
      <c r="CM20" s="70">
        <v>58</v>
      </c>
      <c r="CN20" s="71">
        <v>60</v>
      </c>
      <c r="CO20" s="72">
        <v>118</v>
      </c>
      <c r="CP20" s="244"/>
      <c r="CQ20" s="71">
        <v>102</v>
      </c>
      <c r="CR20" s="71">
        <v>97</v>
      </c>
      <c r="CS20" s="71">
        <v>71</v>
      </c>
      <c r="CT20" s="71">
        <v>49</v>
      </c>
      <c r="CU20" s="71">
        <v>34</v>
      </c>
      <c r="CV20" s="72">
        <v>353</v>
      </c>
      <c r="CW20" s="73">
        <v>471</v>
      </c>
      <c r="CX20" s="123">
        <v>12</v>
      </c>
      <c r="CY20" s="82">
        <v>7</v>
      </c>
      <c r="CZ20" s="83">
        <v>19</v>
      </c>
      <c r="DA20" s="241"/>
      <c r="DB20" s="82">
        <v>8</v>
      </c>
      <c r="DC20" s="82">
        <v>15</v>
      </c>
      <c r="DD20" s="82">
        <v>8</v>
      </c>
      <c r="DE20" s="82">
        <v>8</v>
      </c>
      <c r="DF20" s="82">
        <v>6</v>
      </c>
      <c r="DG20" s="84">
        <v>45</v>
      </c>
      <c r="DH20" s="85">
        <v>64</v>
      </c>
      <c r="DI20" s="70">
        <v>0</v>
      </c>
      <c r="DJ20" s="71">
        <v>0</v>
      </c>
      <c r="DK20" s="72">
        <v>0</v>
      </c>
      <c r="DL20" s="244"/>
      <c r="DM20" s="71">
        <v>0</v>
      </c>
      <c r="DN20" s="71">
        <v>2</v>
      </c>
      <c r="DO20" s="71">
        <v>0</v>
      </c>
      <c r="DP20" s="71">
        <v>0</v>
      </c>
      <c r="DQ20" s="71">
        <v>1</v>
      </c>
      <c r="DR20" s="72">
        <v>3</v>
      </c>
      <c r="DS20" s="73">
        <v>3</v>
      </c>
      <c r="DT20" s="70">
        <v>0</v>
      </c>
      <c r="DU20" s="71">
        <v>1</v>
      </c>
      <c r="DV20" s="72">
        <v>1</v>
      </c>
      <c r="DW20" s="244"/>
      <c r="DX20" s="71">
        <v>1</v>
      </c>
      <c r="DY20" s="71">
        <v>2</v>
      </c>
      <c r="DZ20" s="71">
        <v>0</v>
      </c>
      <c r="EA20" s="71">
        <v>1</v>
      </c>
      <c r="EB20" s="71">
        <v>0</v>
      </c>
      <c r="EC20" s="72">
        <v>4</v>
      </c>
      <c r="ED20" s="73">
        <v>5</v>
      </c>
      <c r="EE20" s="70">
        <v>1</v>
      </c>
      <c r="EF20" s="71">
        <v>2</v>
      </c>
      <c r="EG20" s="72">
        <v>3</v>
      </c>
      <c r="EH20" s="244"/>
      <c r="EI20" s="71">
        <v>1</v>
      </c>
      <c r="EJ20" s="71">
        <v>0</v>
      </c>
      <c r="EK20" s="71">
        <v>2</v>
      </c>
      <c r="EL20" s="71">
        <v>0</v>
      </c>
      <c r="EM20" s="71">
        <v>0</v>
      </c>
      <c r="EN20" s="72">
        <v>3</v>
      </c>
      <c r="EO20" s="73">
        <v>6</v>
      </c>
      <c r="EP20" s="70">
        <v>5</v>
      </c>
      <c r="EQ20" s="71">
        <v>1</v>
      </c>
      <c r="ER20" s="72">
        <v>6</v>
      </c>
      <c r="ES20" s="244"/>
      <c r="ET20" s="71">
        <v>2</v>
      </c>
      <c r="EU20" s="71">
        <v>3</v>
      </c>
      <c r="EV20" s="71">
        <v>2</v>
      </c>
      <c r="EW20" s="71">
        <v>2</v>
      </c>
      <c r="EX20" s="71">
        <v>1</v>
      </c>
      <c r="EY20" s="72">
        <v>10</v>
      </c>
      <c r="EZ20" s="73">
        <v>16</v>
      </c>
      <c r="FA20" s="70">
        <v>5</v>
      </c>
      <c r="FB20" s="71">
        <v>2</v>
      </c>
      <c r="FC20" s="72">
        <v>7</v>
      </c>
      <c r="FD20" s="244"/>
      <c r="FE20" s="71">
        <v>3</v>
      </c>
      <c r="FF20" s="71">
        <v>5</v>
      </c>
      <c r="FG20" s="71">
        <v>1</v>
      </c>
      <c r="FH20" s="71">
        <v>2</v>
      </c>
      <c r="FI20" s="71">
        <v>0</v>
      </c>
      <c r="FJ20" s="72">
        <v>11</v>
      </c>
      <c r="FK20" s="73">
        <v>18</v>
      </c>
      <c r="FL20" s="70">
        <v>1</v>
      </c>
      <c r="FM20" s="71">
        <v>1</v>
      </c>
      <c r="FN20" s="72">
        <v>2</v>
      </c>
      <c r="FO20" s="244"/>
      <c r="FP20" s="71">
        <v>1</v>
      </c>
      <c r="FQ20" s="71">
        <v>3</v>
      </c>
      <c r="FR20" s="71">
        <v>3</v>
      </c>
      <c r="FS20" s="71">
        <v>3</v>
      </c>
      <c r="FT20" s="71">
        <v>4</v>
      </c>
      <c r="FU20" s="72">
        <v>14</v>
      </c>
      <c r="FV20" s="73">
        <v>16</v>
      </c>
      <c r="FW20" s="70">
        <v>0</v>
      </c>
      <c r="FX20" s="71">
        <v>0</v>
      </c>
      <c r="FY20" s="72">
        <v>0</v>
      </c>
      <c r="FZ20" s="244"/>
      <c r="GA20" s="71">
        <v>0</v>
      </c>
      <c r="GB20" s="71">
        <v>0</v>
      </c>
      <c r="GC20" s="71">
        <v>0</v>
      </c>
      <c r="GD20" s="71">
        <v>0</v>
      </c>
      <c r="GE20" s="71">
        <v>0</v>
      </c>
      <c r="GF20" s="72">
        <v>0</v>
      </c>
      <c r="GG20" s="73">
        <v>0</v>
      </c>
      <c r="GH20" s="70">
        <v>12</v>
      </c>
      <c r="GI20" s="71">
        <v>7</v>
      </c>
      <c r="GJ20" s="72">
        <v>19</v>
      </c>
      <c r="GK20" s="244"/>
      <c r="GL20" s="71">
        <v>8</v>
      </c>
      <c r="GM20" s="71">
        <v>15</v>
      </c>
      <c r="GN20" s="71">
        <v>8</v>
      </c>
      <c r="GO20" s="71">
        <v>8</v>
      </c>
      <c r="GP20" s="71">
        <v>6</v>
      </c>
      <c r="GQ20" s="72">
        <v>45</v>
      </c>
      <c r="GR20" s="73">
        <v>64</v>
      </c>
      <c r="GS20" s="123">
        <v>70</v>
      </c>
      <c r="GT20" s="82">
        <v>67</v>
      </c>
      <c r="GU20" s="83">
        <v>137</v>
      </c>
      <c r="GV20" s="241"/>
      <c r="GW20" s="82">
        <v>110</v>
      </c>
      <c r="GX20" s="82">
        <v>112</v>
      </c>
      <c r="GY20" s="82">
        <v>79</v>
      </c>
      <c r="GZ20" s="82">
        <v>57</v>
      </c>
      <c r="HA20" s="82">
        <v>40</v>
      </c>
      <c r="HB20" s="84">
        <v>398</v>
      </c>
      <c r="HC20" s="85">
        <v>535</v>
      </c>
      <c r="HD20" s="70">
        <v>1</v>
      </c>
      <c r="HE20" s="71">
        <v>2</v>
      </c>
      <c r="HF20" s="72">
        <v>3</v>
      </c>
      <c r="HG20" s="244"/>
      <c r="HH20" s="71">
        <v>3</v>
      </c>
      <c r="HI20" s="71">
        <v>4</v>
      </c>
      <c r="HJ20" s="71">
        <v>5</v>
      </c>
      <c r="HK20" s="71">
        <v>2</v>
      </c>
      <c r="HL20" s="71">
        <v>2</v>
      </c>
      <c r="HM20" s="72">
        <v>16</v>
      </c>
      <c r="HN20" s="73">
        <v>19</v>
      </c>
      <c r="HO20" s="70">
        <v>2</v>
      </c>
      <c r="HP20" s="71">
        <v>3</v>
      </c>
      <c r="HQ20" s="72">
        <v>5</v>
      </c>
      <c r="HR20" s="244"/>
      <c r="HS20" s="71">
        <v>3</v>
      </c>
      <c r="HT20" s="71">
        <v>6</v>
      </c>
      <c r="HU20" s="71">
        <v>6</v>
      </c>
      <c r="HV20" s="71">
        <v>4</v>
      </c>
      <c r="HW20" s="71">
        <v>1</v>
      </c>
      <c r="HX20" s="72">
        <v>20</v>
      </c>
      <c r="HY20" s="73">
        <v>25</v>
      </c>
      <c r="HZ20" s="70">
        <v>12</v>
      </c>
      <c r="IA20" s="71">
        <v>7</v>
      </c>
      <c r="IB20" s="72">
        <v>19</v>
      </c>
      <c r="IC20" s="244"/>
      <c r="ID20" s="71">
        <v>12</v>
      </c>
      <c r="IE20" s="71">
        <v>9</v>
      </c>
      <c r="IF20" s="71">
        <v>9</v>
      </c>
      <c r="IG20" s="71">
        <v>4</v>
      </c>
      <c r="IH20" s="71">
        <v>4</v>
      </c>
      <c r="II20" s="72">
        <v>38</v>
      </c>
      <c r="IJ20" s="73">
        <v>57</v>
      </c>
      <c r="IK20" s="70">
        <v>16</v>
      </c>
      <c r="IL20" s="71">
        <v>21</v>
      </c>
      <c r="IM20" s="72">
        <v>37</v>
      </c>
      <c r="IN20" s="244"/>
      <c r="IO20" s="71">
        <v>28</v>
      </c>
      <c r="IP20" s="71">
        <v>27</v>
      </c>
      <c r="IQ20" s="71">
        <v>15</v>
      </c>
      <c r="IR20" s="71">
        <v>11</v>
      </c>
      <c r="IS20" s="71">
        <v>7</v>
      </c>
      <c r="IT20" s="72">
        <v>88</v>
      </c>
      <c r="IU20" s="73">
        <v>125</v>
      </c>
      <c r="IV20" s="70">
        <v>23</v>
      </c>
      <c r="IW20" s="71">
        <v>17</v>
      </c>
      <c r="IX20" s="72">
        <v>40</v>
      </c>
      <c r="IY20" s="244"/>
      <c r="IZ20" s="71">
        <v>37</v>
      </c>
      <c r="JA20" s="71">
        <v>41</v>
      </c>
      <c r="JB20" s="71">
        <v>19</v>
      </c>
      <c r="JC20" s="71">
        <v>19</v>
      </c>
      <c r="JD20" s="71">
        <v>10</v>
      </c>
      <c r="JE20" s="72">
        <v>126</v>
      </c>
      <c r="JF20" s="73">
        <v>166</v>
      </c>
      <c r="JG20" s="70">
        <v>16</v>
      </c>
      <c r="JH20" s="71">
        <v>17</v>
      </c>
      <c r="JI20" s="72">
        <v>33</v>
      </c>
      <c r="JJ20" s="244"/>
      <c r="JK20" s="71">
        <v>27</v>
      </c>
      <c r="JL20" s="71">
        <v>25</v>
      </c>
      <c r="JM20" s="71">
        <v>25</v>
      </c>
      <c r="JN20" s="71">
        <v>17</v>
      </c>
      <c r="JO20" s="71">
        <v>16</v>
      </c>
      <c r="JP20" s="72">
        <v>110</v>
      </c>
      <c r="JQ20" s="73">
        <v>143</v>
      </c>
      <c r="JR20" s="70">
        <v>0</v>
      </c>
      <c r="JS20" s="71">
        <v>0</v>
      </c>
      <c r="JT20" s="72">
        <v>0</v>
      </c>
      <c r="JU20" s="244"/>
      <c r="JV20" s="71">
        <v>0</v>
      </c>
      <c r="JW20" s="71">
        <v>0</v>
      </c>
      <c r="JX20" s="71">
        <v>0</v>
      </c>
      <c r="JY20" s="71">
        <v>0</v>
      </c>
      <c r="JZ20" s="71">
        <v>0</v>
      </c>
      <c r="KA20" s="72">
        <v>0</v>
      </c>
      <c r="KB20" s="73">
        <v>0</v>
      </c>
      <c r="KC20" s="70">
        <v>70</v>
      </c>
      <c r="KD20" s="71">
        <v>67</v>
      </c>
      <c r="KE20" s="72">
        <v>137</v>
      </c>
      <c r="KF20" s="244"/>
      <c r="KG20" s="71">
        <v>110</v>
      </c>
      <c r="KH20" s="71">
        <v>112</v>
      </c>
      <c r="KI20" s="71">
        <v>79</v>
      </c>
      <c r="KJ20" s="71">
        <v>57</v>
      </c>
      <c r="KK20" s="71">
        <v>40</v>
      </c>
      <c r="KL20" s="72">
        <v>398</v>
      </c>
      <c r="KM20" s="73">
        <v>535</v>
      </c>
    </row>
    <row r="21" spans="2:299" ht="21" customHeight="1" x14ac:dyDescent="0.2">
      <c r="B21" s="126" t="s">
        <v>18</v>
      </c>
      <c r="C21" s="315">
        <v>82</v>
      </c>
      <c r="D21" s="82">
        <v>79</v>
      </c>
      <c r="E21" s="83">
        <v>161</v>
      </c>
      <c r="F21" s="241"/>
      <c r="G21" s="82">
        <v>150</v>
      </c>
      <c r="H21" s="82">
        <v>113</v>
      </c>
      <c r="I21" s="82">
        <v>89</v>
      </c>
      <c r="J21" s="82">
        <v>65</v>
      </c>
      <c r="K21" s="82">
        <v>39</v>
      </c>
      <c r="L21" s="84">
        <v>456</v>
      </c>
      <c r="M21" s="85">
        <v>617</v>
      </c>
      <c r="N21" s="70">
        <v>0</v>
      </c>
      <c r="O21" s="71">
        <v>3</v>
      </c>
      <c r="P21" s="72">
        <v>3</v>
      </c>
      <c r="Q21" s="244"/>
      <c r="R21" s="71">
        <v>3</v>
      </c>
      <c r="S21" s="71">
        <v>2</v>
      </c>
      <c r="T21" s="71">
        <v>1</v>
      </c>
      <c r="U21" s="71">
        <v>1</v>
      </c>
      <c r="V21" s="71">
        <v>2</v>
      </c>
      <c r="W21" s="72">
        <v>9</v>
      </c>
      <c r="X21" s="73">
        <v>12</v>
      </c>
      <c r="Y21" s="70">
        <v>3</v>
      </c>
      <c r="Z21" s="71">
        <v>3</v>
      </c>
      <c r="AA21" s="72">
        <v>6</v>
      </c>
      <c r="AB21" s="244"/>
      <c r="AC21" s="71">
        <v>9</v>
      </c>
      <c r="AD21" s="71">
        <v>4</v>
      </c>
      <c r="AE21" s="71">
        <v>2</v>
      </c>
      <c r="AF21" s="71">
        <v>5</v>
      </c>
      <c r="AG21" s="71">
        <v>3</v>
      </c>
      <c r="AH21" s="72">
        <v>23</v>
      </c>
      <c r="AI21" s="73">
        <v>29</v>
      </c>
      <c r="AJ21" s="70">
        <v>7</v>
      </c>
      <c r="AK21" s="71">
        <v>9</v>
      </c>
      <c r="AL21" s="72">
        <v>16</v>
      </c>
      <c r="AM21" s="244"/>
      <c r="AN21" s="71">
        <v>9</v>
      </c>
      <c r="AO21" s="71">
        <v>7</v>
      </c>
      <c r="AP21" s="71">
        <v>7</v>
      </c>
      <c r="AQ21" s="71">
        <v>5</v>
      </c>
      <c r="AR21" s="71">
        <v>5</v>
      </c>
      <c r="AS21" s="72">
        <v>33</v>
      </c>
      <c r="AT21" s="73">
        <v>49</v>
      </c>
      <c r="AU21" s="70">
        <v>23</v>
      </c>
      <c r="AV21" s="71">
        <v>14</v>
      </c>
      <c r="AW21" s="72">
        <v>37</v>
      </c>
      <c r="AX21" s="244"/>
      <c r="AY21" s="71">
        <v>27</v>
      </c>
      <c r="AZ21" s="71">
        <v>22</v>
      </c>
      <c r="BA21" s="71">
        <v>13</v>
      </c>
      <c r="BB21" s="71">
        <v>11</v>
      </c>
      <c r="BC21" s="71">
        <v>10</v>
      </c>
      <c r="BD21" s="72">
        <v>83</v>
      </c>
      <c r="BE21" s="73">
        <v>120</v>
      </c>
      <c r="BF21" s="70">
        <v>25</v>
      </c>
      <c r="BG21" s="71">
        <v>28</v>
      </c>
      <c r="BH21" s="72">
        <v>53</v>
      </c>
      <c r="BI21" s="244"/>
      <c r="BJ21" s="71">
        <v>48</v>
      </c>
      <c r="BK21" s="71">
        <v>34</v>
      </c>
      <c r="BL21" s="71">
        <v>36</v>
      </c>
      <c r="BM21" s="71">
        <v>21</v>
      </c>
      <c r="BN21" s="71">
        <v>12</v>
      </c>
      <c r="BO21" s="72">
        <v>151</v>
      </c>
      <c r="BP21" s="73">
        <v>204</v>
      </c>
      <c r="BQ21" s="70">
        <v>24</v>
      </c>
      <c r="BR21" s="71">
        <v>22</v>
      </c>
      <c r="BS21" s="72">
        <v>46</v>
      </c>
      <c r="BT21" s="244"/>
      <c r="BU21" s="71">
        <v>54</v>
      </c>
      <c r="BV21" s="71">
        <v>44</v>
      </c>
      <c r="BW21" s="71">
        <v>30</v>
      </c>
      <c r="BX21" s="71">
        <v>22</v>
      </c>
      <c r="BY21" s="71">
        <v>7</v>
      </c>
      <c r="BZ21" s="72">
        <v>157</v>
      </c>
      <c r="CA21" s="73">
        <v>203</v>
      </c>
      <c r="CB21" s="70">
        <v>0</v>
      </c>
      <c r="CC21" s="71">
        <v>0</v>
      </c>
      <c r="CD21" s="72">
        <v>0</v>
      </c>
      <c r="CE21" s="244"/>
      <c r="CF21" s="71">
        <v>0</v>
      </c>
      <c r="CG21" s="71">
        <v>0</v>
      </c>
      <c r="CH21" s="71">
        <v>0</v>
      </c>
      <c r="CI21" s="71">
        <v>0</v>
      </c>
      <c r="CJ21" s="71">
        <v>0</v>
      </c>
      <c r="CK21" s="72">
        <v>0</v>
      </c>
      <c r="CL21" s="73">
        <v>0</v>
      </c>
      <c r="CM21" s="70">
        <v>82</v>
      </c>
      <c r="CN21" s="71">
        <v>79</v>
      </c>
      <c r="CO21" s="72">
        <v>161</v>
      </c>
      <c r="CP21" s="244"/>
      <c r="CQ21" s="71">
        <v>150</v>
      </c>
      <c r="CR21" s="71">
        <v>113</v>
      </c>
      <c r="CS21" s="71">
        <v>89</v>
      </c>
      <c r="CT21" s="71">
        <v>65</v>
      </c>
      <c r="CU21" s="71">
        <v>39</v>
      </c>
      <c r="CV21" s="72">
        <v>456</v>
      </c>
      <c r="CW21" s="73">
        <v>617</v>
      </c>
      <c r="CX21" s="123">
        <v>13</v>
      </c>
      <c r="CY21" s="82">
        <v>9</v>
      </c>
      <c r="CZ21" s="83">
        <v>22</v>
      </c>
      <c r="DA21" s="241"/>
      <c r="DB21" s="82">
        <v>20</v>
      </c>
      <c r="DC21" s="82">
        <v>16</v>
      </c>
      <c r="DD21" s="82">
        <v>7</v>
      </c>
      <c r="DE21" s="82">
        <v>9</v>
      </c>
      <c r="DF21" s="82">
        <v>4</v>
      </c>
      <c r="DG21" s="84">
        <v>56</v>
      </c>
      <c r="DH21" s="85">
        <v>78</v>
      </c>
      <c r="DI21" s="70">
        <v>0</v>
      </c>
      <c r="DJ21" s="71">
        <v>0</v>
      </c>
      <c r="DK21" s="72">
        <v>0</v>
      </c>
      <c r="DL21" s="244"/>
      <c r="DM21" s="71">
        <v>1</v>
      </c>
      <c r="DN21" s="71">
        <v>0</v>
      </c>
      <c r="DO21" s="71">
        <v>0</v>
      </c>
      <c r="DP21" s="71">
        <v>0</v>
      </c>
      <c r="DQ21" s="71">
        <v>0</v>
      </c>
      <c r="DR21" s="72">
        <v>1</v>
      </c>
      <c r="DS21" s="73">
        <v>1</v>
      </c>
      <c r="DT21" s="70">
        <v>1</v>
      </c>
      <c r="DU21" s="71">
        <v>1</v>
      </c>
      <c r="DV21" s="72">
        <v>2</v>
      </c>
      <c r="DW21" s="244"/>
      <c r="DX21" s="71">
        <v>2</v>
      </c>
      <c r="DY21" s="71">
        <v>0</v>
      </c>
      <c r="DZ21" s="71">
        <v>1</v>
      </c>
      <c r="EA21" s="71">
        <v>0</v>
      </c>
      <c r="EB21" s="71">
        <v>0</v>
      </c>
      <c r="EC21" s="72">
        <v>3</v>
      </c>
      <c r="ED21" s="73">
        <v>5</v>
      </c>
      <c r="EE21" s="70">
        <v>1</v>
      </c>
      <c r="EF21" s="71">
        <v>2</v>
      </c>
      <c r="EG21" s="72">
        <v>3</v>
      </c>
      <c r="EH21" s="244"/>
      <c r="EI21" s="71">
        <v>2</v>
      </c>
      <c r="EJ21" s="71">
        <v>3</v>
      </c>
      <c r="EK21" s="71">
        <v>1</v>
      </c>
      <c r="EL21" s="71">
        <v>0</v>
      </c>
      <c r="EM21" s="71">
        <v>0</v>
      </c>
      <c r="EN21" s="72">
        <v>6</v>
      </c>
      <c r="EO21" s="73">
        <v>9</v>
      </c>
      <c r="EP21" s="70">
        <v>6</v>
      </c>
      <c r="EQ21" s="71">
        <v>6</v>
      </c>
      <c r="ER21" s="72">
        <v>12</v>
      </c>
      <c r="ES21" s="244"/>
      <c r="ET21" s="71">
        <v>4</v>
      </c>
      <c r="EU21" s="71">
        <v>3</v>
      </c>
      <c r="EV21" s="71">
        <v>0</v>
      </c>
      <c r="EW21" s="71">
        <v>1</v>
      </c>
      <c r="EX21" s="71">
        <v>0</v>
      </c>
      <c r="EY21" s="72">
        <v>8</v>
      </c>
      <c r="EZ21" s="73">
        <v>20</v>
      </c>
      <c r="FA21" s="70">
        <v>2</v>
      </c>
      <c r="FB21" s="71">
        <v>0</v>
      </c>
      <c r="FC21" s="72">
        <v>2</v>
      </c>
      <c r="FD21" s="244"/>
      <c r="FE21" s="71">
        <v>8</v>
      </c>
      <c r="FF21" s="71">
        <v>8</v>
      </c>
      <c r="FG21" s="71">
        <v>1</v>
      </c>
      <c r="FH21" s="71">
        <v>4</v>
      </c>
      <c r="FI21" s="71">
        <v>2</v>
      </c>
      <c r="FJ21" s="72">
        <v>23</v>
      </c>
      <c r="FK21" s="73">
        <v>25</v>
      </c>
      <c r="FL21" s="70">
        <v>3</v>
      </c>
      <c r="FM21" s="71">
        <v>0</v>
      </c>
      <c r="FN21" s="72">
        <v>3</v>
      </c>
      <c r="FO21" s="244"/>
      <c r="FP21" s="71">
        <v>3</v>
      </c>
      <c r="FQ21" s="71">
        <v>2</v>
      </c>
      <c r="FR21" s="71">
        <v>4</v>
      </c>
      <c r="FS21" s="71">
        <v>4</v>
      </c>
      <c r="FT21" s="71">
        <v>2</v>
      </c>
      <c r="FU21" s="72">
        <v>15</v>
      </c>
      <c r="FV21" s="73">
        <v>18</v>
      </c>
      <c r="FW21" s="70">
        <v>0</v>
      </c>
      <c r="FX21" s="71">
        <v>0</v>
      </c>
      <c r="FY21" s="72">
        <v>0</v>
      </c>
      <c r="FZ21" s="244"/>
      <c r="GA21" s="71">
        <v>0</v>
      </c>
      <c r="GB21" s="71">
        <v>0</v>
      </c>
      <c r="GC21" s="71">
        <v>0</v>
      </c>
      <c r="GD21" s="71">
        <v>0</v>
      </c>
      <c r="GE21" s="71">
        <v>0</v>
      </c>
      <c r="GF21" s="72">
        <v>0</v>
      </c>
      <c r="GG21" s="73">
        <v>0</v>
      </c>
      <c r="GH21" s="70">
        <v>13</v>
      </c>
      <c r="GI21" s="71">
        <v>9</v>
      </c>
      <c r="GJ21" s="72">
        <v>22</v>
      </c>
      <c r="GK21" s="244"/>
      <c r="GL21" s="71">
        <v>20</v>
      </c>
      <c r="GM21" s="71">
        <v>16</v>
      </c>
      <c r="GN21" s="71">
        <v>7</v>
      </c>
      <c r="GO21" s="71">
        <v>9</v>
      </c>
      <c r="GP21" s="71">
        <v>4</v>
      </c>
      <c r="GQ21" s="72">
        <v>56</v>
      </c>
      <c r="GR21" s="73">
        <v>78</v>
      </c>
      <c r="GS21" s="123">
        <v>95</v>
      </c>
      <c r="GT21" s="82">
        <v>88</v>
      </c>
      <c r="GU21" s="83">
        <v>183</v>
      </c>
      <c r="GV21" s="241"/>
      <c r="GW21" s="82">
        <v>170</v>
      </c>
      <c r="GX21" s="82">
        <v>129</v>
      </c>
      <c r="GY21" s="82">
        <v>96</v>
      </c>
      <c r="GZ21" s="82">
        <v>74</v>
      </c>
      <c r="HA21" s="82">
        <v>43</v>
      </c>
      <c r="HB21" s="84">
        <v>512</v>
      </c>
      <c r="HC21" s="85">
        <v>695</v>
      </c>
      <c r="HD21" s="70">
        <v>0</v>
      </c>
      <c r="HE21" s="71">
        <v>3</v>
      </c>
      <c r="HF21" s="72">
        <v>3</v>
      </c>
      <c r="HG21" s="244"/>
      <c r="HH21" s="71">
        <v>4</v>
      </c>
      <c r="HI21" s="71">
        <v>2</v>
      </c>
      <c r="HJ21" s="71">
        <v>1</v>
      </c>
      <c r="HK21" s="71">
        <v>1</v>
      </c>
      <c r="HL21" s="71">
        <v>2</v>
      </c>
      <c r="HM21" s="72">
        <v>10</v>
      </c>
      <c r="HN21" s="73">
        <v>13</v>
      </c>
      <c r="HO21" s="70">
        <v>4</v>
      </c>
      <c r="HP21" s="71">
        <v>4</v>
      </c>
      <c r="HQ21" s="72">
        <v>8</v>
      </c>
      <c r="HR21" s="244"/>
      <c r="HS21" s="71">
        <v>11</v>
      </c>
      <c r="HT21" s="71">
        <v>4</v>
      </c>
      <c r="HU21" s="71">
        <v>3</v>
      </c>
      <c r="HV21" s="71">
        <v>5</v>
      </c>
      <c r="HW21" s="71">
        <v>3</v>
      </c>
      <c r="HX21" s="72">
        <v>26</v>
      </c>
      <c r="HY21" s="73">
        <v>34</v>
      </c>
      <c r="HZ21" s="70">
        <v>8</v>
      </c>
      <c r="IA21" s="71">
        <v>11</v>
      </c>
      <c r="IB21" s="72">
        <v>19</v>
      </c>
      <c r="IC21" s="244"/>
      <c r="ID21" s="71">
        <v>11</v>
      </c>
      <c r="IE21" s="71">
        <v>10</v>
      </c>
      <c r="IF21" s="71">
        <v>8</v>
      </c>
      <c r="IG21" s="71">
        <v>5</v>
      </c>
      <c r="IH21" s="71">
        <v>5</v>
      </c>
      <c r="II21" s="72">
        <v>39</v>
      </c>
      <c r="IJ21" s="73">
        <v>58</v>
      </c>
      <c r="IK21" s="70">
        <v>29</v>
      </c>
      <c r="IL21" s="71">
        <v>20</v>
      </c>
      <c r="IM21" s="72">
        <v>49</v>
      </c>
      <c r="IN21" s="244"/>
      <c r="IO21" s="71">
        <v>31</v>
      </c>
      <c r="IP21" s="71">
        <v>25</v>
      </c>
      <c r="IQ21" s="71">
        <v>13</v>
      </c>
      <c r="IR21" s="71">
        <v>12</v>
      </c>
      <c r="IS21" s="71">
        <v>10</v>
      </c>
      <c r="IT21" s="72">
        <v>91</v>
      </c>
      <c r="IU21" s="73">
        <v>140</v>
      </c>
      <c r="IV21" s="70">
        <v>27</v>
      </c>
      <c r="IW21" s="71">
        <v>28</v>
      </c>
      <c r="IX21" s="72">
        <v>55</v>
      </c>
      <c r="IY21" s="244"/>
      <c r="IZ21" s="71">
        <v>56</v>
      </c>
      <c r="JA21" s="71">
        <v>42</v>
      </c>
      <c r="JB21" s="71">
        <v>37</v>
      </c>
      <c r="JC21" s="71">
        <v>25</v>
      </c>
      <c r="JD21" s="71">
        <v>14</v>
      </c>
      <c r="JE21" s="72">
        <v>174</v>
      </c>
      <c r="JF21" s="73">
        <v>229</v>
      </c>
      <c r="JG21" s="70">
        <v>27</v>
      </c>
      <c r="JH21" s="71">
        <v>22</v>
      </c>
      <c r="JI21" s="72">
        <v>49</v>
      </c>
      <c r="JJ21" s="244"/>
      <c r="JK21" s="71">
        <v>57</v>
      </c>
      <c r="JL21" s="71">
        <v>46</v>
      </c>
      <c r="JM21" s="71">
        <v>34</v>
      </c>
      <c r="JN21" s="71">
        <v>26</v>
      </c>
      <c r="JO21" s="71">
        <v>9</v>
      </c>
      <c r="JP21" s="72">
        <v>172</v>
      </c>
      <c r="JQ21" s="73">
        <v>221</v>
      </c>
      <c r="JR21" s="70">
        <v>0</v>
      </c>
      <c r="JS21" s="71">
        <v>0</v>
      </c>
      <c r="JT21" s="72">
        <v>0</v>
      </c>
      <c r="JU21" s="244"/>
      <c r="JV21" s="71">
        <v>0</v>
      </c>
      <c r="JW21" s="71">
        <v>0</v>
      </c>
      <c r="JX21" s="71">
        <v>0</v>
      </c>
      <c r="JY21" s="71">
        <v>0</v>
      </c>
      <c r="JZ21" s="71">
        <v>0</v>
      </c>
      <c r="KA21" s="72">
        <v>0</v>
      </c>
      <c r="KB21" s="73">
        <v>0</v>
      </c>
      <c r="KC21" s="70">
        <v>95</v>
      </c>
      <c r="KD21" s="71">
        <v>88</v>
      </c>
      <c r="KE21" s="72">
        <v>183</v>
      </c>
      <c r="KF21" s="244"/>
      <c r="KG21" s="71">
        <v>170</v>
      </c>
      <c r="KH21" s="71">
        <v>129</v>
      </c>
      <c r="KI21" s="71">
        <v>96</v>
      </c>
      <c r="KJ21" s="71">
        <v>74</v>
      </c>
      <c r="KK21" s="71">
        <v>43</v>
      </c>
      <c r="KL21" s="72">
        <v>512</v>
      </c>
      <c r="KM21" s="73">
        <v>695</v>
      </c>
    </row>
    <row r="22" spans="2:299" ht="21" customHeight="1" x14ac:dyDescent="0.2">
      <c r="B22" s="126" t="s">
        <v>19</v>
      </c>
      <c r="C22" s="315">
        <v>37</v>
      </c>
      <c r="D22" s="82">
        <v>33</v>
      </c>
      <c r="E22" s="83">
        <v>70</v>
      </c>
      <c r="F22" s="241"/>
      <c r="G22" s="82">
        <v>71</v>
      </c>
      <c r="H22" s="82">
        <v>54</v>
      </c>
      <c r="I22" s="82">
        <v>29</v>
      </c>
      <c r="J22" s="82">
        <v>21</v>
      </c>
      <c r="K22" s="82">
        <v>11</v>
      </c>
      <c r="L22" s="84">
        <v>186</v>
      </c>
      <c r="M22" s="85">
        <v>256</v>
      </c>
      <c r="N22" s="86">
        <v>1</v>
      </c>
      <c r="O22" s="71">
        <v>0</v>
      </c>
      <c r="P22" s="72">
        <v>1</v>
      </c>
      <c r="Q22" s="244"/>
      <c r="R22" s="71">
        <v>1</v>
      </c>
      <c r="S22" s="71">
        <v>2</v>
      </c>
      <c r="T22" s="71">
        <v>0</v>
      </c>
      <c r="U22" s="71">
        <v>0</v>
      </c>
      <c r="V22" s="71">
        <v>0</v>
      </c>
      <c r="W22" s="72">
        <v>3</v>
      </c>
      <c r="X22" s="73">
        <v>4</v>
      </c>
      <c r="Y22" s="70">
        <v>1</v>
      </c>
      <c r="Z22" s="71">
        <v>1</v>
      </c>
      <c r="AA22" s="72">
        <v>2</v>
      </c>
      <c r="AB22" s="244"/>
      <c r="AC22" s="71">
        <v>1</v>
      </c>
      <c r="AD22" s="71">
        <v>5</v>
      </c>
      <c r="AE22" s="71">
        <v>0</v>
      </c>
      <c r="AF22" s="71">
        <v>0</v>
      </c>
      <c r="AG22" s="71">
        <v>0</v>
      </c>
      <c r="AH22" s="72">
        <v>6</v>
      </c>
      <c r="AI22" s="73">
        <v>8</v>
      </c>
      <c r="AJ22" s="86">
        <v>2</v>
      </c>
      <c r="AK22" s="71">
        <v>3</v>
      </c>
      <c r="AL22" s="72">
        <v>5</v>
      </c>
      <c r="AM22" s="244"/>
      <c r="AN22" s="71">
        <v>6</v>
      </c>
      <c r="AO22" s="71">
        <v>3</v>
      </c>
      <c r="AP22" s="71">
        <v>2</v>
      </c>
      <c r="AQ22" s="71">
        <v>1</v>
      </c>
      <c r="AR22" s="71">
        <v>2</v>
      </c>
      <c r="AS22" s="72">
        <v>14</v>
      </c>
      <c r="AT22" s="73">
        <v>19</v>
      </c>
      <c r="AU22" s="70">
        <v>9</v>
      </c>
      <c r="AV22" s="71">
        <v>7</v>
      </c>
      <c r="AW22" s="72">
        <v>16</v>
      </c>
      <c r="AX22" s="244"/>
      <c r="AY22" s="71">
        <v>13</v>
      </c>
      <c r="AZ22" s="71">
        <v>11</v>
      </c>
      <c r="BA22" s="71">
        <v>3</v>
      </c>
      <c r="BB22" s="71">
        <v>5</v>
      </c>
      <c r="BC22" s="71">
        <v>1</v>
      </c>
      <c r="BD22" s="72">
        <v>33</v>
      </c>
      <c r="BE22" s="73">
        <v>49</v>
      </c>
      <c r="BF22" s="86">
        <v>14</v>
      </c>
      <c r="BG22" s="71">
        <v>11</v>
      </c>
      <c r="BH22" s="72">
        <v>25</v>
      </c>
      <c r="BI22" s="244"/>
      <c r="BJ22" s="71">
        <v>28</v>
      </c>
      <c r="BK22" s="71">
        <v>18</v>
      </c>
      <c r="BL22" s="71">
        <v>9</v>
      </c>
      <c r="BM22" s="71">
        <v>9</v>
      </c>
      <c r="BN22" s="71">
        <v>4</v>
      </c>
      <c r="BO22" s="72">
        <v>68</v>
      </c>
      <c r="BP22" s="73">
        <v>93</v>
      </c>
      <c r="BQ22" s="70">
        <v>10</v>
      </c>
      <c r="BR22" s="71">
        <v>11</v>
      </c>
      <c r="BS22" s="72">
        <v>21</v>
      </c>
      <c r="BT22" s="244"/>
      <c r="BU22" s="71">
        <v>22</v>
      </c>
      <c r="BV22" s="71">
        <v>15</v>
      </c>
      <c r="BW22" s="71">
        <v>15</v>
      </c>
      <c r="BX22" s="71">
        <v>6</v>
      </c>
      <c r="BY22" s="71">
        <v>4</v>
      </c>
      <c r="BZ22" s="72">
        <v>62</v>
      </c>
      <c r="CA22" s="73">
        <v>83</v>
      </c>
      <c r="CB22" s="70">
        <v>0</v>
      </c>
      <c r="CC22" s="71">
        <v>0</v>
      </c>
      <c r="CD22" s="72">
        <v>0</v>
      </c>
      <c r="CE22" s="244"/>
      <c r="CF22" s="71">
        <v>0</v>
      </c>
      <c r="CG22" s="71">
        <v>0</v>
      </c>
      <c r="CH22" s="71">
        <v>0</v>
      </c>
      <c r="CI22" s="71">
        <v>0</v>
      </c>
      <c r="CJ22" s="71">
        <v>0</v>
      </c>
      <c r="CK22" s="72">
        <v>0</v>
      </c>
      <c r="CL22" s="73">
        <v>0</v>
      </c>
      <c r="CM22" s="70">
        <v>37</v>
      </c>
      <c r="CN22" s="71">
        <v>33</v>
      </c>
      <c r="CO22" s="72">
        <v>70</v>
      </c>
      <c r="CP22" s="244"/>
      <c r="CQ22" s="71">
        <v>71</v>
      </c>
      <c r="CR22" s="71">
        <v>54</v>
      </c>
      <c r="CS22" s="71">
        <v>29</v>
      </c>
      <c r="CT22" s="71">
        <v>21</v>
      </c>
      <c r="CU22" s="71">
        <v>11</v>
      </c>
      <c r="CV22" s="72">
        <v>186</v>
      </c>
      <c r="CW22" s="73">
        <v>256</v>
      </c>
      <c r="CX22" s="123">
        <v>2</v>
      </c>
      <c r="CY22" s="82">
        <v>7</v>
      </c>
      <c r="CZ22" s="83">
        <v>9</v>
      </c>
      <c r="DA22" s="241"/>
      <c r="DB22" s="82">
        <v>7</v>
      </c>
      <c r="DC22" s="82">
        <v>6</v>
      </c>
      <c r="DD22" s="82">
        <v>8</v>
      </c>
      <c r="DE22" s="82">
        <v>4</v>
      </c>
      <c r="DF22" s="82">
        <v>4</v>
      </c>
      <c r="DG22" s="84">
        <v>29</v>
      </c>
      <c r="DH22" s="85">
        <v>38</v>
      </c>
      <c r="DI22" s="86">
        <v>0</v>
      </c>
      <c r="DJ22" s="71">
        <v>0</v>
      </c>
      <c r="DK22" s="72">
        <v>0</v>
      </c>
      <c r="DL22" s="244"/>
      <c r="DM22" s="71">
        <v>0</v>
      </c>
      <c r="DN22" s="71">
        <v>0</v>
      </c>
      <c r="DO22" s="71">
        <v>1</v>
      </c>
      <c r="DP22" s="71">
        <v>0</v>
      </c>
      <c r="DQ22" s="71">
        <v>0</v>
      </c>
      <c r="DR22" s="72">
        <v>1</v>
      </c>
      <c r="DS22" s="73">
        <v>1</v>
      </c>
      <c r="DT22" s="70">
        <v>0</v>
      </c>
      <c r="DU22" s="71">
        <v>0</v>
      </c>
      <c r="DV22" s="72">
        <v>0</v>
      </c>
      <c r="DW22" s="244"/>
      <c r="DX22" s="71">
        <v>0</v>
      </c>
      <c r="DY22" s="71">
        <v>0</v>
      </c>
      <c r="DZ22" s="71">
        <v>0</v>
      </c>
      <c r="EA22" s="71">
        <v>0</v>
      </c>
      <c r="EB22" s="71">
        <v>0</v>
      </c>
      <c r="EC22" s="72">
        <v>0</v>
      </c>
      <c r="ED22" s="73">
        <v>0</v>
      </c>
      <c r="EE22" s="86">
        <v>1</v>
      </c>
      <c r="EF22" s="71">
        <v>1</v>
      </c>
      <c r="EG22" s="72">
        <v>2</v>
      </c>
      <c r="EH22" s="244"/>
      <c r="EI22" s="71">
        <v>1</v>
      </c>
      <c r="EJ22" s="71">
        <v>0</v>
      </c>
      <c r="EK22" s="71">
        <v>0</v>
      </c>
      <c r="EL22" s="71">
        <v>0</v>
      </c>
      <c r="EM22" s="71">
        <v>0</v>
      </c>
      <c r="EN22" s="72">
        <v>1</v>
      </c>
      <c r="EO22" s="73">
        <v>3</v>
      </c>
      <c r="EP22" s="70">
        <v>1</v>
      </c>
      <c r="EQ22" s="71">
        <v>4</v>
      </c>
      <c r="ER22" s="72">
        <v>5</v>
      </c>
      <c r="ES22" s="244"/>
      <c r="ET22" s="71">
        <v>2</v>
      </c>
      <c r="EU22" s="71">
        <v>0</v>
      </c>
      <c r="EV22" s="71">
        <v>2</v>
      </c>
      <c r="EW22" s="71">
        <v>0</v>
      </c>
      <c r="EX22" s="71">
        <v>0</v>
      </c>
      <c r="EY22" s="72">
        <v>4</v>
      </c>
      <c r="EZ22" s="73">
        <v>9</v>
      </c>
      <c r="FA22" s="86">
        <v>0</v>
      </c>
      <c r="FB22" s="71">
        <v>0</v>
      </c>
      <c r="FC22" s="72">
        <v>0</v>
      </c>
      <c r="FD22" s="244"/>
      <c r="FE22" s="71">
        <v>3</v>
      </c>
      <c r="FF22" s="71">
        <v>4</v>
      </c>
      <c r="FG22" s="71">
        <v>2</v>
      </c>
      <c r="FH22" s="71">
        <v>1</v>
      </c>
      <c r="FI22" s="71">
        <v>0</v>
      </c>
      <c r="FJ22" s="72">
        <v>10</v>
      </c>
      <c r="FK22" s="73">
        <v>10</v>
      </c>
      <c r="FL22" s="70">
        <v>0</v>
      </c>
      <c r="FM22" s="71">
        <v>2</v>
      </c>
      <c r="FN22" s="72">
        <v>2</v>
      </c>
      <c r="FO22" s="244"/>
      <c r="FP22" s="71">
        <v>1</v>
      </c>
      <c r="FQ22" s="71">
        <v>2</v>
      </c>
      <c r="FR22" s="71">
        <v>3</v>
      </c>
      <c r="FS22" s="71">
        <v>3</v>
      </c>
      <c r="FT22" s="71">
        <v>4</v>
      </c>
      <c r="FU22" s="72">
        <v>13</v>
      </c>
      <c r="FV22" s="73">
        <v>15</v>
      </c>
      <c r="FW22" s="70">
        <v>0</v>
      </c>
      <c r="FX22" s="71">
        <v>0</v>
      </c>
      <c r="FY22" s="72">
        <v>0</v>
      </c>
      <c r="FZ22" s="244"/>
      <c r="GA22" s="71">
        <v>0</v>
      </c>
      <c r="GB22" s="71">
        <v>0</v>
      </c>
      <c r="GC22" s="71">
        <v>0</v>
      </c>
      <c r="GD22" s="71">
        <v>0</v>
      </c>
      <c r="GE22" s="71">
        <v>0</v>
      </c>
      <c r="GF22" s="72">
        <v>0</v>
      </c>
      <c r="GG22" s="73">
        <v>0</v>
      </c>
      <c r="GH22" s="70">
        <v>2</v>
      </c>
      <c r="GI22" s="71">
        <v>7</v>
      </c>
      <c r="GJ22" s="72">
        <v>9</v>
      </c>
      <c r="GK22" s="244"/>
      <c r="GL22" s="71">
        <v>7</v>
      </c>
      <c r="GM22" s="71">
        <v>6</v>
      </c>
      <c r="GN22" s="71">
        <v>8</v>
      </c>
      <c r="GO22" s="71">
        <v>4</v>
      </c>
      <c r="GP22" s="71">
        <v>4</v>
      </c>
      <c r="GQ22" s="72">
        <v>29</v>
      </c>
      <c r="GR22" s="73">
        <v>38</v>
      </c>
      <c r="GS22" s="123">
        <v>39</v>
      </c>
      <c r="GT22" s="82">
        <v>40</v>
      </c>
      <c r="GU22" s="83">
        <v>79</v>
      </c>
      <c r="GV22" s="241"/>
      <c r="GW22" s="82">
        <v>78</v>
      </c>
      <c r="GX22" s="82">
        <v>60</v>
      </c>
      <c r="GY22" s="82">
        <v>37</v>
      </c>
      <c r="GZ22" s="82">
        <v>25</v>
      </c>
      <c r="HA22" s="82">
        <v>15</v>
      </c>
      <c r="HB22" s="84">
        <v>215</v>
      </c>
      <c r="HC22" s="85">
        <v>294</v>
      </c>
      <c r="HD22" s="86">
        <v>1</v>
      </c>
      <c r="HE22" s="71">
        <v>0</v>
      </c>
      <c r="HF22" s="72">
        <v>1</v>
      </c>
      <c r="HG22" s="244"/>
      <c r="HH22" s="71">
        <v>1</v>
      </c>
      <c r="HI22" s="71">
        <v>2</v>
      </c>
      <c r="HJ22" s="71">
        <v>1</v>
      </c>
      <c r="HK22" s="71">
        <v>0</v>
      </c>
      <c r="HL22" s="71">
        <v>0</v>
      </c>
      <c r="HM22" s="72">
        <v>4</v>
      </c>
      <c r="HN22" s="73">
        <v>5</v>
      </c>
      <c r="HO22" s="70">
        <v>1</v>
      </c>
      <c r="HP22" s="71">
        <v>1</v>
      </c>
      <c r="HQ22" s="72">
        <v>2</v>
      </c>
      <c r="HR22" s="244"/>
      <c r="HS22" s="71">
        <v>1</v>
      </c>
      <c r="HT22" s="71">
        <v>5</v>
      </c>
      <c r="HU22" s="71">
        <v>0</v>
      </c>
      <c r="HV22" s="71">
        <v>0</v>
      </c>
      <c r="HW22" s="71">
        <v>0</v>
      </c>
      <c r="HX22" s="72">
        <v>6</v>
      </c>
      <c r="HY22" s="73">
        <v>8</v>
      </c>
      <c r="HZ22" s="86">
        <v>3</v>
      </c>
      <c r="IA22" s="71">
        <v>4</v>
      </c>
      <c r="IB22" s="72">
        <v>7</v>
      </c>
      <c r="IC22" s="244"/>
      <c r="ID22" s="71">
        <v>7</v>
      </c>
      <c r="IE22" s="71">
        <v>3</v>
      </c>
      <c r="IF22" s="71">
        <v>2</v>
      </c>
      <c r="IG22" s="71">
        <v>1</v>
      </c>
      <c r="IH22" s="71">
        <v>2</v>
      </c>
      <c r="II22" s="72">
        <v>15</v>
      </c>
      <c r="IJ22" s="73">
        <v>22</v>
      </c>
      <c r="IK22" s="70">
        <v>10</v>
      </c>
      <c r="IL22" s="71">
        <v>11</v>
      </c>
      <c r="IM22" s="72">
        <v>21</v>
      </c>
      <c r="IN22" s="244"/>
      <c r="IO22" s="71">
        <v>15</v>
      </c>
      <c r="IP22" s="71">
        <v>11</v>
      </c>
      <c r="IQ22" s="71">
        <v>5</v>
      </c>
      <c r="IR22" s="71">
        <v>5</v>
      </c>
      <c r="IS22" s="71">
        <v>1</v>
      </c>
      <c r="IT22" s="72">
        <v>37</v>
      </c>
      <c r="IU22" s="73">
        <v>58</v>
      </c>
      <c r="IV22" s="86">
        <v>14</v>
      </c>
      <c r="IW22" s="71">
        <v>11</v>
      </c>
      <c r="IX22" s="72">
        <v>25</v>
      </c>
      <c r="IY22" s="244"/>
      <c r="IZ22" s="71">
        <v>31</v>
      </c>
      <c r="JA22" s="71">
        <v>22</v>
      </c>
      <c r="JB22" s="71">
        <v>11</v>
      </c>
      <c r="JC22" s="71">
        <v>10</v>
      </c>
      <c r="JD22" s="71">
        <v>4</v>
      </c>
      <c r="JE22" s="72">
        <v>78</v>
      </c>
      <c r="JF22" s="73">
        <v>103</v>
      </c>
      <c r="JG22" s="70">
        <v>10</v>
      </c>
      <c r="JH22" s="71">
        <v>13</v>
      </c>
      <c r="JI22" s="72">
        <v>23</v>
      </c>
      <c r="JJ22" s="244"/>
      <c r="JK22" s="71">
        <v>23</v>
      </c>
      <c r="JL22" s="71">
        <v>17</v>
      </c>
      <c r="JM22" s="71">
        <v>18</v>
      </c>
      <c r="JN22" s="71">
        <v>9</v>
      </c>
      <c r="JO22" s="71">
        <v>8</v>
      </c>
      <c r="JP22" s="72">
        <v>75</v>
      </c>
      <c r="JQ22" s="73">
        <v>98</v>
      </c>
      <c r="JR22" s="70">
        <v>0</v>
      </c>
      <c r="JS22" s="71">
        <v>0</v>
      </c>
      <c r="JT22" s="72">
        <v>0</v>
      </c>
      <c r="JU22" s="244"/>
      <c r="JV22" s="71">
        <v>0</v>
      </c>
      <c r="JW22" s="71">
        <v>0</v>
      </c>
      <c r="JX22" s="71">
        <v>0</v>
      </c>
      <c r="JY22" s="71">
        <v>0</v>
      </c>
      <c r="JZ22" s="71">
        <v>0</v>
      </c>
      <c r="KA22" s="72">
        <v>0</v>
      </c>
      <c r="KB22" s="73">
        <v>0</v>
      </c>
      <c r="KC22" s="70">
        <v>39</v>
      </c>
      <c r="KD22" s="71">
        <v>40</v>
      </c>
      <c r="KE22" s="72">
        <v>79</v>
      </c>
      <c r="KF22" s="244"/>
      <c r="KG22" s="71">
        <v>78</v>
      </c>
      <c r="KH22" s="71">
        <v>60</v>
      </c>
      <c r="KI22" s="71">
        <v>37</v>
      </c>
      <c r="KJ22" s="71">
        <v>25</v>
      </c>
      <c r="KK22" s="71">
        <v>15</v>
      </c>
      <c r="KL22" s="72">
        <v>215</v>
      </c>
      <c r="KM22" s="73">
        <v>294</v>
      </c>
    </row>
    <row r="23" spans="2:299" ht="21" customHeight="1" x14ac:dyDescent="0.2">
      <c r="B23" s="126" t="s">
        <v>20</v>
      </c>
      <c r="C23" s="315">
        <v>54</v>
      </c>
      <c r="D23" s="82">
        <v>71</v>
      </c>
      <c r="E23" s="83">
        <v>125</v>
      </c>
      <c r="F23" s="241"/>
      <c r="G23" s="82">
        <v>112</v>
      </c>
      <c r="H23" s="82">
        <v>70</v>
      </c>
      <c r="I23" s="82">
        <v>54</v>
      </c>
      <c r="J23" s="82">
        <v>39</v>
      </c>
      <c r="K23" s="82">
        <v>21</v>
      </c>
      <c r="L23" s="84">
        <v>296</v>
      </c>
      <c r="M23" s="85">
        <v>421</v>
      </c>
      <c r="N23" s="70">
        <v>1</v>
      </c>
      <c r="O23" s="71">
        <v>1</v>
      </c>
      <c r="P23" s="72">
        <v>2</v>
      </c>
      <c r="Q23" s="244"/>
      <c r="R23" s="71">
        <v>2</v>
      </c>
      <c r="S23" s="71">
        <v>2</v>
      </c>
      <c r="T23" s="71">
        <v>2</v>
      </c>
      <c r="U23" s="71">
        <v>0</v>
      </c>
      <c r="V23" s="71">
        <v>0</v>
      </c>
      <c r="W23" s="72">
        <v>6</v>
      </c>
      <c r="X23" s="73">
        <v>8</v>
      </c>
      <c r="Y23" s="70">
        <v>2</v>
      </c>
      <c r="Z23" s="71">
        <v>1</v>
      </c>
      <c r="AA23" s="72">
        <v>3</v>
      </c>
      <c r="AB23" s="244"/>
      <c r="AC23" s="71">
        <v>3</v>
      </c>
      <c r="AD23" s="71">
        <v>3</v>
      </c>
      <c r="AE23" s="71">
        <v>3</v>
      </c>
      <c r="AF23" s="71">
        <v>2</v>
      </c>
      <c r="AG23" s="71">
        <v>1</v>
      </c>
      <c r="AH23" s="72">
        <v>12</v>
      </c>
      <c r="AI23" s="73">
        <v>15</v>
      </c>
      <c r="AJ23" s="70">
        <v>6</v>
      </c>
      <c r="AK23" s="71">
        <v>7</v>
      </c>
      <c r="AL23" s="72">
        <v>13</v>
      </c>
      <c r="AM23" s="244"/>
      <c r="AN23" s="71">
        <v>7</v>
      </c>
      <c r="AO23" s="71">
        <v>5</v>
      </c>
      <c r="AP23" s="71">
        <v>8</v>
      </c>
      <c r="AQ23" s="71">
        <v>7</v>
      </c>
      <c r="AR23" s="71">
        <v>4</v>
      </c>
      <c r="AS23" s="72">
        <v>31</v>
      </c>
      <c r="AT23" s="73">
        <v>44</v>
      </c>
      <c r="AU23" s="70">
        <v>13</v>
      </c>
      <c r="AV23" s="71">
        <v>17</v>
      </c>
      <c r="AW23" s="72">
        <v>30</v>
      </c>
      <c r="AX23" s="244"/>
      <c r="AY23" s="71">
        <v>25</v>
      </c>
      <c r="AZ23" s="71">
        <v>13</v>
      </c>
      <c r="BA23" s="71">
        <v>14</v>
      </c>
      <c r="BB23" s="71">
        <v>8</v>
      </c>
      <c r="BC23" s="71">
        <v>5</v>
      </c>
      <c r="BD23" s="72">
        <v>65</v>
      </c>
      <c r="BE23" s="73">
        <v>95</v>
      </c>
      <c r="BF23" s="70">
        <v>19</v>
      </c>
      <c r="BG23" s="71">
        <v>27</v>
      </c>
      <c r="BH23" s="72">
        <v>46</v>
      </c>
      <c r="BI23" s="244"/>
      <c r="BJ23" s="71">
        <v>44</v>
      </c>
      <c r="BK23" s="71">
        <v>24</v>
      </c>
      <c r="BL23" s="71">
        <v>15</v>
      </c>
      <c r="BM23" s="71">
        <v>7</v>
      </c>
      <c r="BN23" s="71">
        <v>6</v>
      </c>
      <c r="BO23" s="72">
        <v>96</v>
      </c>
      <c r="BP23" s="73">
        <v>142</v>
      </c>
      <c r="BQ23" s="70">
        <v>13</v>
      </c>
      <c r="BR23" s="71">
        <v>18</v>
      </c>
      <c r="BS23" s="72">
        <v>31</v>
      </c>
      <c r="BT23" s="244"/>
      <c r="BU23" s="71">
        <v>31</v>
      </c>
      <c r="BV23" s="71">
        <v>23</v>
      </c>
      <c r="BW23" s="71">
        <v>12</v>
      </c>
      <c r="BX23" s="71">
        <v>15</v>
      </c>
      <c r="BY23" s="71">
        <v>5</v>
      </c>
      <c r="BZ23" s="72">
        <v>86</v>
      </c>
      <c r="CA23" s="73">
        <v>117</v>
      </c>
      <c r="CB23" s="70">
        <v>0</v>
      </c>
      <c r="CC23" s="71">
        <v>0</v>
      </c>
      <c r="CD23" s="72">
        <v>0</v>
      </c>
      <c r="CE23" s="244"/>
      <c r="CF23" s="71">
        <v>0</v>
      </c>
      <c r="CG23" s="71">
        <v>0</v>
      </c>
      <c r="CH23" s="71">
        <v>0</v>
      </c>
      <c r="CI23" s="71">
        <v>0</v>
      </c>
      <c r="CJ23" s="71">
        <v>0</v>
      </c>
      <c r="CK23" s="72">
        <v>0</v>
      </c>
      <c r="CL23" s="73">
        <v>0</v>
      </c>
      <c r="CM23" s="70">
        <v>54</v>
      </c>
      <c r="CN23" s="71">
        <v>71</v>
      </c>
      <c r="CO23" s="72">
        <v>125</v>
      </c>
      <c r="CP23" s="244"/>
      <c r="CQ23" s="71">
        <v>112</v>
      </c>
      <c r="CR23" s="71">
        <v>70</v>
      </c>
      <c r="CS23" s="71">
        <v>54</v>
      </c>
      <c r="CT23" s="71">
        <v>39</v>
      </c>
      <c r="CU23" s="71">
        <v>21</v>
      </c>
      <c r="CV23" s="72">
        <v>296</v>
      </c>
      <c r="CW23" s="73">
        <v>421</v>
      </c>
      <c r="CX23" s="123">
        <v>4</v>
      </c>
      <c r="CY23" s="82">
        <v>8</v>
      </c>
      <c r="CZ23" s="83">
        <v>12</v>
      </c>
      <c r="DA23" s="241"/>
      <c r="DB23" s="82">
        <v>13</v>
      </c>
      <c r="DC23" s="82">
        <v>6</v>
      </c>
      <c r="DD23" s="82">
        <v>4</v>
      </c>
      <c r="DE23" s="82">
        <v>5</v>
      </c>
      <c r="DF23" s="82">
        <v>4</v>
      </c>
      <c r="DG23" s="84">
        <v>32</v>
      </c>
      <c r="DH23" s="85">
        <v>44</v>
      </c>
      <c r="DI23" s="70">
        <v>0</v>
      </c>
      <c r="DJ23" s="71">
        <v>0</v>
      </c>
      <c r="DK23" s="72">
        <v>0</v>
      </c>
      <c r="DL23" s="244"/>
      <c r="DM23" s="71">
        <v>0</v>
      </c>
      <c r="DN23" s="71">
        <v>0</v>
      </c>
      <c r="DO23" s="71">
        <v>0</v>
      </c>
      <c r="DP23" s="71">
        <v>0</v>
      </c>
      <c r="DQ23" s="71">
        <v>0</v>
      </c>
      <c r="DR23" s="72">
        <v>0</v>
      </c>
      <c r="DS23" s="73">
        <v>0</v>
      </c>
      <c r="DT23" s="70">
        <v>1</v>
      </c>
      <c r="DU23" s="71">
        <v>0</v>
      </c>
      <c r="DV23" s="72">
        <v>1</v>
      </c>
      <c r="DW23" s="244"/>
      <c r="DX23" s="71">
        <v>0</v>
      </c>
      <c r="DY23" s="71">
        <v>1</v>
      </c>
      <c r="DZ23" s="71">
        <v>0</v>
      </c>
      <c r="EA23" s="71">
        <v>0</v>
      </c>
      <c r="EB23" s="71">
        <v>0</v>
      </c>
      <c r="EC23" s="72">
        <v>1</v>
      </c>
      <c r="ED23" s="73">
        <v>2</v>
      </c>
      <c r="EE23" s="70">
        <v>0</v>
      </c>
      <c r="EF23" s="71">
        <v>0</v>
      </c>
      <c r="EG23" s="72">
        <v>0</v>
      </c>
      <c r="EH23" s="244"/>
      <c r="EI23" s="71">
        <v>2</v>
      </c>
      <c r="EJ23" s="71">
        <v>0</v>
      </c>
      <c r="EK23" s="71">
        <v>1</v>
      </c>
      <c r="EL23" s="71">
        <v>0</v>
      </c>
      <c r="EM23" s="71">
        <v>0</v>
      </c>
      <c r="EN23" s="72">
        <v>3</v>
      </c>
      <c r="EO23" s="73">
        <v>3</v>
      </c>
      <c r="EP23" s="70">
        <v>3</v>
      </c>
      <c r="EQ23" s="71">
        <v>2</v>
      </c>
      <c r="ER23" s="72">
        <v>5</v>
      </c>
      <c r="ES23" s="244"/>
      <c r="ET23" s="71">
        <v>0</v>
      </c>
      <c r="EU23" s="71">
        <v>3</v>
      </c>
      <c r="EV23" s="71">
        <v>1</v>
      </c>
      <c r="EW23" s="71">
        <v>1</v>
      </c>
      <c r="EX23" s="71">
        <v>2</v>
      </c>
      <c r="EY23" s="72">
        <v>7</v>
      </c>
      <c r="EZ23" s="73">
        <v>12</v>
      </c>
      <c r="FA23" s="70">
        <v>0</v>
      </c>
      <c r="FB23" s="71">
        <v>3</v>
      </c>
      <c r="FC23" s="72">
        <v>3</v>
      </c>
      <c r="FD23" s="244"/>
      <c r="FE23" s="71">
        <v>5</v>
      </c>
      <c r="FF23" s="71">
        <v>1</v>
      </c>
      <c r="FG23" s="71">
        <v>2</v>
      </c>
      <c r="FH23" s="71">
        <v>1</v>
      </c>
      <c r="FI23" s="71">
        <v>0</v>
      </c>
      <c r="FJ23" s="72">
        <v>9</v>
      </c>
      <c r="FK23" s="73">
        <v>12</v>
      </c>
      <c r="FL23" s="70">
        <v>0</v>
      </c>
      <c r="FM23" s="71">
        <v>3</v>
      </c>
      <c r="FN23" s="72">
        <v>3</v>
      </c>
      <c r="FO23" s="244"/>
      <c r="FP23" s="71">
        <v>6</v>
      </c>
      <c r="FQ23" s="71">
        <v>1</v>
      </c>
      <c r="FR23" s="71">
        <v>0</v>
      </c>
      <c r="FS23" s="71">
        <v>3</v>
      </c>
      <c r="FT23" s="71">
        <v>2</v>
      </c>
      <c r="FU23" s="72">
        <v>12</v>
      </c>
      <c r="FV23" s="73">
        <v>15</v>
      </c>
      <c r="FW23" s="70">
        <v>0</v>
      </c>
      <c r="FX23" s="71">
        <v>0</v>
      </c>
      <c r="FY23" s="72">
        <v>0</v>
      </c>
      <c r="FZ23" s="244"/>
      <c r="GA23" s="71">
        <v>0</v>
      </c>
      <c r="GB23" s="71">
        <v>0</v>
      </c>
      <c r="GC23" s="71">
        <v>0</v>
      </c>
      <c r="GD23" s="71">
        <v>0</v>
      </c>
      <c r="GE23" s="71">
        <v>0</v>
      </c>
      <c r="GF23" s="72">
        <v>0</v>
      </c>
      <c r="GG23" s="73">
        <v>0</v>
      </c>
      <c r="GH23" s="70">
        <v>4</v>
      </c>
      <c r="GI23" s="71">
        <v>8</v>
      </c>
      <c r="GJ23" s="72">
        <v>12</v>
      </c>
      <c r="GK23" s="244"/>
      <c r="GL23" s="71">
        <v>13</v>
      </c>
      <c r="GM23" s="71">
        <v>6</v>
      </c>
      <c r="GN23" s="71">
        <v>4</v>
      </c>
      <c r="GO23" s="71">
        <v>5</v>
      </c>
      <c r="GP23" s="71">
        <v>4</v>
      </c>
      <c r="GQ23" s="72">
        <v>32</v>
      </c>
      <c r="GR23" s="73">
        <v>44</v>
      </c>
      <c r="GS23" s="123">
        <v>58</v>
      </c>
      <c r="GT23" s="82">
        <v>79</v>
      </c>
      <c r="GU23" s="83">
        <v>137</v>
      </c>
      <c r="GV23" s="241"/>
      <c r="GW23" s="82">
        <v>125</v>
      </c>
      <c r="GX23" s="82">
        <v>76</v>
      </c>
      <c r="GY23" s="82">
        <v>58</v>
      </c>
      <c r="GZ23" s="82">
        <v>44</v>
      </c>
      <c r="HA23" s="82">
        <v>25</v>
      </c>
      <c r="HB23" s="84">
        <v>328</v>
      </c>
      <c r="HC23" s="85">
        <v>465</v>
      </c>
      <c r="HD23" s="70">
        <v>1</v>
      </c>
      <c r="HE23" s="71">
        <v>1</v>
      </c>
      <c r="HF23" s="72">
        <v>2</v>
      </c>
      <c r="HG23" s="244"/>
      <c r="HH23" s="71">
        <v>2</v>
      </c>
      <c r="HI23" s="71">
        <v>2</v>
      </c>
      <c r="HJ23" s="71">
        <v>2</v>
      </c>
      <c r="HK23" s="71">
        <v>0</v>
      </c>
      <c r="HL23" s="71">
        <v>0</v>
      </c>
      <c r="HM23" s="72">
        <v>6</v>
      </c>
      <c r="HN23" s="73">
        <v>8</v>
      </c>
      <c r="HO23" s="70">
        <v>3</v>
      </c>
      <c r="HP23" s="71">
        <v>1</v>
      </c>
      <c r="HQ23" s="72">
        <v>4</v>
      </c>
      <c r="HR23" s="244"/>
      <c r="HS23" s="71">
        <v>3</v>
      </c>
      <c r="HT23" s="71">
        <v>4</v>
      </c>
      <c r="HU23" s="71">
        <v>3</v>
      </c>
      <c r="HV23" s="71">
        <v>2</v>
      </c>
      <c r="HW23" s="71">
        <v>1</v>
      </c>
      <c r="HX23" s="72">
        <v>13</v>
      </c>
      <c r="HY23" s="73">
        <v>17</v>
      </c>
      <c r="HZ23" s="70">
        <v>6</v>
      </c>
      <c r="IA23" s="71">
        <v>7</v>
      </c>
      <c r="IB23" s="72">
        <v>13</v>
      </c>
      <c r="IC23" s="244"/>
      <c r="ID23" s="71">
        <v>9</v>
      </c>
      <c r="IE23" s="71">
        <v>5</v>
      </c>
      <c r="IF23" s="71">
        <v>9</v>
      </c>
      <c r="IG23" s="71">
        <v>7</v>
      </c>
      <c r="IH23" s="71">
        <v>4</v>
      </c>
      <c r="II23" s="72">
        <v>34</v>
      </c>
      <c r="IJ23" s="73">
        <v>47</v>
      </c>
      <c r="IK23" s="70">
        <v>16</v>
      </c>
      <c r="IL23" s="71">
        <v>19</v>
      </c>
      <c r="IM23" s="72">
        <v>35</v>
      </c>
      <c r="IN23" s="244"/>
      <c r="IO23" s="71">
        <v>25</v>
      </c>
      <c r="IP23" s="71">
        <v>16</v>
      </c>
      <c r="IQ23" s="71">
        <v>15</v>
      </c>
      <c r="IR23" s="71">
        <v>9</v>
      </c>
      <c r="IS23" s="71">
        <v>7</v>
      </c>
      <c r="IT23" s="72">
        <v>72</v>
      </c>
      <c r="IU23" s="73">
        <v>107</v>
      </c>
      <c r="IV23" s="70">
        <v>19</v>
      </c>
      <c r="IW23" s="71">
        <v>30</v>
      </c>
      <c r="IX23" s="72">
        <v>49</v>
      </c>
      <c r="IY23" s="244"/>
      <c r="IZ23" s="71">
        <v>49</v>
      </c>
      <c r="JA23" s="71">
        <v>25</v>
      </c>
      <c r="JB23" s="71">
        <v>17</v>
      </c>
      <c r="JC23" s="71">
        <v>8</v>
      </c>
      <c r="JD23" s="71">
        <v>6</v>
      </c>
      <c r="JE23" s="72">
        <v>105</v>
      </c>
      <c r="JF23" s="73">
        <v>154</v>
      </c>
      <c r="JG23" s="70">
        <v>13</v>
      </c>
      <c r="JH23" s="71">
        <v>21</v>
      </c>
      <c r="JI23" s="72">
        <v>34</v>
      </c>
      <c r="JJ23" s="244"/>
      <c r="JK23" s="71">
        <v>37</v>
      </c>
      <c r="JL23" s="71">
        <v>24</v>
      </c>
      <c r="JM23" s="71">
        <v>12</v>
      </c>
      <c r="JN23" s="71">
        <v>18</v>
      </c>
      <c r="JO23" s="71">
        <v>7</v>
      </c>
      <c r="JP23" s="72">
        <v>98</v>
      </c>
      <c r="JQ23" s="73">
        <v>132</v>
      </c>
      <c r="JR23" s="70">
        <v>0</v>
      </c>
      <c r="JS23" s="71">
        <v>0</v>
      </c>
      <c r="JT23" s="72">
        <v>0</v>
      </c>
      <c r="JU23" s="244"/>
      <c r="JV23" s="71">
        <v>0</v>
      </c>
      <c r="JW23" s="71">
        <v>0</v>
      </c>
      <c r="JX23" s="71">
        <v>0</v>
      </c>
      <c r="JY23" s="71">
        <v>0</v>
      </c>
      <c r="JZ23" s="71">
        <v>0</v>
      </c>
      <c r="KA23" s="72">
        <v>0</v>
      </c>
      <c r="KB23" s="73">
        <v>0</v>
      </c>
      <c r="KC23" s="70">
        <v>58</v>
      </c>
      <c r="KD23" s="71">
        <v>79</v>
      </c>
      <c r="KE23" s="72">
        <v>137</v>
      </c>
      <c r="KF23" s="244"/>
      <c r="KG23" s="71">
        <v>125</v>
      </c>
      <c r="KH23" s="71">
        <v>76</v>
      </c>
      <c r="KI23" s="71">
        <v>58</v>
      </c>
      <c r="KJ23" s="71">
        <v>44</v>
      </c>
      <c r="KK23" s="71">
        <v>25</v>
      </c>
      <c r="KL23" s="72">
        <v>328</v>
      </c>
      <c r="KM23" s="73">
        <v>465</v>
      </c>
    </row>
    <row r="24" spans="2:299" ht="21" customHeight="1" x14ac:dyDescent="0.2">
      <c r="B24" s="126" t="s">
        <v>21</v>
      </c>
      <c r="C24" s="315">
        <v>57</v>
      </c>
      <c r="D24" s="82">
        <v>44</v>
      </c>
      <c r="E24" s="83">
        <v>101</v>
      </c>
      <c r="F24" s="241"/>
      <c r="G24" s="82">
        <v>59</v>
      </c>
      <c r="H24" s="82">
        <v>66</v>
      </c>
      <c r="I24" s="82">
        <v>41</v>
      </c>
      <c r="J24" s="82">
        <v>38</v>
      </c>
      <c r="K24" s="82">
        <v>23</v>
      </c>
      <c r="L24" s="84">
        <v>227</v>
      </c>
      <c r="M24" s="85">
        <v>328</v>
      </c>
      <c r="N24" s="70">
        <v>0</v>
      </c>
      <c r="O24" s="71">
        <v>2</v>
      </c>
      <c r="P24" s="72">
        <v>2</v>
      </c>
      <c r="Q24" s="244"/>
      <c r="R24" s="71">
        <v>0</v>
      </c>
      <c r="S24" s="71">
        <v>2</v>
      </c>
      <c r="T24" s="71">
        <v>0</v>
      </c>
      <c r="U24" s="71">
        <v>0</v>
      </c>
      <c r="V24" s="71">
        <v>1</v>
      </c>
      <c r="W24" s="72">
        <v>3</v>
      </c>
      <c r="X24" s="73">
        <v>5</v>
      </c>
      <c r="Y24" s="70">
        <v>3</v>
      </c>
      <c r="Z24" s="71">
        <v>3</v>
      </c>
      <c r="AA24" s="72">
        <v>6</v>
      </c>
      <c r="AB24" s="244"/>
      <c r="AC24" s="71">
        <v>3</v>
      </c>
      <c r="AD24" s="71">
        <v>5</v>
      </c>
      <c r="AE24" s="71">
        <v>2</v>
      </c>
      <c r="AF24" s="71">
        <v>3</v>
      </c>
      <c r="AG24" s="71">
        <v>1</v>
      </c>
      <c r="AH24" s="72">
        <v>14</v>
      </c>
      <c r="AI24" s="73">
        <v>20</v>
      </c>
      <c r="AJ24" s="70">
        <v>4</v>
      </c>
      <c r="AK24" s="71">
        <v>4</v>
      </c>
      <c r="AL24" s="72">
        <v>8</v>
      </c>
      <c r="AM24" s="244"/>
      <c r="AN24" s="71">
        <v>6</v>
      </c>
      <c r="AO24" s="71">
        <v>7</v>
      </c>
      <c r="AP24" s="71">
        <v>4</v>
      </c>
      <c r="AQ24" s="71">
        <v>5</v>
      </c>
      <c r="AR24" s="71">
        <v>1</v>
      </c>
      <c r="AS24" s="72">
        <v>23</v>
      </c>
      <c r="AT24" s="73">
        <v>31</v>
      </c>
      <c r="AU24" s="70">
        <v>11</v>
      </c>
      <c r="AV24" s="71">
        <v>7</v>
      </c>
      <c r="AW24" s="72">
        <v>18</v>
      </c>
      <c r="AX24" s="244"/>
      <c r="AY24" s="71">
        <v>16</v>
      </c>
      <c r="AZ24" s="71">
        <v>16</v>
      </c>
      <c r="BA24" s="71">
        <v>8</v>
      </c>
      <c r="BB24" s="71">
        <v>7</v>
      </c>
      <c r="BC24" s="71">
        <v>1</v>
      </c>
      <c r="BD24" s="72">
        <v>48</v>
      </c>
      <c r="BE24" s="73">
        <v>66</v>
      </c>
      <c r="BF24" s="70">
        <v>25</v>
      </c>
      <c r="BG24" s="71">
        <v>12</v>
      </c>
      <c r="BH24" s="72">
        <v>37</v>
      </c>
      <c r="BI24" s="244"/>
      <c r="BJ24" s="71">
        <v>19</v>
      </c>
      <c r="BK24" s="71">
        <v>18</v>
      </c>
      <c r="BL24" s="71">
        <v>10</v>
      </c>
      <c r="BM24" s="71">
        <v>16</v>
      </c>
      <c r="BN24" s="71">
        <v>16</v>
      </c>
      <c r="BO24" s="72">
        <v>79</v>
      </c>
      <c r="BP24" s="73">
        <v>116</v>
      </c>
      <c r="BQ24" s="70">
        <v>14</v>
      </c>
      <c r="BR24" s="71">
        <v>16</v>
      </c>
      <c r="BS24" s="72">
        <v>30</v>
      </c>
      <c r="BT24" s="244"/>
      <c r="BU24" s="71">
        <v>15</v>
      </c>
      <c r="BV24" s="71">
        <v>18</v>
      </c>
      <c r="BW24" s="71">
        <v>17</v>
      </c>
      <c r="BX24" s="71">
        <v>7</v>
      </c>
      <c r="BY24" s="71">
        <v>3</v>
      </c>
      <c r="BZ24" s="72">
        <v>60</v>
      </c>
      <c r="CA24" s="73">
        <v>90</v>
      </c>
      <c r="CB24" s="70">
        <v>0</v>
      </c>
      <c r="CC24" s="71">
        <v>0</v>
      </c>
      <c r="CD24" s="72">
        <v>0</v>
      </c>
      <c r="CE24" s="244"/>
      <c r="CF24" s="71">
        <v>0</v>
      </c>
      <c r="CG24" s="71">
        <v>0</v>
      </c>
      <c r="CH24" s="71">
        <v>0</v>
      </c>
      <c r="CI24" s="71">
        <v>0</v>
      </c>
      <c r="CJ24" s="71">
        <v>0</v>
      </c>
      <c r="CK24" s="72">
        <v>0</v>
      </c>
      <c r="CL24" s="73">
        <v>0</v>
      </c>
      <c r="CM24" s="70">
        <v>57</v>
      </c>
      <c r="CN24" s="71">
        <v>44</v>
      </c>
      <c r="CO24" s="72">
        <v>101</v>
      </c>
      <c r="CP24" s="244"/>
      <c r="CQ24" s="71">
        <v>59</v>
      </c>
      <c r="CR24" s="71">
        <v>66</v>
      </c>
      <c r="CS24" s="71">
        <v>41</v>
      </c>
      <c r="CT24" s="71">
        <v>38</v>
      </c>
      <c r="CU24" s="71">
        <v>23</v>
      </c>
      <c r="CV24" s="72">
        <v>227</v>
      </c>
      <c r="CW24" s="73">
        <v>328</v>
      </c>
      <c r="CX24" s="123">
        <v>3</v>
      </c>
      <c r="CY24" s="82">
        <v>2</v>
      </c>
      <c r="CZ24" s="83">
        <v>5</v>
      </c>
      <c r="DA24" s="241"/>
      <c r="DB24" s="82">
        <v>8</v>
      </c>
      <c r="DC24" s="82">
        <v>8</v>
      </c>
      <c r="DD24" s="82">
        <v>9</v>
      </c>
      <c r="DE24" s="82">
        <v>10</v>
      </c>
      <c r="DF24" s="82">
        <v>5</v>
      </c>
      <c r="DG24" s="84">
        <v>40</v>
      </c>
      <c r="DH24" s="85">
        <v>45</v>
      </c>
      <c r="DI24" s="70">
        <v>0</v>
      </c>
      <c r="DJ24" s="71">
        <v>0</v>
      </c>
      <c r="DK24" s="72">
        <v>0</v>
      </c>
      <c r="DL24" s="244"/>
      <c r="DM24" s="71">
        <v>0</v>
      </c>
      <c r="DN24" s="71">
        <v>0</v>
      </c>
      <c r="DO24" s="71">
        <v>1</v>
      </c>
      <c r="DP24" s="71">
        <v>0</v>
      </c>
      <c r="DQ24" s="71">
        <v>0</v>
      </c>
      <c r="DR24" s="72">
        <v>1</v>
      </c>
      <c r="DS24" s="73">
        <v>1</v>
      </c>
      <c r="DT24" s="70">
        <v>0</v>
      </c>
      <c r="DU24" s="71">
        <v>0</v>
      </c>
      <c r="DV24" s="72">
        <v>0</v>
      </c>
      <c r="DW24" s="244"/>
      <c r="DX24" s="71">
        <v>0</v>
      </c>
      <c r="DY24" s="71">
        <v>1</v>
      </c>
      <c r="DZ24" s="71">
        <v>1</v>
      </c>
      <c r="EA24" s="71">
        <v>0</v>
      </c>
      <c r="EB24" s="71">
        <v>0</v>
      </c>
      <c r="EC24" s="72">
        <v>2</v>
      </c>
      <c r="ED24" s="73">
        <v>2</v>
      </c>
      <c r="EE24" s="70">
        <v>0</v>
      </c>
      <c r="EF24" s="71">
        <v>1</v>
      </c>
      <c r="EG24" s="72">
        <v>1</v>
      </c>
      <c r="EH24" s="244"/>
      <c r="EI24" s="71">
        <v>0</v>
      </c>
      <c r="EJ24" s="71">
        <v>0</v>
      </c>
      <c r="EK24" s="71">
        <v>0</v>
      </c>
      <c r="EL24" s="71">
        <v>0</v>
      </c>
      <c r="EM24" s="71">
        <v>0</v>
      </c>
      <c r="EN24" s="72">
        <v>0</v>
      </c>
      <c r="EO24" s="73">
        <v>1</v>
      </c>
      <c r="EP24" s="70">
        <v>0</v>
      </c>
      <c r="EQ24" s="71">
        <v>0</v>
      </c>
      <c r="ER24" s="72">
        <v>0</v>
      </c>
      <c r="ES24" s="244"/>
      <c r="ET24" s="71">
        <v>0</v>
      </c>
      <c r="EU24" s="71">
        <v>1</v>
      </c>
      <c r="EV24" s="71">
        <v>2</v>
      </c>
      <c r="EW24" s="71">
        <v>0</v>
      </c>
      <c r="EX24" s="71">
        <v>0</v>
      </c>
      <c r="EY24" s="72">
        <v>3</v>
      </c>
      <c r="EZ24" s="73">
        <v>3</v>
      </c>
      <c r="FA24" s="70">
        <v>1</v>
      </c>
      <c r="FB24" s="71">
        <v>0</v>
      </c>
      <c r="FC24" s="72">
        <v>1</v>
      </c>
      <c r="FD24" s="244"/>
      <c r="FE24" s="71">
        <v>4</v>
      </c>
      <c r="FF24" s="71">
        <v>2</v>
      </c>
      <c r="FG24" s="71">
        <v>2</v>
      </c>
      <c r="FH24" s="71">
        <v>4</v>
      </c>
      <c r="FI24" s="71">
        <v>2</v>
      </c>
      <c r="FJ24" s="72">
        <v>14</v>
      </c>
      <c r="FK24" s="73">
        <v>15</v>
      </c>
      <c r="FL24" s="70">
        <v>2</v>
      </c>
      <c r="FM24" s="71">
        <v>1</v>
      </c>
      <c r="FN24" s="72">
        <v>3</v>
      </c>
      <c r="FO24" s="244"/>
      <c r="FP24" s="71">
        <v>4</v>
      </c>
      <c r="FQ24" s="71">
        <v>4</v>
      </c>
      <c r="FR24" s="71">
        <v>3</v>
      </c>
      <c r="FS24" s="71">
        <v>6</v>
      </c>
      <c r="FT24" s="71">
        <v>3</v>
      </c>
      <c r="FU24" s="72">
        <v>20</v>
      </c>
      <c r="FV24" s="73">
        <v>23</v>
      </c>
      <c r="FW24" s="70">
        <v>0</v>
      </c>
      <c r="FX24" s="71">
        <v>0</v>
      </c>
      <c r="FY24" s="72">
        <v>0</v>
      </c>
      <c r="FZ24" s="244"/>
      <c r="GA24" s="71">
        <v>0</v>
      </c>
      <c r="GB24" s="71">
        <v>0</v>
      </c>
      <c r="GC24" s="71">
        <v>0</v>
      </c>
      <c r="GD24" s="71">
        <v>0</v>
      </c>
      <c r="GE24" s="71">
        <v>0</v>
      </c>
      <c r="GF24" s="72">
        <v>0</v>
      </c>
      <c r="GG24" s="73">
        <v>0</v>
      </c>
      <c r="GH24" s="70">
        <v>3</v>
      </c>
      <c r="GI24" s="71">
        <v>2</v>
      </c>
      <c r="GJ24" s="72">
        <v>5</v>
      </c>
      <c r="GK24" s="244"/>
      <c r="GL24" s="71">
        <v>8</v>
      </c>
      <c r="GM24" s="71">
        <v>8</v>
      </c>
      <c r="GN24" s="71">
        <v>9</v>
      </c>
      <c r="GO24" s="71">
        <v>10</v>
      </c>
      <c r="GP24" s="71">
        <v>5</v>
      </c>
      <c r="GQ24" s="72">
        <v>40</v>
      </c>
      <c r="GR24" s="73">
        <v>45</v>
      </c>
      <c r="GS24" s="123">
        <v>60</v>
      </c>
      <c r="GT24" s="82">
        <v>46</v>
      </c>
      <c r="GU24" s="83">
        <v>106</v>
      </c>
      <c r="GV24" s="241"/>
      <c r="GW24" s="82">
        <v>67</v>
      </c>
      <c r="GX24" s="82">
        <v>74</v>
      </c>
      <c r="GY24" s="82">
        <v>50</v>
      </c>
      <c r="GZ24" s="82">
        <v>48</v>
      </c>
      <c r="HA24" s="82">
        <v>28</v>
      </c>
      <c r="HB24" s="84">
        <v>267</v>
      </c>
      <c r="HC24" s="85">
        <v>373</v>
      </c>
      <c r="HD24" s="70">
        <v>0</v>
      </c>
      <c r="HE24" s="71">
        <v>2</v>
      </c>
      <c r="HF24" s="72">
        <v>2</v>
      </c>
      <c r="HG24" s="244"/>
      <c r="HH24" s="71">
        <v>0</v>
      </c>
      <c r="HI24" s="71">
        <v>2</v>
      </c>
      <c r="HJ24" s="71">
        <v>1</v>
      </c>
      <c r="HK24" s="71">
        <v>0</v>
      </c>
      <c r="HL24" s="71">
        <v>1</v>
      </c>
      <c r="HM24" s="72">
        <v>4</v>
      </c>
      <c r="HN24" s="73">
        <v>6</v>
      </c>
      <c r="HO24" s="70">
        <v>3</v>
      </c>
      <c r="HP24" s="71">
        <v>3</v>
      </c>
      <c r="HQ24" s="72">
        <v>6</v>
      </c>
      <c r="HR24" s="244"/>
      <c r="HS24" s="71">
        <v>3</v>
      </c>
      <c r="HT24" s="71">
        <v>6</v>
      </c>
      <c r="HU24" s="71">
        <v>3</v>
      </c>
      <c r="HV24" s="71">
        <v>3</v>
      </c>
      <c r="HW24" s="71">
        <v>1</v>
      </c>
      <c r="HX24" s="72">
        <v>16</v>
      </c>
      <c r="HY24" s="73">
        <v>22</v>
      </c>
      <c r="HZ24" s="70">
        <v>4</v>
      </c>
      <c r="IA24" s="71">
        <v>5</v>
      </c>
      <c r="IB24" s="72">
        <v>9</v>
      </c>
      <c r="IC24" s="244"/>
      <c r="ID24" s="71">
        <v>6</v>
      </c>
      <c r="IE24" s="71">
        <v>7</v>
      </c>
      <c r="IF24" s="71">
        <v>4</v>
      </c>
      <c r="IG24" s="71">
        <v>5</v>
      </c>
      <c r="IH24" s="71">
        <v>1</v>
      </c>
      <c r="II24" s="72">
        <v>23</v>
      </c>
      <c r="IJ24" s="73">
        <v>32</v>
      </c>
      <c r="IK24" s="70">
        <v>11</v>
      </c>
      <c r="IL24" s="71">
        <v>7</v>
      </c>
      <c r="IM24" s="72">
        <v>18</v>
      </c>
      <c r="IN24" s="244"/>
      <c r="IO24" s="71">
        <v>16</v>
      </c>
      <c r="IP24" s="71">
        <v>17</v>
      </c>
      <c r="IQ24" s="71">
        <v>10</v>
      </c>
      <c r="IR24" s="71">
        <v>7</v>
      </c>
      <c r="IS24" s="71">
        <v>1</v>
      </c>
      <c r="IT24" s="72">
        <v>51</v>
      </c>
      <c r="IU24" s="73">
        <v>69</v>
      </c>
      <c r="IV24" s="70">
        <v>26</v>
      </c>
      <c r="IW24" s="71">
        <v>12</v>
      </c>
      <c r="IX24" s="72">
        <v>38</v>
      </c>
      <c r="IY24" s="244"/>
      <c r="IZ24" s="71">
        <v>23</v>
      </c>
      <c r="JA24" s="71">
        <v>20</v>
      </c>
      <c r="JB24" s="71">
        <v>12</v>
      </c>
      <c r="JC24" s="71">
        <v>20</v>
      </c>
      <c r="JD24" s="71">
        <v>18</v>
      </c>
      <c r="JE24" s="72">
        <v>93</v>
      </c>
      <c r="JF24" s="73">
        <v>131</v>
      </c>
      <c r="JG24" s="70">
        <v>16</v>
      </c>
      <c r="JH24" s="71">
        <v>17</v>
      </c>
      <c r="JI24" s="72">
        <v>33</v>
      </c>
      <c r="JJ24" s="244"/>
      <c r="JK24" s="71">
        <v>19</v>
      </c>
      <c r="JL24" s="71">
        <v>22</v>
      </c>
      <c r="JM24" s="71">
        <v>20</v>
      </c>
      <c r="JN24" s="71">
        <v>13</v>
      </c>
      <c r="JO24" s="71">
        <v>6</v>
      </c>
      <c r="JP24" s="72">
        <v>80</v>
      </c>
      <c r="JQ24" s="73">
        <v>113</v>
      </c>
      <c r="JR24" s="70">
        <v>0</v>
      </c>
      <c r="JS24" s="71">
        <v>0</v>
      </c>
      <c r="JT24" s="72">
        <v>0</v>
      </c>
      <c r="JU24" s="244"/>
      <c r="JV24" s="71">
        <v>0</v>
      </c>
      <c r="JW24" s="71">
        <v>0</v>
      </c>
      <c r="JX24" s="71">
        <v>0</v>
      </c>
      <c r="JY24" s="71">
        <v>0</v>
      </c>
      <c r="JZ24" s="71">
        <v>0</v>
      </c>
      <c r="KA24" s="72">
        <v>0</v>
      </c>
      <c r="KB24" s="73">
        <v>0</v>
      </c>
      <c r="KC24" s="70">
        <v>60</v>
      </c>
      <c r="KD24" s="71">
        <v>46</v>
      </c>
      <c r="KE24" s="72">
        <v>106</v>
      </c>
      <c r="KF24" s="244"/>
      <c r="KG24" s="71">
        <v>67</v>
      </c>
      <c r="KH24" s="71">
        <v>74</v>
      </c>
      <c r="KI24" s="71">
        <v>50</v>
      </c>
      <c r="KJ24" s="71">
        <v>48</v>
      </c>
      <c r="KK24" s="71">
        <v>28</v>
      </c>
      <c r="KL24" s="72">
        <v>267</v>
      </c>
      <c r="KM24" s="73">
        <v>373</v>
      </c>
    </row>
    <row r="25" spans="2:299" ht="21" customHeight="1" x14ac:dyDescent="0.2">
      <c r="B25" s="126" t="s">
        <v>22</v>
      </c>
      <c r="C25" s="315">
        <v>19</v>
      </c>
      <c r="D25" s="82">
        <v>17</v>
      </c>
      <c r="E25" s="83">
        <v>36</v>
      </c>
      <c r="F25" s="241"/>
      <c r="G25" s="82">
        <v>36</v>
      </c>
      <c r="H25" s="82">
        <v>28</v>
      </c>
      <c r="I25" s="82">
        <v>16</v>
      </c>
      <c r="J25" s="82">
        <v>22</v>
      </c>
      <c r="K25" s="82">
        <v>8</v>
      </c>
      <c r="L25" s="84">
        <v>110</v>
      </c>
      <c r="M25" s="85">
        <v>146</v>
      </c>
      <c r="N25" s="70">
        <v>1</v>
      </c>
      <c r="O25" s="71">
        <v>0</v>
      </c>
      <c r="P25" s="72">
        <v>1</v>
      </c>
      <c r="Q25" s="244"/>
      <c r="R25" s="71">
        <v>0</v>
      </c>
      <c r="S25" s="71">
        <v>0</v>
      </c>
      <c r="T25" s="71">
        <v>0</v>
      </c>
      <c r="U25" s="71">
        <v>0</v>
      </c>
      <c r="V25" s="71">
        <v>0</v>
      </c>
      <c r="W25" s="72">
        <v>0</v>
      </c>
      <c r="X25" s="73">
        <v>1</v>
      </c>
      <c r="Y25" s="70">
        <v>0</v>
      </c>
      <c r="Z25" s="71">
        <v>1</v>
      </c>
      <c r="AA25" s="72">
        <v>1</v>
      </c>
      <c r="AB25" s="244"/>
      <c r="AC25" s="71">
        <v>2</v>
      </c>
      <c r="AD25" s="71">
        <v>2</v>
      </c>
      <c r="AE25" s="71">
        <v>1</v>
      </c>
      <c r="AF25" s="71">
        <v>2</v>
      </c>
      <c r="AG25" s="71">
        <v>0</v>
      </c>
      <c r="AH25" s="72">
        <v>7</v>
      </c>
      <c r="AI25" s="73">
        <v>8</v>
      </c>
      <c r="AJ25" s="70">
        <v>1</v>
      </c>
      <c r="AK25" s="71">
        <v>2</v>
      </c>
      <c r="AL25" s="72">
        <v>3</v>
      </c>
      <c r="AM25" s="244"/>
      <c r="AN25" s="71">
        <v>3</v>
      </c>
      <c r="AO25" s="71">
        <v>1</v>
      </c>
      <c r="AP25" s="71">
        <v>2</v>
      </c>
      <c r="AQ25" s="71">
        <v>1</v>
      </c>
      <c r="AR25" s="71">
        <v>1</v>
      </c>
      <c r="AS25" s="72">
        <v>8</v>
      </c>
      <c r="AT25" s="73">
        <v>11</v>
      </c>
      <c r="AU25" s="70">
        <v>4</v>
      </c>
      <c r="AV25" s="71">
        <v>0</v>
      </c>
      <c r="AW25" s="72">
        <v>4</v>
      </c>
      <c r="AX25" s="244"/>
      <c r="AY25" s="71">
        <v>5</v>
      </c>
      <c r="AZ25" s="71">
        <v>4</v>
      </c>
      <c r="BA25" s="71">
        <v>5</v>
      </c>
      <c r="BB25" s="71">
        <v>6</v>
      </c>
      <c r="BC25" s="71">
        <v>4</v>
      </c>
      <c r="BD25" s="72">
        <v>24</v>
      </c>
      <c r="BE25" s="73">
        <v>28</v>
      </c>
      <c r="BF25" s="70">
        <v>6</v>
      </c>
      <c r="BG25" s="71">
        <v>9</v>
      </c>
      <c r="BH25" s="72">
        <v>15</v>
      </c>
      <c r="BI25" s="244"/>
      <c r="BJ25" s="71">
        <v>12</v>
      </c>
      <c r="BK25" s="71">
        <v>9</v>
      </c>
      <c r="BL25" s="71">
        <v>2</v>
      </c>
      <c r="BM25" s="71">
        <v>7</v>
      </c>
      <c r="BN25" s="71">
        <v>0</v>
      </c>
      <c r="BO25" s="72">
        <v>30</v>
      </c>
      <c r="BP25" s="73">
        <v>45</v>
      </c>
      <c r="BQ25" s="70">
        <v>7</v>
      </c>
      <c r="BR25" s="71">
        <v>5</v>
      </c>
      <c r="BS25" s="72">
        <v>12</v>
      </c>
      <c r="BT25" s="244"/>
      <c r="BU25" s="71">
        <v>14</v>
      </c>
      <c r="BV25" s="71">
        <v>12</v>
      </c>
      <c r="BW25" s="71">
        <v>6</v>
      </c>
      <c r="BX25" s="71">
        <v>6</v>
      </c>
      <c r="BY25" s="71">
        <v>3</v>
      </c>
      <c r="BZ25" s="72">
        <v>41</v>
      </c>
      <c r="CA25" s="73">
        <v>53</v>
      </c>
      <c r="CB25" s="70">
        <v>0</v>
      </c>
      <c r="CC25" s="71">
        <v>0</v>
      </c>
      <c r="CD25" s="72">
        <v>0</v>
      </c>
      <c r="CE25" s="244"/>
      <c r="CF25" s="71">
        <v>0</v>
      </c>
      <c r="CG25" s="71">
        <v>0</v>
      </c>
      <c r="CH25" s="71">
        <v>0</v>
      </c>
      <c r="CI25" s="71">
        <v>0</v>
      </c>
      <c r="CJ25" s="71">
        <v>0</v>
      </c>
      <c r="CK25" s="72">
        <v>0</v>
      </c>
      <c r="CL25" s="73">
        <v>0</v>
      </c>
      <c r="CM25" s="70">
        <v>19</v>
      </c>
      <c r="CN25" s="71">
        <v>17</v>
      </c>
      <c r="CO25" s="72">
        <v>36</v>
      </c>
      <c r="CP25" s="244"/>
      <c r="CQ25" s="71">
        <v>36</v>
      </c>
      <c r="CR25" s="71">
        <v>28</v>
      </c>
      <c r="CS25" s="71">
        <v>16</v>
      </c>
      <c r="CT25" s="71">
        <v>22</v>
      </c>
      <c r="CU25" s="71">
        <v>8</v>
      </c>
      <c r="CV25" s="72">
        <v>110</v>
      </c>
      <c r="CW25" s="73">
        <v>146</v>
      </c>
      <c r="CX25" s="123">
        <v>3</v>
      </c>
      <c r="CY25" s="82">
        <v>3</v>
      </c>
      <c r="CZ25" s="83">
        <v>6</v>
      </c>
      <c r="DA25" s="241"/>
      <c r="DB25" s="82">
        <v>5</v>
      </c>
      <c r="DC25" s="82">
        <v>3</v>
      </c>
      <c r="DD25" s="82">
        <v>2</v>
      </c>
      <c r="DE25" s="82">
        <v>2</v>
      </c>
      <c r="DF25" s="82">
        <v>2</v>
      </c>
      <c r="DG25" s="84">
        <v>14</v>
      </c>
      <c r="DH25" s="85">
        <v>20</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2</v>
      </c>
      <c r="EG25" s="72">
        <v>3</v>
      </c>
      <c r="EH25" s="244"/>
      <c r="EI25" s="71">
        <v>0</v>
      </c>
      <c r="EJ25" s="71">
        <v>0</v>
      </c>
      <c r="EK25" s="71">
        <v>2</v>
      </c>
      <c r="EL25" s="71">
        <v>0</v>
      </c>
      <c r="EM25" s="71">
        <v>0</v>
      </c>
      <c r="EN25" s="72">
        <v>2</v>
      </c>
      <c r="EO25" s="73">
        <v>5</v>
      </c>
      <c r="EP25" s="70">
        <v>1</v>
      </c>
      <c r="EQ25" s="71">
        <v>0</v>
      </c>
      <c r="ER25" s="72">
        <v>1</v>
      </c>
      <c r="ES25" s="244"/>
      <c r="ET25" s="71">
        <v>1</v>
      </c>
      <c r="EU25" s="71">
        <v>0</v>
      </c>
      <c r="EV25" s="71">
        <v>0</v>
      </c>
      <c r="EW25" s="71">
        <v>0</v>
      </c>
      <c r="EX25" s="71">
        <v>1</v>
      </c>
      <c r="EY25" s="72">
        <v>2</v>
      </c>
      <c r="EZ25" s="73">
        <v>3</v>
      </c>
      <c r="FA25" s="70">
        <v>0</v>
      </c>
      <c r="FB25" s="71">
        <v>0</v>
      </c>
      <c r="FC25" s="72">
        <v>0</v>
      </c>
      <c r="FD25" s="244"/>
      <c r="FE25" s="71">
        <v>2</v>
      </c>
      <c r="FF25" s="71">
        <v>1</v>
      </c>
      <c r="FG25" s="71">
        <v>0</v>
      </c>
      <c r="FH25" s="71">
        <v>0</v>
      </c>
      <c r="FI25" s="71">
        <v>0</v>
      </c>
      <c r="FJ25" s="72">
        <v>3</v>
      </c>
      <c r="FK25" s="73">
        <v>3</v>
      </c>
      <c r="FL25" s="70">
        <v>1</v>
      </c>
      <c r="FM25" s="71">
        <v>1</v>
      </c>
      <c r="FN25" s="72">
        <v>2</v>
      </c>
      <c r="FO25" s="244"/>
      <c r="FP25" s="71">
        <v>2</v>
      </c>
      <c r="FQ25" s="71">
        <v>2</v>
      </c>
      <c r="FR25" s="71">
        <v>0</v>
      </c>
      <c r="FS25" s="71">
        <v>2</v>
      </c>
      <c r="FT25" s="71">
        <v>1</v>
      </c>
      <c r="FU25" s="72">
        <v>7</v>
      </c>
      <c r="FV25" s="73">
        <v>9</v>
      </c>
      <c r="FW25" s="70">
        <v>0</v>
      </c>
      <c r="FX25" s="71">
        <v>0</v>
      </c>
      <c r="FY25" s="72">
        <v>0</v>
      </c>
      <c r="FZ25" s="244"/>
      <c r="GA25" s="71">
        <v>0</v>
      </c>
      <c r="GB25" s="71">
        <v>0</v>
      </c>
      <c r="GC25" s="71">
        <v>0</v>
      </c>
      <c r="GD25" s="71">
        <v>0</v>
      </c>
      <c r="GE25" s="71">
        <v>0</v>
      </c>
      <c r="GF25" s="72">
        <v>0</v>
      </c>
      <c r="GG25" s="73">
        <v>0</v>
      </c>
      <c r="GH25" s="70">
        <v>3</v>
      </c>
      <c r="GI25" s="71">
        <v>3</v>
      </c>
      <c r="GJ25" s="72">
        <v>6</v>
      </c>
      <c r="GK25" s="244"/>
      <c r="GL25" s="71">
        <v>5</v>
      </c>
      <c r="GM25" s="71">
        <v>3</v>
      </c>
      <c r="GN25" s="71">
        <v>2</v>
      </c>
      <c r="GO25" s="71">
        <v>2</v>
      </c>
      <c r="GP25" s="71">
        <v>2</v>
      </c>
      <c r="GQ25" s="72">
        <v>14</v>
      </c>
      <c r="GR25" s="73">
        <v>20</v>
      </c>
      <c r="GS25" s="123">
        <v>22</v>
      </c>
      <c r="GT25" s="82">
        <v>20</v>
      </c>
      <c r="GU25" s="83">
        <v>42</v>
      </c>
      <c r="GV25" s="241"/>
      <c r="GW25" s="82">
        <v>41</v>
      </c>
      <c r="GX25" s="82">
        <v>31</v>
      </c>
      <c r="GY25" s="82">
        <v>18</v>
      </c>
      <c r="GZ25" s="82">
        <v>24</v>
      </c>
      <c r="HA25" s="82">
        <v>10</v>
      </c>
      <c r="HB25" s="84">
        <v>124</v>
      </c>
      <c r="HC25" s="85">
        <v>166</v>
      </c>
      <c r="HD25" s="70">
        <v>1</v>
      </c>
      <c r="HE25" s="71">
        <v>0</v>
      </c>
      <c r="HF25" s="72">
        <v>1</v>
      </c>
      <c r="HG25" s="244"/>
      <c r="HH25" s="71">
        <v>0</v>
      </c>
      <c r="HI25" s="71">
        <v>0</v>
      </c>
      <c r="HJ25" s="71">
        <v>0</v>
      </c>
      <c r="HK25" s="71">
        <v>0</v>
      </c>
      <c r="HL25" s="71">
        <v>0</v>
      </c>
      <c r="HM25" s="72">
        <v>0</v>
      </c>
      <c r="HN25" s="73">
        <v>1</v>
      </c>
      <c r="HO25" s="70">
        <v>0</v>
      </c>
      <c r="HP25" s="71">
        <v>1</v>
      </c>
      <c r="HQ25" s="72">
        <v>1</v>
      </c>
      <c r="HR25" s="244"/>
      <c r="HS25" s="71">
        <v>2</v>
      </c>
      <c r="HT25" s="71">
        <v>2</v>
      </c>
      <c r="HU25" s="71">
        <v>1</v>
      </c>
      <c r="HV25" s="71">
        <v>2</v>
      </c>
      <c r="HW25" s="71">
        <v>0</v>
      </c>
      <c r="HX25" s="72">
        <v>7</v>
      </c>
      <c r="HY25" s="73">
        <v>8</v>
      </c>
      <c r="HZ25" s="70">
        <v>2</v>
      </c>
      <c r="IA25" s="71">
        <v>4</v>
      </c>
      <c r="IB25" s="72">
        <v>6</v>
      </c>
      <c r="IC25" s="244"/>
      <c r="ID25" s="71">
        <v>3</v>
      </c>
      <c r="IE25" s="71">
        <v>1</v>
      </c>
      <c r="IF25" s="71">
        <v>4</v>
      </c>
      <c r="IG25" s="71">
        <v>1</v>
      </c>
      <c r="IH25" s="71">
        <v>1</v>
      </c>
      <c r="II25" s="72">
        <v>10</v>
      </c>
      <c r="IJ25" s="73">
        <v>16</v>
      </c>
      <c r="IK25" s="70">
        <v>5</v>
      </c>
      <c r="IL25" s="71">
        <v>0</v>
      </c>
      <c r="IM25" s="72">
        <v>5</v>
      </c>
      <c r="IN25" s="244"/>
      <c r="IO25" s="71">
        <v>6</v>
      </c>
      <c r="IP25" s="71">
        <v>4</v>
      </c>
      <c r="IQ25" s="71">
        <v>5</v>
      </c>
      <c r="IR25" s="71">
        <v>6</v>
      </c>
      <c r="IS25" s="71">
        <v>5</v>
      </c>
      <c r="IT25" s="72">
        <v>26</v>
      </c>
      <c r="IU25" s="73">
        <v>31</v>
      </c>
      <c r="IV25" s="70">
        <v>6</v>
      </c>
      <c r="IW25" s="71">
        <v>9</v>
      </c>
      <c r="IX25" s="72">
        <v>15</v>
      </c>
      <c r="IY25" s="244"/>
      <c r="IZ25" s="71">
        <v>14</v>
      </c>
      <c r="JA25" s="71">
        <v>10</v>
      </c>
      <c r="JB25" s="71">
        <v>2</v>
      </c>
      <c r="JC25" s="71">
        <v>7</v>
      </c>
      <c r="JD25" s="71">
        <v>0</v>
      </c>
      <c r="JE25" s="72">
        <v>33</v>
      </c>
      <c r="JF25" s="73">
        <v>48</v>
      </c>
      <c r="JG25" s="70">
        <v>8</v>
      </c>
      <c r="JH25" s="71">
        <v>6</v>
      </c>
      <c r="JI25" s="72">
        <v>14</v>
      </c>
      <c r="JJ25" s="244"/>
      <c r="JK25" s="71">
        <v>16</v>
      </c>
      <c r="JL25" s="71">
        <v>14</v>
      </c>
      <c r="JM25" s="71">
        <v>6</v>
      </c>
      <c r="JN25" s="71">
        <v>8</v>
      </c>
      <c r="JO25" s="71">
        <v>4</v>
      </c>
      <c r="JP25" s="72">
        <v>48</v>
      </c>
      <c r="JQ25" s="73">
        <v>62</v>
      </c>
      <c r="JR25" s="70">
        <v>0</v>
      </c>
      <c r="JS25" s="71">
        <v>0</v>
      </c>
      <c r="JT25" s="72">
        <v>0</v>
      </c>
      <c r="JU25" s="244"/>
      <c r="JV25" s="71">
        <v>0</v>
      </c>
      <c r="JW25" s="71">
        <v>0</v>
      </c>
      <c r="JX25" s="71">
        <v>0</v>
      </c>
      <c r="JY25" s="71">
        <v>0</v>
      </c>
      <c r="JZ25" s="71">
        <v>0</v>
      </c>
      <c r="KA25" s="72">
        <v>0</v>
      </c>
      <c r="KB25" s="73">
        <v>0</v>
      </c>
      <c r="KC25" s="70">
        <v>22</v>
      </c>
      <c r="KD25" s="71">
        <v>20</v>
      </c>
      <c r="KE25" s="72">
        <v>42</v>
      </c>
      <c r="KF25" s="244"/>
      <c r="KG25" s="71">
        <v>41</v>
      </c>
      <c r="KH25" s="71">
        <v>31</v>
      </c>
      <c r="KI25" s="71">
        <v>18</v>
      </c>
      <c r="KJ25" s="71">
        <v>24</v>
      </c>
      <c r="KK25" s="71">
        <v>10</v>
      </c>
      <c r="KL25" s="72">
        <v>124</v>
      </c>
      <c r="KM25" s="73">
        <v>166</v>
      </c>
    </row>
    <row r="26" spans="2:299" ht="21" customHeight="1" x14ac:dyDescent="0.2">
      <c r="B26" s="126" t="s">
        <v>23</v>
      </c>
      <c r="C26" s="315">
        <v>31</v>
      </c>
      <c r="D26" s="82">
        <v>32</v>
      </c>
      <c r="E26" s="83">
        <v>63</v>
      </c>
      <c r="F26" s="241"/>
      <c r="G26" s="82">
        <v>56</v>
      </c>
      <c r="H26" s="82">
        <v>34</v>
      </c>
      <c r="I26" s="82">
        <v>17</v>
      </c>
      <c r="J26" s="82">
        <v>21</v>
      </c>
      <c r="K26" s="82">
        <v>6</v>
      </c>
      <c r="L26" s="84">
        <v>134</v>
      </c>
      <c r="M26" s="85">
        <v>197</v>
      </c>
      <c r="N26" s="70">
        <v>0</v>
      </c>
      <c r="O26" s="71">
        <v>0</v>
      </c>
      <c r="P26" s="72">
        <v>0</v>
      </c>
      <c r="Q26" s="244"/>
      <c r="R26" s="71">
        <v>2</v>
      </c>
      <c r="S26" s="71">
        <v>1</v>
      </c>
      <c r="T26" s="71">
        <v>1</v>
      </c>
      <c r="U26" s="71">
        <v>0</v>
      </c>
      <c r="V26" s="71">
        <v>0</v>
      </c>
      <c r="W26" s="72">
        <v>4</v>
      </c>
      <c r="X26" s="73">
        <v>4</v>
      </c>
      <c r="Y26" s="70">
        <v>1</v>
      </c>
      <c r="Z26" s="71">
        <v>1</v>
      </c>
      <c r="AA26" s="72">
        <v>2</v>
      </c>
      <c r="AB26" s="244"/>
      <c r="AC26" s="71">
        <v>1</v>
      </c>
      <c r="AD26" s="71">
        <v>2</v>
      </c>
      <c r="AE26" s="71">
        <v>0</v>
      </c>
      <c r="AF26" s="71">
        <v>2</v>
      </c>
      <c r="AG26" s="71">
        <v>1</v>
      </c>
      <c r="AH26" s="72">
        <v>6</v>
      </c>
      <c r="AI26" s="73">
        <v>8</v>
      </c>
      <c r="AJ26" s="70">
        <v>7</v>
      </c>
      <c r="AK26" s="71">
        <v>2</v>
      </c>
      <c r="AL26" s="72">
        <v>9</v>
      </c>
      <c r="AM26" s="244"/>
      <c r="AN26" s="71">
        <v>8</v>
      </c>
      <c r="AO26" s="71">
        <v>4</v>
      </c>
      <c r="AP26" s="71">
        <v>1</v>
      </c>
      <c r="AQ26" s="71">
        <v>2</v>
      </c>
      <c r="AR26" s="71">
        <v>0</v>
      </c>
      <c r="AS26" s="72">
        <v>15</v>
      </c>
      <c r="AT26" s="73">
        <v>24</v>
      </c>
      <c r="AU26" s="70">
        <v>8</v>
      </c>
      <c r="AV26" s="71">
        <v>12</v>
      </c>
      <c r="AW26" s="72">
        <v>20</v>
      </c>
      <c r="AX26" s="244"/>
      <c r="AY26" s="71">
        <v>15</v>
      </c>
      <c r="AZ26" s="71">
        <v>9</v>
      </c>
      <c r="BA26" s="71">
        <v>5</v>
      </c>
      <c r="BB26" s="71">
        <v>8</v>
      </c>
      <c r="BC26" s="71">
        <v>1</v>
      </c>
      <c r="BD26" s="72">
        <v>38</v>
      </c>
      <c r="BE26" s="73">
        <v>58</v>
      </c>
      <c r="BF26" s="70">
        <v>11</v>
      </c>
      <c r="BG26" s="71">
        <v>11</v>
      </c>
      <c r="BH26" s="72">
        <v>22</v>
      </c>
      <c r="BI26" s="244"/>
      <c r="BJ26" s="71">
        <v>20</v>
      </c>
      <c r="BK26" s="71">
        <v>6</v>
      </c>
      <c r="BL26" s="71">
        <v>3</v>
      </c>
      <c r="BM26" s="71">
        <v>3</v>
      </c>
      <c r="BN26" s="71">
        <v>2</v>
      </c>
      <c r="BO26" s="72">
        <v>34</v>
      </c>
      <c r="BP26" s="73">
        <v>56</v>
      </c>
      <c r="BQ26" s="70">
        <v>4</v>
      </c>
      <c r="BR26" s="71">
        <v>6</v>
      </c>
      <c r="BS26" s="72">
        <v>10</v>
      </c>
      <c r="BT26" s="244"/>
      <c r="BU26" s="71">
        <v>10</v>
      </c>
      <c r="BV26" s="71">
        <v>12</v>
      </c>
      <c r="BW26" s="71">
        <v>7</v>
      </c>
      <c r="BX26" s="71">
        <v>6</v>
      </c>
      <c r="BY26" s="71">
        <v>2</v>
      </c>
      <c r="BZ26" s="72">
        <v>37</v>
      </c>
      <c r="CA26" s="73">
        <v>47</v>
      </c>
      <c r="CB26" s="70">
        <v>0</v>
      </c>
      <c r="CC26" s="71">
        <v>0</v>
      </c>
      <c r="CD26" s="72">
        <v>0</v>
      </c>
      <c r="CE26" s="244"/>
      <c r="CF26" s="71">
        <v>0</v>
      </c>
      <c r="CG26" s="71">
        <v>0</v>
      </c>
      <c r="CH26" s="71">
        <v>0</v>
      </c>
      <c r="CI26" s="71">
        <v>0</v>
      </c>
      <c r="CJ26" s="71">
        <v>0</v>
      </c>
      <c r="CK26" s="72">
        <v>0</v>
      </c>
      <c r="CL26" s="73">
        <v>0</v>
      </c>
      <c r="CM26" s="70">
        <v>31</v>
      </c>
      <c r="CN26" s="71">
        <v>32</v>
      </c>
      <c r="CO26" s="72">
        <v>63</v>
      </c>
      <c r="CP26" s="244"/>
      <c r="CQ26" s="71">
        <v>56</v>
      </c>
      <c r="CR26" s="71">
        <v>34</v>
      </c>
      <c r="CS26" s="71">
        <v>17</v>
      </c>
      <c r="CT26" s="71">
        <v>21</v>
      </c>
      <c r="CU26" s="71">
        <v>6</v>
      </c>
      <c r="CV26" s="72">
        <v>134</v>
      </c>
      <c r="CW26" s="73">
        <v>197</v>
      </c>
      <c r="CX26" s="123">
        <v>3</v>
      </c>
      <c r="CY26" s="82">
        <v>4</v>
      </c>
      <c r="CZ26" s="83">
        <v>7</v>
      </c>
      <c r="DA26" s="241"/>
      <c r="DB26" s="82">
        <v>7</v>
      </c>
      <c r="DC26" s="82">
        <v>5</v>
      </c>
      <c r="DD26" s="82">
        <v>3</v>
      </c>
      <c r="DE26" s="82">
        <v>5</v>
      </c>
      <c r="DF26" s="82">
        <v>3</v>
      </c>
      <c r="DG26" s="84">
        <v>23</v>
      </c>
      <c r="DH26" s="85">
        <v>30</v>
      </c>
      <c r="DI26" s="70">
        <v>0</v>
      </c>
      <c r="DJ26" s="71">
        <v>0</v>
      </c>
      <c r="DK26" s="72">
        <v>0</v>
      </c>
      <c r="DL26" s="244"/>
      <c r="DM26" s="71">
        <v>0</v>
      </c>
      <c r="DN26" s="71">
        <v>0</v>
      </c>
      <c r="DO26" s="71">
        <v>0</v>
      </c>
      <c r="DP26" s="71">
        <v>0</v>
      </c>
      <c r="DQ26" s="71">
        <v>0</v>
      </c>
      <c r="DR26" s="72">
        <v>0</v>
      </c>
      <c r="DS26" s="73">
        <v>0</v>
      </c>
      <c r="DT26" s="70">
        <v>1</v>
      </c>
      <c r="DU26" s="71">
        <v>1</v>
      </c>
      <c r="DV26" s="72">
        <v>2</v>
      </c>
      <c r="DW26" s="244"/>
      <c r="DX26" s="71">
        <v>1</v>
      </c>
      <c r="DY26" s="71">
        <v>1</v>
      </c>
      <c r="DZ26" s="71">
        <v>1</v>
      </c>
      <c r="EA26" s="71">
        <v>1</v>
      </c>
      <c r="EB26" s="71">
        <v>0</v>
      </c>
      <c r="EC26" s="72">
        <v>4</v>
      </c>
      <c r="ED26" s="73">
        <v>6</v>
      </c>
      <c r="EE26" s="70">
        <v>1</v>
      </c>
      <c r="EF26" s="71">
        <v>1</v>
      </c>
      <c r="EG26" s="72">
        <v>2</v>
      </c>
      <c r="EH26" s="244"/>
      <c r="EI26" s="71">
        <v>1</v>
      </c>
      <c r="EJ26" s="71">
        <v>2</v>
      </c>
      <c r="EK26" s="71">
        <v>0</v>
      </c>
      <c r="EL26" s="71">
        <v>1</v>
      </c>
      <c r="EM26" s="71">
        <v>1</v>
      </c>
      <c r="EN26" s="72">
        <v>5</v>
      </c>
      <c r="EO26" s="73">
        <v>7</v>
      </c>
      <c r="EP26" s="70">
        <v>1</v>
      </c>
      <c r="EQ26" s="71">
        <v>1</v>
      </c>
      <c r="ER26" s="72">
        <v>2</v>
      </c>
      <c r="ES26" s="244"/>
      <c r="ET26" s="71">
        <v>2</v>
      </c>
      <c r="EU26" s="71">
        <v>0</v>
      </c>
      <c r="EV26" s="71">
        <v>0</v>
      </c>
      <c r="EW26" s="71">
        <v>0</v>
      </c>
      <c r="EX26" s="71">
        <v>0</v>
      </c>
      <c r="EY26" s="72">
        <v>2</v>
      </c>
      <c r="EZ26" s="73">
        <v>4</v>
      </c>
      <c r="FA26" s="70">
        <v>0</v>
      </c>
      <c r="FB26" s="71">
        <v>1</v>
      </c>
      <c r="FC26" s="72">
        <v>1</v>
      </c>
      <c r="FD26" s="244"/>
      <c r="FE26" s="71">
        <v>3</v>
      </c>
      <c r="FF26" s="71">
        <v>1</v>
      </c>
      <c r="FG26" s="71">
        <v>1</v>
      </c>
      <c r="FH26" s="71">
        <v>3</v>
      </c>
      <c r="FI26" s="71">
        <v>1</v>
      </c>
      <c r="FJ26" s="72">
        <v>9</v>
      </c>
      <c r="FK26" s="73">
        <v>10</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3</v>
      </c>
      <c r="GI26" s="71">
        <v>4</v>
      </c>
      <c r="GJ26" s="72">
        <v>7</v>
      </c>
      <c r="GK26" s="244"/>
      <c r="GL26" s="71">
        <v>7</v>
      </c>
      <c r="GM26" s="71">
        <v>5</v>
      </c>
      <c r="GN26" s="71">
        <v>3</v>
      </c>
      <c r="GO26" s="71">
        <v>5</v>
      </c>
      <c r="GP26" s="71">
        <v>3</v>
      </c>
      <c r="GQ26" s="72">
        <v>23</v>
      </c>
      <c r="GR26" s="73">
        <v>30</v>
      </c>
      <c r="GS26" s="123">
        <v>34</v>
      </c>
      <c r="GT26" s="82">
        <v>36</v>
      </c>
      <c r="GU26" s="83">
        <v>70</v>
      </c>
      <c r="GV26" s="241"/>
      <c r="GW26" s="82">
        <v>63</v>
      </c>
      <c r="GX26" s="82">
        <v>39</v>
      </c>
      <c r="GY26" s="82">
        <v>20</v>
      </c>
      <c r="GZ26" s="82">
        <v>26</v>
      </c>
      <c r="HA26" s="82">
        <v>9</v>
      </c>
      <c r="HB26" s="84">
        <v>157</v>
      </c>
      <c r="HC26" s="85">
        <v>227</v>
      </c>
      <c r="HD26" s="70">
        <v>0</v>
      </c>
      <c r="HE26" s="71">
        <v>0</v>
      </c>
      <c r="HF26" s="72">
        <v>0</v>
      </c>
      <c r="HG26" s="244"/>
      <c r="HH26" s="71">
        <v>2</v>
      </c>
      <c r="HI26" s="71">
        <v>1</v>
      </c>
      <c r="HJ26" s="71">
        <v>1</v>
      </c>
      <c r="HK26" s="71">
        <v>0</v>
      </c>
      <c r="HL26" s="71">
        <v>0</v>
      </c>
      <c r="HM26" s="72">
        <v>4</v>
      </c>
      <c r="HN26" s="73">
        <v>4</v>
      </c>
      <c r="HO26" s="70">
        <v>2</v>
      </c>
      <c r="HP26" s="71">
        <v>2</v>
      </c>
      <c r="HQ26" s="72">
        <v>4</v>
      </c>
      <c r="HR26" s="244"/>
      <c r="HS26" s="71">
        <v>2</v>
      </c>
      <c r="HT26" s="71">
        <v>3</v>
      </c>
      <c r="HU26" s="71">
        <v>1</v>
      </c>
      <c r="HV26" s="71">
        <v>3</v>
      </c>
      <c r="HW26" s="71">
        <v>1</v>
      </c>
      <c r="HX26" s="72">
        <v>10</v>
      </c>
      <c r="HY26" s="73">
        <v>14</v>
      </c>
      <c r="HZ26" s="70">
        <v>8</v>
      </c>
      <c r="IA26" s="71">
        <v>3</v>
      </c>
      <c r="IB26" s="72">
        <v>11</v>
      </c>
      <c r="IC26" s="244"/>
      <c r="ID26" s="71">
        <v>9</v>
      </c>
      <c r="IE26" s="71">
        <v>6</v>
      </c>
      <c r="IF26" s="71">
        <v>1</v>
      </c>
      <c r="IG26" s="71">
        <v>3</v>
      </c>
      <c r="IH26" s="71">
        <v>1</v>
      </c>
      <c r="II26" s="72">
        <v>20</v>
      </c>
      <c r="IJ26" s="73">
        <v>31</v>
      </c>
      <c r="IK26" s="70">
        <v>9</v>
      </c>
      <c r="IL26" s="71">
        <v>13</v>
      </c>
      <c r="IM26" s="72">
        <v>22</v>
      </c>
      <c r="IN26" s="244"/>
      <c r="IO26" s="71">
        <v>17</v>
      </c>
      <c r="IP26" s="71">
        <v>9</v>
      </c>
      <c r="IQ26" s="71">
        <v>5</v>
      </c>
      <c r="IR26" s="71">
        <v>8</v>
      </c>
      <c r="IS26" s="71">
        <v>1</v>
      </c>
      <c r="IT26" s="72">
        <v>40</v>
      </c>
      <c r="IU26" s="73">
        <v>62</v>
      </c>
      <c r="IV26" s="70">
        <v>11</v>
      </c>
      <c r="IW26" s="71">
        <v>12</v>
      </c>
      <c r="IX26" s="72">
        <v>23</v>
      </c>
      <c r="IY26" s="244"/>
      <c r="IZ26" s="71">
        <v>23</v>
      </c>
      <c r="JA26" s="71">
        <v>7</v>
      </c>
      <c r="JB26" s="71">
        <v>4</v>
      </c>
      <c r="JC26" s="71">
        <v>6</v>
      </c>
      <c r="JD26" s="71">
        <v>3</v>
      </c>
      <c r="JE26" s="72">
        <v>43</v>
      </c>
      <c r="JF26" s="73">
        <v>66</v>
      </c>
      <c r="JG26" s="70">
        <v>4</v>
      </c>
      <c r="JH26" s="71">
        <v>6</v>
      </c>
      <c r="JI26" s="72">
        <v>10</v>
      </c>
      <c r="JJ26" s="244"/>
      <c r="JK26" s="71">
        <v>10</v>
      </c>
      <c r="JL26" s="71">
        <v>13</v>
      </c>
      <c r="JM26" s="71">
        <v>8</v>
      </c>
      <c r="JN26" s="71">
        <v>6</v>
      </c>
      <c r="JO26" s="71">
        <v>3</v>
      </c>
      <c r="JP26" s="72">
        <v>40</v>
      </c>
      <c r="JQ26" s="73">
        <v>50</v>
      </c>
      <c r="JR26" s="70">
        <v>0</v>
      </c>
      <c r="JS26" s="71">
        <v>0</v>
      </c>
      <c r="JT26" s="72">
        <v>0</v>
      </c>
      <c r="JU26" s="244"/>
      <c r="JV26" s="71">
        <v>0</v>
      </c>
      <c r="JW26" s="71">
        <v>0</v>
      </c>
      <c r="JX26" s="71">
        <v>0</v>
      </c>
      <c r="JY26" s="71">
        <v>0</v>
      </c>
      <c r="JZ26" s="71">
        <v>0</v>
      </c>
      <c r="KA26" s="72">
        <v>0</v>
      </c>
      <c r="KB26" s="73">
        <v>0</v>
      </c>
      <c r="KC26" s="70">
        <v>34</v>
      </c>
      <c r="KD26" s="71">
        <v>36</v>
      </c>
      <c r="KE26" s="72">
        <v>70</v>
      </c>
      <c r="KF26" s="244"/>
      <c r="KG26" s="71">
        <v>63</v>
      </c>
      <c r="KH26" s="71">
        <v>39</v>
      </c>
      <c r="KI26" s="71">
        <v>20</v>
      </c>
      <c r="KJ26" s="71">
        <v>26</v>
      </c>
      <c r="KK26" s="71">
        <v>9</v>
      </c>
      <c r="KL26" s="72">
        <v>157</v>
      </c>
      <c r="KM26" s="73">
        <v>227</v>
      </c>
    </row>
    <row r="27" spans="2:299" ht="21" customHeight="1" x14ac:dyDescent="0.2">
      <c r="B27" s="126" t="s">
        <v>24</v>
      </c>
      <c r="C27" s="315">
        <v>38</v>
      </c>
      <c r="D27" s="82">
        <v>21</v>
      </c>
      <c r="E27" s="83">
        <v>59</v>
      </c>
      <c r="F27" s="241"/>
      <c r="G27" s="82">
        <v>43</v>
      </c>
      <c r="H27" s="82">
        <v>30</v>
      </c>
      <c r="I27" s="82">
        <v>20</v>
      </c>
      <c r="J27" s="82">
        <v>9</v>
      </c>
      <c r="K27" s="82">
        <v>10</v>
      </c>
      <c r="L27" s="84">
        <v>112</v>
      </c>
      <c r="M27" s="85">
        <v>171</v>
      </c>
      <c r="N27" s="70">
        <v>0</v>
      </c>
      <c r="O27" s="71">
        <v>0</v>
      </c>
      <c r="P27" s="72">
        <v>0</v>
      </c>
      <c r="Q27" s="244"/>
      <c r="R27" s="71">
        <v>0</v>
      </c>
      <c r="S27" s="71">
        <v>0</v>
      </c>
      <c r="T27" s="71">
        <v>0</v>
      </c>
      <c r="U27" s="71">
        <v>0</v>
      </c>
      <c r="V27" s="71">
        <v>0</v>
      </c>
      <c r="W27" s="72">
        <v>0</v>
      </c>
      <c r="X27" s="73">
        <v>0</v>
      </c>
      <c r="Y27" s="70">
        <v>0</v>
      </c>
      <c r="Z27" s="71">
        <v>1</v>
      </c>
      <c r="AA27" s="72">
        <v>1</v>
      </c>
      <c r="AB27" s="244"/>
      <c r="AC27" s="71">
        <v>2</v>
      </c>
      <c r="AD27" s="71">
        <v>3</v>
      </c>
      <c r="AE27" s="71">
        <v>3</v>
      </c>
      <c r="AF27" s="71">
        <v>0</v>
      </c>
      <c r="AG27" s="71">
        <v>1</v>
      </c>
      <c r="AH27" s="72">
        <v>9</v>
      </c>
      <c r="AI27" s="73">
        <v>10</v>
      </c>
      <c r="AJ27" s="70">
        <v>1</v>
      </c>
      <c r="AK27" s="71">
        <v>1</v>
      </c>
      <c r="AL27" s="72">
        <v>2</v>
      </c>
      <c r="AM27" s="244"/>
      <c r="AN27" s="71">
        <v>4</v>
      </c>
      <c r="AO27" s="71">
        <v>1</v>
      </c>
      <c r="AP27" s="71">
        <v>2</v>
      </c>
      <c r="AQ27" s="71">
        <v>1</v>
      </c>
      <c r="AR27" s="71">
        <v>0</v>
      </c>
      <c r="AS27" s="72">
        <v>8</v>
      </c>
      <c r="AT27" s="73">
        <v>10</v>
      </c>
      <c r="AU27" s="70">
        <v>4</v>
      </c>
      <c r="AV27" s="71">
        <v>4</v>
      </c>
      <c r="AW27" s="72">
        <v>8</v>
      </c>
      <c r="AX27" s="244"/>
      <c r="AY27" s="71">
        <v>9</v>
      </c>
      <c r="AZ27" s="71">
        <v>3</v>
      </c>
      <c r="BA27" s="71">
        <v>2</v>
      </c>
      <c r="BB27" s="71">
        <v>1</v>
      </c>
      <c r="BC27" s="71">
        <v>2</v>
      </c>
      <c r="BD27" s="72">
        <v>17</v>
      </c>
      <c r="BE27" s="73">
        <v>25</v>
      </c>
      <c r="BF27" s="70">
        <v>14</v>
      </c>
      <c r="BG27" s="71">
        <v>6</v>
      </c>
      <c r="BH27" s="72">
        <v>20</v>
      </c>
      <c r="BI27" s="244"/>
      <c r="BJ27" s="71">
        <v>12</v>
      </c>
      <c r="BK27" s="71">
        <v>12</v>
      </c>
      <c r="BL27" s="71">
        <v>6</v>
      </c>
      <c r="BM27" s="71">
        <v>6</v>
      </c>
      <c r="BN27" s="71">
        <v>2</v>
      </c>
      <c r="BO27" s="72">
        <v>38</v>
      </c>
      <c r="BP27" s="73">
        <v>58</v>
      </c>
      <c r="BQ27" s="70">
        <v>19</v>
      </c>
      <c r="BR27" s="71">
        <v>9</v>
      </c>
      <c r="BS27" s="72">
        <v>28</v>
      </c>
      <c r="BT27" s="244"/>
      <c r="BU27" s="71">
        <v>16</v>
      </c>
      <c r="BV27" s="71">
        <v>11</v>
      </c>
      <c r="BW27" s="71">
        <v>7</v>
      </c>
      <c r="BX27" s="71">
        <v>1</v>
      </c>
      <c r="BY27" s="71">
        <v>5</v>
      </c>
      <c r="BZ27" s="72">
        <v>40</v>
      </c>
      <c r="CA27" s="73">
        <v>68</v>
      </c>
      <c r="CB27" s="70">
        <v>0</v>
      </c>
      <c r="CC27" s="71">
        <v>0</v>
      </c>
      <c r="CD27" s="72">
        <v>0</v>
      </c>
      <c r="CE27" s="244"/>
      <c r="CF27" s="71">
        <v>0</v>
      </c>
      <c r="CG27" s="71">
        <v>0</v>
      </c>
      <c r="CH27" s="71">
        <v>0</v>
      </c>
      <c r="CI27" s="71">
        <v>0</v>
      </c>
      <c r="CJ27" s="71">
        <v>0</v>
      </c>
      <c r="CK27" s="72">
        <v>0</v>
      </c>
      <c r="CL27" s="73">
        <v>0</v>
      </c>
      <c r="CM27" s="70">
        <v>38</v>
      </c>
      <c r="CN27" s="71">
        <v>21</v>
      </c>
      <c r="CO27" s="72">
        <v>59</v>
      </c>
      <c r="CP27" s="244"/>
      <c r="CQ27" s="71">
        <v>43</v>
      </c>
      <c r="CR27" s="71">
        <v>30</v>
      </c>
      <c r="CS27" s="71">
        <v>20</v>
      </c>
      <c r="CT27" s="71">
        <v>9</v>
      </c>
      <c r="CU27" s="71">
        <v>10</v>
      </c>
      <c r="CV27" s="72">
        <v>112</v>
      </c>
      <c r="CW27" s="73">
        <v>171</v>
      </c>
      <c r="CX27" s="123">
        <v>3</v>
      </c>
      <c r="CY27" s="82">
        <v>2</v>
      </c>
      <c r="CZ27" s="83">
        <v>5</v>
      </c>
      <c r="DA27" s="241"/>
      <c r="DB27" s="82">
        <v>6</v>
      </c>
      <c r="DC27" s="82">
        <v>1</v>
      </c>
      <c r="DD27" s="82">
        <v>6</v>
      </c>
      <c r="DE27" s="82">
        <v>2</v>
      </c>
      <c r="DF27" s="82">
        <v>2</v>
      </c>
      <c r="DG27" s="84">
        <v>17</v>
      </c>
      <c r="DH27" s="85">
        <v>22</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1</v>
      </c>
      <c r="EU27" s="71">
        <v>0</v>
      </c>
      <c r="EV27" s="71">
        <v>1</v>
      </c>
      <c r="EW27" s="71">
        <v>1</v>
      </c>
      <c r="EX27" s="71">
        <v>0</v>
      </c>
      <c r="EY27" s="72">
        <v>3</v>
      </c>
      <c r="EZ27" s="73">
        <v>3</v>
      </c>
      <c r="FA27" s="70">
        <v>2</v>
      </c>
      <c r="FB27" s="71">
        <v>2</v>
      </c>
      <c r="FC27" s="72">
        <v>4</v>
      </c>
      <c r="FD27" s="244"/>
      <c r="FE27" s="71">
        <v>1</v>
      </c>
      <c r="FF27" s="71">
        <v>1</v>
      </c>
      <c r="FG27" s="71">
        <v>2</v>
      </c>
      <c r="FH27" s="71">
        <v>0</v>
      </c>
      <c r="FI27" s="71">
        <v>0</v>
      </c>
      <c r="FJ27" s="72">
        <v>4</v>
      </c>
      <c r="FK27" s="73">
        <v>8</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2</v>
      </c>
      <c r="GJ27" s="72">
        <v>5</v>
      </c>
      <c r="GK27" s="244"/>
      <c r="GL27" s="71">
        <v>6</v>
      </c>
      <c r="GM27" s="71">
        <v>1</v>
      </c>
      <c r="GN27" s="71">
        <v>6</v>
      </c>
      <c r="GO27" s="71">
        <v>2</v>
      </c>
      <c r="GP27" s="71">
        <v>2</v>
      </c>
      <c r="GQ27" s="72">
        <v>17</v>
      </c>
      <c r="GR27" s="73">
        <v>22</v>
      </c>
      <c r="GS27" s="123">
        <v>41</v>
      </c>
      <c r="GT27" s="82">
        <v>23</v>
      </c>
      <c r="GU27" s="83">
        <v>64</v>
      </c>
      <c r="GV27" s="241"/>
      <c r="GW27" s="82">
        <v>49</v>
      </c>
      <c r="GX27" s="82">
        <v>31</v>
      </c>
      <c r="GY27" s="82">
        <v>26</v>
      </c>
      <c r="GZ27" s="82">
        <v>11</v>
      </c>
      <c r="HA27" s="82">
        <v>12</v>
      </c>
      <c r="HB27" s="84">
        <v>129</v>
      </c>
      <c r="HC27" s="85">
        <v>193</v>
      </c>
      <c r="HD27" s="70">
        <v>0</v>
      </c>
      <c r="HE27" s="71">
        <v>0</v>
      </c>
      <c r="HF27" s="72">
        <v>0</v>
      </c>
      <c r="HG27" s="244"/>
      <c r="HH27" s="71">
        <v>0</v>
      </c>
      <c r="HI27" s="71">
        <v>0</v>
      </c>
      <c r="HJ27" s="71">
        <v>0</v>
      </c>
      <c r="HK27" s="71">
        <v>0</v>
      </c>
      <c r="HL27" s="71">
        <v>0</v>
      </c>
      <c r="HM27" s="72">
        <v>0</v>
      </c>
      <c r="HN27" s="73">
        <v>0</v>
      </c>
      <c r="HO27" s="70">
        <v>1</v>
      </c>
      <c r="HP27" s="71">
        <v>1</v>
      </c>
      <c r="HQ27" s="72">
        <v>2</v>
      </c>
      <c r="HR27" s="244"/>
      <c r="HS27" s="71">
        <v>2</v>
      </c>
      <c r="HT27" s="71">
        <v>3</v>
      </c>
      <c r="HU27" s="71">
        <v>3</v>
      </c>
      <c r="HV27" s="71">
        <v>0</v>
      </c>
      <c r="HW27" s="71">
        <v>1</v>
      </c>
      <c r="HX27" s="72">
        <v>9</v>
      </c>
      <c r="HY27" s="73">
        <v>11</v>
      </c>
      <c r="HZ27" s="70">
        <v>1</v>
      </c>
      <c r="IA27" s="71">
        <v>1</v>
      </c>
      <c r="IB27" s="72">
        <v>2</v>
      </c>
      <c r="IC27" s="244"/>
      <c r="ID27" s="71">
        <v>4</v>
      </c>
      <c r="IE27" s="71">
        <v>1</v>
      </c>
      <c r="IF27" s="71">
        <v>3</v>
      </c>
      <c r="IG27" s="71">
        <v>1</v>
      </c>
      <c r="IH27" s="71">
        <v>0</v>
      </c>
      <c r="II27" s="72">
        <v>9</v>
      </c>
      <c r="IJ27" s="73">
        <v>11</v>
      </c>
      <c r="IK27" s="70">
        <v>4</v>
      </c>
      <c r="IL27" s="71">
        <v>4</v>
      </c>
      <c r="IM27" s="72">
        <v>8</v>
      </c>
      <c r="IN27" s="244"/>
      <c r="IO27" s="71">
        <v>10</v>
      </c>
      <c r="IP27" s="71">
        <v>3</v>
      </c>
      <c r="IQ27" s="71">
        <v>3</v>
      </c>
      <c r="IR27" s="71">
        <v>2</v>
      </c>
      <c r="IS27" s="71">
        <v>2</v>
      </c>
      <c r="IT27" s="72">
        <v>20</v>
      </c>
      <c r="IU27" s="73">
        <v>28</v>
      </c>
      <c r="IV27" s="70">
        <v>16</v>
      </c>
      <c r="IW27" s="71">
        <v>8</v>
      </c>
      <c r="IX27" s="72">
        <v>24</v>
      </c>
      <c r="IY27" s="244"/>
      <c r="IZ27" s="71">
        <v>13</v>
      </c>
      <c r="JA27" s="71">
        <v>13</v>
      </c>
      <c r="JB27" s="71">
        <v>8</v>
      </c>
      <c r="JC27" s="71">
        <v>6</v>
      </c>
      <c r="JD27" s="71">
        <v>2</v>
      </c>
      <c r="JE27" s="72">
        <v>42</v>
      </c>
      <c r="JF27" s="73">
        <v>66</v>
      </c>
      <c r="JG27" s="70">
        <v>19</v>
      </c>
      <c r="JH27" s="71">
        <v>9</v>
      </c>
      <c r="JI27" s="72">
        <v>28</v>
      </c>
      <c r="JJ27" s="244"/>
      <c r="JK27" s="71">
        <v>20</v>
      </c>
      <c r="JL27" s="71">
        <v>11</v>
      </c>
      <c r="JM27" s="71">
        <v>9</v>
      </c>
      <c r="JN27" s="71">
        <v>2</v>
      </c>
      <c r="JO27" s="71">
        <v>7</v>
      </c>
      <c r="JP27" s="72">
        <v>49</v>
      </c>
      <c r="JQ27" s="73">
        <v>77</v>
      </c>
      <c r="JR27" s="70">
        <v>0</v>
      </c>
      <c r="JS27" s="71">
        <v>0</v>
      </c>
      <c r="JT27" s="72">
        <v>0</v>
      </c>
      <c r="JU27" s="244"/>
      <c r="JV27" s="71">
        <v>0</v>
      </c>
      <c r="JW27" s="71">
        <v>0</v>
      </c>
      <c r="JX27" s="71">
        <v>0</v>
      </c>
      <c r="JY27" s="71">
        <v>0</v>
      </c>
      <c r="JZ27" s="71">
        <v>0</v>
      </c>
      <c r="KA27" s="72">
        <v>0</v>
      </c>
      <c r="KB27" s="73">
        <v>0</v>
      </c>
      <c r="KC27" s="70">
        <v>41</v>
      </c>
      <c r="KD27" s="71">
        <v>23</v>
      </c>
      <c r="KE27" s="72">
        <v>64</v>
      </c>
      <c r="KF27" s="244"/>
      <c r="KG27" s="71">
        <v>49</v>
      </c>
      <c r="KH27" s="71">
        <v>31</v>
      </c>
      <c r="KI27" s="71">
        <v>26</v>
      </c>
      <c r="KJ27" s="71">
        <v>11</v>
      </c>
      <c r="KK27" s="71">
        <v>12</v>
      </c>
      <c r="KL27" s="72">
        <v>129</v>
      </c>
      <c r="KM27" s="73">
        <v>193</v>
      </c>
    </row>
    <row r="28" spans="2:299" ht="21" customHeight="1" x14ac:dyDescent="0.2">
      <c r="B28" s="126" t="s">
        <v>25</v>
      </c>
      <c r="C28" s="315">
        <v>15</v>
      </c>
      <c r="D28" s="82">
        <v>22</v>
      </c>
      <c r="E28" s="83">
        <v>37</v>
      </c>
      <c r="F28" s="241"/>
      <c r="G28" s="82">
        <v>26</v>
      </c>
      <c r="H28" s="82">
        <v>12</v>
      </c>
      <c r="I28" s="82">
        <v>15</v>
      </c>
      <c r="J28" s="82">
        <v>12</v>
      </c>
      <c r="K28" s="82">
        <v>8</v>
      </c>
      <c r="L28" s="84">
        <v>73</v>
      </c>
      <c r="M28" s="85">
        <v>110</v>
      </c>
      <c r="N28" s="70">
        <v>0</v>
      </c>
      <c r="O28" s="71">
        <v>1</v>
      </c>
      <c r="P28" s="72">
        <v>1</v>
      </c>
      <c r="Q28" s="244"/>
      <c r="R28" s="71">
        <v>2</v>
      </c>
      <c r="S28" s="71">
        <v>0</v>
      </c>
      <c r="T28" s="71">
        <v>0</v>
      </c>
      <c r="U28" s="71">
        <v>0</v>
      </c>
      <c r="V28" s="71">
        <v>0</v>
      </c>
      <c r="W28" s="72">
        <v>2</v>
      </c>
      <c r="X28" s="73">
        <v>3</v>
      </c>
      <c r="Y28" s="70">
        <v>0</v>
      </c>
      <c r="Z28" s="71">
        <v>3</v>
      </c>
      <c r="AA28" s="72">
        <v>3</v>
      </c>
      <c r="AB28" s="244"/>
      <c r="AC28" s="71">
        <v>2</v>
      </c>
      <c r="AD28" s="71">
        <v>0</v>
      </c>
      <c r="AE28" s="71">
        <v>0</v>
      </c>
      <c r="AF28" s="71">
        <v>1</v>
      </c>
      <c r="AG28" s="71">
        <v>0</v>
      </c>
      <c r="AH28" s="72">
        <v>3</v>
      </c>
      <c r="AI28" s="73">
        <v>6</v>
      </c>
      <c r="AJ28" s="70">
        <v>4</v>
      </c>
      <c r="AK28" s="71">
        <v>5</v>
      </c>
      <c r="AL28" s="72">
        <v>9</v>
      </c>
      <c r="AM28" s="244"/>
      <c r="AN28" s="71">
        <v>3</v>
      </c>
      <c r="AO28" s="71">
        <v>2</v>
      </c>
      <c r="AP28" s="71">
        <v>1</v>
      </c>
      <c r="AQ28" s="71">
        <v>2</v>
      </c>
      <c r="AR28" s="71">
        <v>0</v>
      </c>
      <c r="AS28" s="72">
        <v>8</v>
      </c>
      <c r="AT28" s="73">
        <v>17</v>
      </c>
      <c r="AU28" s="70">
        <v>1</v>
      </c>
      <c r="AV28" s="71">
        <v>7</v>
      </c>
      <c r="AW28" s="72">
        <v>8</v>
      </c>
      <c r="AX28" s="244"/>
      <c r="AY28" s="71">
        <v>3</v>
      </c>
      <c r="AZ28" s="71">
        <v>1</v>
      </c>
      <c r="BA28" s="71">
        <v>6</v>
      </c>
      <c r="BB28" s="71">
        <v>2</v>
      </c>
      <c r="BC28" s="71">
        <v>2</v>
      </c>
      <c r="BD28" s="72">
        <v>14</v>
      </c>
      <c r="BE28" s="73">
        <v>22</v>
      </c>
      <c r="BF28" s="70">
        <v>4</v>
      </c>
      <c r="BG28" s="71">
        <v>4</v>
      </c>
      <c r="BH28" s="72">
        <v>8</v>
      </c>
      <c r="BI28" s="244"/>
      <c r="BJ28" s="71">
        <v>9</v>
      </c>
      <c r="BK28" s="71">
        <v>5</v>
      </c>
      <c r="BL28" s="71">
        <v>4</v>
      </c>
      <c r="BM28" s="71">
        <v>3</v>
      </c>
      <c r="BN28" s="71">
        <v>4</v>
      </c>
      <c r="BO28" s="72">
        <v>25</v>
      </c>
      <c r="BP28" s="73">
        <v>33</v>
      </c>
      <c r="BQ28" s="70">
        <v>6</v>
      </c>
      <c r="BR28" s="71">
        <v>2</v>
      </c>
      <c r="BS28" s="72">
        <v>8</v>
      </c>
      <c r="BT28" s="244"/>
      <c r="BU28" s="71">
        <v>7</v>
      </c>
      <c r="BV28" s="71">
        <v>4</v>
      </c>
      <c r="BW28" s="71">
        <v>4</v>
      </c>
      <c r="BX28" s="71">
        <v>4</v>
      </c>
      <c r="BY28" s="71">
        <v>2</v>
      </c>
      <c r="BZ28" s="72">
        <v>21</v>
      </c>
      <c r="CA28" s="73">
        <v>29</v>
      </c>
      <c r="CB28" s="70">
        <v>0</v>
      </c>
      <c r="CC28" s="71">
        <v>0</v>
      </c>
      <c r="CD28" s="72">
        <v>0</v>
      </c>
      <c r="CE28" s="244"/>
      <c r="CF28" s="71">
        <v>0</v>
      </c>
      <c r="CG28" s="71">
        <v>0</v>
      </c>
      <c r="CH28" s="71">
        <v>0</v>
      </c>
      <c r="CI28" s="71">
        <v>0</v>
      </c>
      <c r="CJ28" s="71">
        <v>0</v>
      </c>
      <c r="CK28" s="72">
        <v>0</v>
      </c>
      <c r="CL28" s="73">
        <v>0</v>
      </c>
      <c r="CM28" s="70">
        <v>15</v>
      </c>
      <c r="CN28" s="71">
        <v>22</v>
      </c>
      <c r="CO28" s="72">
        <v>37</v>
      </c>
      <c r="CP28" s="244"/>
      <c r="CQ28" s="71">
        <v>26</v>
      </c>
      <c r="CR28" s="71">
        <v>12</v>
      </c>
      <c r="CS28" s="71">
        <v>15</v>
      </c>
      <c r="CT28" s="71">
        <v>12</v>
      </c>
      <c r="CU28" s="71">
        <v>8</v>
      </c>
      <c r="CV28" s="72">
        <v>73</v>
      </c>
      <c r="CW28" s="73">
        <v>110</v>
      </c>
      <c r="CX28" s="123">
        <v>3</v>
      </c>
      <c r="CY28" s="82">
        <v>4</v>
      </c>
      <c r="CZ28" s="83">
        <v>7</v>
      </c>
      <c r="DA28" s="241"/>
      <c r="DB28" s="82">
        <v>3</v>
      </c>
      <c r="DC28" s="82">
        <v>3</v>
      </c>
      <c r="DD28" s="82">
        <v>0</v>
      </c>
      <c r="DE28" s="82">
        <v>0</v>
      </c>
      <c r="DF28" s="82">
        <v>0</v>
      </c>
      <c r="DG28" s="84">
        <v>6</v>
      </c>
      <c r="DH28" s="85">
        <v>13</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1</v>
      </c>
      <c r="DZ28" s="71">
        <v>0</v>
      </c>
      <c r="EA28" s="71">
        <v>0</v>
      </c>
      <c r="EB28" s="71">
        <v>0</v>
      </c>
      <c r="EC28" s="72">
        <v>1</v>
      </c>
      <c r="ED28" s="73">
        <v>1</v>
      </c>
      <c r="EE28" s="70">
        <v>0</v>
      </c>
      <c r="EF28" s="71">
        <v>1</v>
      </c>
      <c r="EG28" s="72">
        <v>1</v>
      </c>
      <c r="EH28" s="244"/>
      <c r="EI28" s="71">
        <v>0</v>
      </c>
      <c r="EJ28" s="71">
        <v>0</v>
      </c>
      <c r="EK28" s="71">
        <v>0</v>
      </c>
      <c r="EL28" s="71">
        <v>0</v>
      </c>
      <c r="EM28" s="71">
        <v>0</v>
      </c>
      <c r="EN28" s="72">
        <v>0</v>
      </c>
      <c r="EO28" s="73">
        <v>1</v>
      </c>
      <c r="EP28" s="70">
        <v>0</v>
      </c>
      <c r="EQ28" s="71">
        <v>2</v>
      </c>
      <c r="ER28" s="72">
        <v>2</v>
      </c>
      <c r="ES28" s="244"/>
      <c r="ET28" s="71">
        <v>0</v>
      </c>
      <c r="EU28" s="71">
        <v>1</v>
      </c>
      <c r="EV28" s="71">
        <v>0</v>
      </c>
      <c r="EW28" s="71">
        <v>0</v>
      </c>
      <c r="EX28" s="71">
        <v>0</v>
      </c>
      <c r="EY28" s="72">
        <v>1</v>
      </c>
      <c r="EZ28" s="73">
        <v>3</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4</v>
      </c>
      <c r="GJ28" s="72">
        <v>7</v>
      </c>
      <c r="GK28" s="244"/>
      <c r="GL28" s="71">
        <v>3</v>
      </c>
      <c r="GM28" s="71">
        <v>3</v>
      </c>
      <c r="GN28" s="71">
        <v>0</v>
      </c>
      <c r="GO28" s="71">
        <v>0</v>
      </c>
      <c r="GP28" s="71">
        <v>0</v>
      </c>
      <c r="GQ28" s="72">
        <v>6</v>
      </c>
      <c r="GR28" s="73">
        <v>13</v>
      </c>
      <c r="GS28" s="123">
        <v>18</v>
      </c>
      <c r="GT28" s="82">
        <v>26</v>
      </c>
      <c r="GU28" s="83">
        <v>44</v>
      </c>
      <c r="GV28" s="241"/>
      <c r="GW28" s="82">
        <v>29</v>
      </c>
      <c r="GX28" s="82">
        <v>15</v>
      </c>
      <c r="GY28" s="82">
        <v>15</v>
      </c>
      <c r="GZ28" s="82">
        <v>12</v>
      </c>
      <c r="HA28" s="82">
        <v>8</v>
      </c>
      <c r="HB28" s="84">
        <v>79</v>
      </c>
      <c r="HC28" s="85">
        <v>123</v>
      </c>
      <c r="HD28" s="70">
        <v>0</v>
      </c>
      <c r="HE28" s="71">
        <v>1</v>
      </c>
      <c r="HF28" s="72">
        <v>1</v>
      </c>
      <c r="HG28" s="244"/>
      <c r="HH28" s="71">
        <v>2</v>
      </c>
      <c r="HI28" s="71">
        <v>0</v>
      </c>
      <c r="HJ28" s="71">
        <v>0</v>
      </c>
      <c r="HK28" s="71">
        <v>0</v>
      </c>
      <c r="HL28" s="71">
        <v>0</v>
      </c>
      <c r="HM28" s="72">
        <v>2</v>
      </c>
      <c r="HN28" s="73">
        <v>3</v>
      </c>
      <c r="HO28" s="70">
        <v>0</v>
      </c>
      <c r="HP28" s="71">
        <v>3</v>
      </c>
      <c r="HQ28" s="72">
        <v>3</v>
      </c>
      <c r="HR28" s="244"/>
      <c r="HS28" s="71">
        <v>2</v>
      </c>
      <c r="HT28" s="71">
        <v>1</v>
      </c>
      <c r="HU28" s="71">
        <v>0</v>
      </c>
      <c r="HV28" s="71">
        <v>1</v>
      </c>
      <c r="HW28" s="71">
        <v>0</v>
      </c>
      <c r="HX28" s="72">
        <v>4</v>
      </c>
      <c r="HY28" s="73">
        <v>7</v>
      </c>
      <c r="HZ28" s="70">
        <v>4</v>
      </c>
      <c r="IA28" s="71">
        <v>6</v>
      </c>
      <c r="IB28" s="72">
        <v>10</v>
      </c>
      <c r="IC28" s="244"/>
      <c r="ID28" s="71">
        <v>3</v>
      </c>
      <c r="IE28" s="71">
        <v>2</v>
      </c>
      <c r="IF28" s="71">
        <v>1</v>
      </c>
      <c r="IG28" s="71">
        <v>2</v>
      </c>
      <c r="IH28" s="71">
        <v>0</v>
      </c>
      <c r="II28" s="72">
        <v>8</v>
      </c>
      <c r="IJ28" s="73">
        <v>18</v>
      </c>
      <c r="IK28" s="70">
        <v>1</v>
      </c>
      <c r="IL28" s="71">
        <v>9</v>
      </c>
      <c r="IM28" s="72">
        <v>10</v>
      </c>
      <c r="IN28" s="244"/>
      <c r="IO28" s="71">
        <v>3</v>
      </c>
      <c r="IP28" s="71">
        <v>2</v>
      </c>
      <c r="IQ28" s="71">
        <v>6</v>
      </c>
      <c r="IR28" s="71">
        <v>2</v>
      </c>
      <c r="IS28" s="71">
        <v>2</v>
      </c>
      <c r="IT28" s="72">
        <v>15</v>
      </c>
      <c r="IU28" s="73">
        <v>25</v>
      </c>
      <c r="IV28" s="70">
        <v>5</v>
      </c>
      <c r="IW28" s="71">
        <v>5</v>
      </c>
      <c r="IX28" s="72">
        <v>10</v>
      </c>
      <c r="IY28" s="244"/>
      <c r="IZ28" s="71">
        <v>10</v>
      </c>
      <c r="JA28" s="71">
        <v>5</v>
      </c>
      <c r="JB28" s="71">
        <v>4</v>
      </c>
      <c r="JC28" s="71">
        <v>3</v>
      </c>
      <c r="JD28" s="71">
        <v>4</v>
      </c>
      <c r="JE28" s="72">
        <v>26</v>
      </c>
      <c r="JF28" s="73">
        <v>36</v>
      </c>
      <c r="JG28" s="70">
        <v>8</v>
      </c>
      <c r="JH28" s="71">
        <v>2</v>
      </c>
      <c r="JI28" s="72">
        <v>10</v>
      </c>
      <c r="JJ28" s="244"/>
      <c r="JK28" s="71">
        <v>9</v>
      </c>
      <c r="JL28" s="71">
        <v>5</v>
      </c>
      <c r="JM28" s="71">
        <v>4</v>
      </c>
      <c r="JN28" s="71">
        <v>4</v>
      </c>
      <c r="JO28" s="71">
        <v>2</v>
      </c>
      <c r="JP28" s="72">
        <v>24</v>
      </c>
      <c r="JQ28" s="73">
        <v>34</v>
      </c>
      <c r="JR28" s="70">
        <v>0</v>
      </c>
      <c r="JS28" s="71">
        <v>0</v>
      </c>
      <c r="JT28" s="72">
        <v>0</v>
      </c>
      <c r="JU28" s="244"/>
      <c r="JV28" s="71">
        <v>0</v>
      </c>
      <c r="JW28" s="71">
        <v>0</v>
      </c>
      <c r="JX28" s="71">
        <v>0</v>
      </c>
      <c r="JY28" s="71">
        <v>0</v>
      </c>
      <c r="JZ28" s="71">
        <v>0</v>
      </c>
      <c r="KA28" s="72">
        <v>0</v>
      </c>
      <c r="KB28" s="73">
        <v>0</v>
      </c>
      <c r="KC28" s="70">
        <v>18</v>
      </c>
      <c r="KD28" s="71">
        <v>26</v>
      </c>
      <c r="KE28" s="72">
        <v>44</v>
      </c>
      <c r="KF28" s="244"/>
      <c r="KG28" s="71">
        <v>29</v>
      </c>
      <c r="KH28" s="71">
        <v>15</v>
      </c>
      <c r="KI28" s="71">
        <v>15</v>
      </c>
      <c r="KJ28" s="71">
        <v>12</v>
      </c>
      <c r="KK28" s="71">
        <v>8</v>
      </c>
      <c r="KL28" s="72">
        <v>79</v>
      </c>
      <c r="KM28" s="73">
        <v>123</v>
      </c>
    </row>
    <row r="29" spans="2:299" ht="21" customHeight="1" x14ac:dyDescent="0.2">
      <c r="B29" s="126" t="s">
        <v>26</v>
      </c>
      <c r="C29" s="315">
        <v>20</v>
      </c>
      <c r="D29" s="82">
        <v>10</v>
      </c>
      <c r="E29" s="83">
        <v>30</v>
      </c>
      <c r="F29" s="241"/>
      <c r="G29" s="82">
        <v>26</v>
      </c>
      <c r="H29" s="82">
        <v>28</v>
      </c>
      <c r="I29" s="82">
        <v>20</v>
      </c>
      <c r="J29" s="82">
        <v>11</v>
      </c>
      <c r="K29" s="82">
        <v>4</v>
      </c>
      <c r="L29" s="84">
        <v>89</v>
      </c>
      <c r="M29" s="85">
        <v>119</v>
      </c>
      <c r="N29" s="70">
        <v>0</v>
      </c>
      <c r="O29" s="71">
        <v>0</v>
      </c>
      <c r="P29" s="72">
        <v>0</v>
      </c>
      <c r="Q29" s="244"/>
      <c r="R29" s="71">
        <v>0</v>
      </c>
      <c r="S29" s="71">
        <v>0</v>
      </c>
      <c r="T29" s="71">
        <v>0</v>
      </c>
      <c r="U29" s="71">
        <v>0</v>
      </c>
      <c r="V29" s="71">
        <v>0</v>
      </c>
      <c r="W29" s="72">
        <v>0</v>
      </c>
      <c r="X29" s="73">
        <v>0</v>
      </c>
      <c r="Y29" s="70">
        <v>0</v>
      </c>
      <c r="Z29" s="71">
        <v>0</v>
      </c>
      <c r="AA29" s="72">
        <v>0</v>
      </c>
      <c r="AB29" s="244"/>
      <c r="AC29" s="71">
        <v>1</v>
      </c>
      <c r="AD29" s="71">
        <v>2</v>
      </c>
      <c r="AE29" s="71">
        <v>0</v>
      </c>
      <c r="AF29" s="71">
        <v>0</v>
      </c>
      <c r="AG29" s="71">
        <v>0</v>
      </c>
      <c r="AH29" s="72">
        <v>3</v>
      </c>
      <c r="AI29" s="73">
        <v>3</v>
      </c>
      <c r="AJ29" s="70">
        <v>1</v>
      </c>
      <c r="AK29" s="71">
        <v>1</v>
      </c>
      <c r="AL29" s="72">
        <v>2</v>
      </c>
      <c r="AM29" s="244"/>
      <c r="AN29" s="71">
        <v>4</v>
      </c>
      <c r="AO29" s="71">
        <v>4</v>
      </c>
      <c r="AP29" s="71">
        <v>4</v>
      </c>
      <c r="AQ29" s="71">
        <v>0</v>
      </c>
      <c r="AR29" s="71">
        <v>0</v>
      </c>
      <c r="AS29" s="72">
        <v>12</v>
      </c>
      <c r="AT29" s="73">
        <v>14</v>
      </c>
      <c r="AU29" s="70">
        <v>3</v>
      </c>
      <c r="AV29" s="71">
        <v>1</v>
      </c>
      <c r="AW29" s="72">
        <v>4</v>
      </c>
      <c r="AX29" s="244"/>
      <c r="AY29" s="71">
        <v>9</v>
      </c>
      <c r="AZ29" s="71">
        <v>7</v>
      </c>
      <c r="BA29" s="71">
        <v>4</v>
      </c>
      <c r="BB29" s="71">
        <v>1</v>
      </c>
      <c r="BC29" s="71">
        <v>0</v>
      </c>
      <c r="BD29" s="72">
        <v>21</v>
      </c>
      <c r="BE29" s="73">
        <v>25</v>
      </c>
      <c r="BF29" s="70">
        <v>6</v>
      </c>
      <c r="BG29" s="71">
        <v>5</v>
      </c>
      <c r="BH29" s="72">
        <v>11</v>
      </c>
      <c r="BI29" s="244"/>
      <c r="BJ29" s="71">
        <v>7</v>
      </c>
      <c r="BK29" s="71">
        <v>9</v>
      </c>
      <c r="BL29" s="71">
        <v>7</v>
      </c>
      <c r="BM29" s="71">
        <v>3</v>
      </c>
      <c r="BN29" s="71">
        <v>1</v>
      </c>
      <c r="BO29" s="72">
        <v>27</v>
      </c>
      <c r="BP29" s="73">
        <v>38</v>
      </c>
      <c r="BQ29" s="70">
        <v>10</v>
      </c>
      <c r="BR29" s="71">
        <v>3</v>
      </c>
      <c r="BS29" s="72">
        <v>13</v>
      </c>
      <c r="BT29" s="244"/>
      <c r="BU29" s="71">
        <v>5</v>
      </c>
      <c r="BV29" s="71">
        <v>6</v>
      </c>
      <c r="BW29" s="71">
        <v>5</v>
      </c>
      <c r="BX29" s="71">
        <v>7</v>
      </c>
      <c r="BY29" s="71">
        <v>3</v>
      </c>
      <c r="BZ29" s="72">
        <v>26</v>
      </c>
      <c r="CA29" s="73">
        <v>39</v>
      </c>
      <c r="CB29" s="70">
        <v>0</v>
      </c>
      <c r="CC29" s="71">
        <v>0</v>
      </c>
      <c r="CD29" s="72">
        <v>0</v>
      </c>
      <c r="CE29" s="244"/>
      <c r="CF29" s="71">
        <v>0</v>
      </c>
      <c r="CG29" s="71">
        <v>0</v>
      </c>
      <c r="CH29" s="71">
        <v>0</v>
      </c>
      <c r="CI29" s="71">
        <v>0</v>
      </c>
      <c r="CJ29" s="71">
        <v>0</v>
      </c>
      <c r="CK29" s="72">
        <v>0</v>
      </c>
      <c r="CL29" s="73">
        <v>0</v>
      </c>
      <c r="CM29" s="70">
        <v>20</v>
      </c>
      <c r="CN29" s="71">
        <v>10</v>
      </c>
      <c r="CO29" s="72">
        <v>30</v>
      </c>
      <c r="CP29" s="244"/>
      <c r="CQ29" s="71">
        <v>26</v>
      </c>
      <c r="CR29" s="71">
        <v>28</v>
      </c>
      <c r="CS29" s="71">
        <v>20</v>
      </c>
      <c r="CT29" s="71">
        <v>11</v>
      </c>
      <c r="CU29" s="71">
        <v>4</v>
      </c>
      <c r="CV29" s="72">
        <v>89</v>
      </c>
      <c r="CW29" s="73">
        <v>119</v>
      </c>
      <c r="CX29" s="123">
        <v>1</v>
      </c>
      <c r="CY29" s="82">
        <v>2</v>
      </c>
      <c r="CZ29" s="83">
        <v>3</v>
      </c>
      <c r="DA29" s="241"/>
      <c r="DB29" s="82">
        <v>4</v>
      </c>
      <c r="DC29" s="82">
        <v>3</v>
      </c>
      <c r="DD29" s="82">
        <v>3</v>
      </c>
      <c r="DE29" s="82">
        <v>0</v>
      </c>
      <c r="DF29" s="82">
        <v>0</v>
      </c>
      <c r="DG29" s="84">
        <v>10</v>
      </c>
      <c r="DH29" s="85">
        <v>13</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0</v>
      </c>
      <c r="EW29" s="71">
        <v>0</v>
      </c>
      <c r="EX29" s="71">
        <v>0</v>
      </c>
      <c r="EY29" s="72">
        <v>1</v>
      </c>
      <c r="EZ29" s="73">
        <v>1</v>
      </c>
      <c r="FA29" s="70">
        <v>0</v>
      </c>
      <c r="FB29" s="71">
        <v>1</v>
      </c>
      <c r="FC29" s="72">
        <v>1</v>
      </c>
      <c r="FD29" s="244"/>
      <c r="FE29" s="71">
        <v>2</v>
      </c>
      <c r="FF29" s="71">
        <v>0</v>
      </c>
      <c r="FG29" s="71">
        <v>2</v>
      </c>
      <c r="FH29" s="71">
        <v>0</v>
      </c>
      <c r="FI29" s="71">
        <v>0</v>
      </c>
      <c r="FJ29" s="72">
        <v>4</v>
      </c>
      <c r="FK29" s="73">
        <v>5</v>
      </c>
      <c r="FL29" s="70">
        <v>1</v>
      </c>
      <c r="FM29" s="71">
        <v>1</v>
      </c>
      <c r="FN29" s="72">
        <v>2</v>
      </c>
      <c r="FO29" s="244"/>
      <c r="FP29" s="71">
        <v>2</v>
      </c>
      <c r="FQ29" s="71">
        <v>2</v>
      </c>
      <c r="FR29" s="71">
        <v>1</v>
      </c>
      <c r="FS29" s="71">
        <v>0</v>
      </c>
      <c r="FT29" s="71">
        <v>0</v>
      </c>
      <c r="FU29" s="72">
        <v>5</v>
      </c>
      <c r="FV29" s="73">
        <v>7</v>
      </c>
      <c r="FW29" s="70">
        <v>0</v>
      </c>
      <c r="FX29" s="71">
        <v>0</v>
      </c>
      <c r="FY29" s="72">
        <v>0</v>
      </c>
      <c r="FZ29" s="244"/>
      <c r="GA29" s="71">
        <v>0</v>
      </c>
      <c r="GB29" s="71">
        <v>0</v>
      </c>
      <c r="GC29" s="71">
        <v>0</v>
      </c>
      <c r="GD29" s="71">
        <v>0</v>
      </c>
      <c r="GE29" s="71">
        <v>0</v>
      </c>
      <c r="GF29" s="72">
        <v>0</v>
      </c>
      <c r="GG29" s="73">
        <v>0</v>
      </c>
      <c r="GH29" s="70">
        <v>1</v>
      </c>
      <c r="GI29" s="71">
        <v>2</v>
      </c>
      <c r="GJ29" s="72">
        <v>3</v>
      </c>
      <c r="GK29" s="244"/>
      <c r="GL29" s="71">
        <v>4</v>
      </c>
      <c r="GM29" s="71">
        <v>3</v>
      </c>
      <c r="GN29" s="71">
        <v>3</v>
      </c>
      <c r="GO29" s="71">
        <v>0</v>
      </c>
      <c r="GP29" s="71">
        <v>0</v>
      </c>
      <c r="GQ29" s="72">
        <v>10</v>
      </c>
      <c r="GR29" s="73">
        <v>13</v>
      </c>
      <c r="GS29" s="123">
        <v>21</v>
      </c>
      <c r="GT29" s="82">
        <v>12</v>
      </c>
      <c r="GU29" s="83">
        <v>33</v>
      </c>
      <c r="GV29" s="241"/>
      <c r="GW29" s="82">
        <v>30</v>
      </c>
      <c r="GX29" s="82">
        <v>31</v>
      </c>
      <c r="GY29" s="82">
        <v>23</v>
      </c>
      <c r="GZ29" s="82">
        <v>11</v>
      </c>
      <c r="HA29" s="82">
        <v>4</v>
      </c>
      <c r="HB29" s="84">
        <v>99</v>
      </c>
      <c r="HC29" s="85">
        <v>132</v>
      </c>
      <c r="HD29" s="70">
        <v>0</v>
      </c>
      <c r="HE29" s="71">
        <v>0</v>
      </c>
      <c r="HF29" s="72">
        <v>0</v>
      </c>
      <c r="HG29" s="244"/>
      <c r="HH29" s="71">
        <v>0</v>
      </c>
      <c r="HI29" s="71">
        <v>0</v>
      </c>
      <c r="HJ29" s="71">
        <v>0</v>
      </c>
      <c r="HK29" s="71">
        <v>0</v>
      </c>
      <c r="HL29" s="71">
        <v>0</v>
      </c>
      <c r="HM29" s="72">
        <v>0</v>
      </c>
      <c r="HN29" s="73">
        <v>0</v>
      </c>
      <c r="HO29" s="70">
        <v>0</v>
      </c>
      <c r="HP29" s="71">
        <v>0</v>
      </c>
      <c r="HQ29" s="72">
        <v>0</v>
      </c>
      <c r="HR29" s="244"/>
      <c r="HS29" s="71">
        <v>1</v>
      </c>
      <c r="HT29" s="71">
        <v>2</v>
      </c>
      <c r="HU29" s="71">
        <v>0</v>
      </c>
      <c r="HV29" s="71">
        <v>0</v>
      </c>
      <c r="HW29" s="71">
        <v>0</v>
      </c>
      <c r="HX29" s="72">
        <v>3</v>
      </c>
      <c r="HY29" s="73">
        <v>3</v>
      </c>
      <c r="HZ29" s="70">
        <v>1</v>
      </c>
      <c r="IA29" s="71">
        <v>1</v>
      </c>
      <c r="IB29" s="72">
        <v>2</v>
      </c>
      <c r="IC29" s="244"/>
      <c r="ID29" s="71">
        <v>4</v>
      </c>
      <c r="IE29" s="71">
        <v>4</v>
      </c>
      <c r="IF29" s="71">
        <v>4</v>
      </c>
      <c r="IG29" s="71">
        <v>0</v>
      </c>
      <c r="IH29" s="71">
        <v>0</v>
      </c>
      <c r="II29" s="72">
        <v>12</v>
      </c>
      <c r="IJ29" s="73">
        <v>14</v>
      </c>
      <c r="IK29" s="70">
        <v>3</v>
      </c>
      <c r="IL29" s="71">
        <v>1</v>
      </c>
      <c r="IM29" s="72">
        <v>4</v>
      </c>
      <c r="IN29" s="244"/>
      <c r="IO29" s="71">
        <v>9</v>
      </c>
      <c r="IP29" s="71">
        <v>8</v>
      </c>
      <c r="IQ29" s="71">
        <v>4</v>
      </c>
      <c r="IR29" s="71">
        <v>1</v>
      </c>
      <c r="IS29" s="71">
        <v>0</v>
      </c>
      <c r="IT29" s="72">
        <v>22</v>
      </c>
      <c r="IU29" s="73">
        <v>26</v>
      </c>
      <c r="IV29" s="70">
        <v>6</v>
      </c>
      <c r="IW29" s="71">
        <v>6</v>
      </c>
      <c r="IX29" s="72">
        <v>12</v>
      </c>
      <c r="IY29" s="244"/>
      <c r="IZ29" s="71">
        <v>9</v>
      </c>
      <c r="JA29" s="71">
        <v>9</v>
      </c>
      <c r="JB29" s="71">
        <v>9</v>
      </c>
      <c r="JC29" s="71">
        <v>3</v>
      </c>
      <c r="JD29" s="71">
        <v>1</v>
      </c>
      <c r="JE29" s="72">
        <v>31</v>
      </c>
      <c r="JF29" s="73">
        <v>43</v>
      </c>
      <c r="JG29" s="70">
        <v>11</v>
      </c>
      <c r="JH29" s="71">
        <v>4</v>
      </c>
      <c r="JI29" s="72">
        <v>15</v>
      </c>
      <c r="JJ29" s="244"/>
      <c r="JK29" s="71">
        <v>7</v>
      </c>
      <c r="JL29" s="71">
        <v>8</v>
      </c>
      <c r="JM29" s="71">
        <v>6</v>
      </c>
      <c r="JN29" s="71">
        <v>7</v>
      </c>
      <c r="JO29" s="71">
        <v>3</v>
      </c>
      <c r="JP29" s="72">
        <v>31</v>
      </c>
      <c r="JQ29" s="73">
        <v>46</v>
      </c>
      <c r="JR29" s="70">
        <v>0</v>
      </c>
      <c r="JS29" s="71">
        <v>0</v>
      </c>
      <c r="JT29" s="72">
        <v>0</v>
      </c>
      <c r="JU29" s="244"/>
      <c r="JV29" s="71">
        <v>0</v>
      </c>
      <c r="JW29" s="71">
        <v>0</v>
      </c>
      <c r="JX29" s="71">
        <v>0</v>
      </c>
      <c r="JY29" s="71">
        <v>0</v>
      </c>
      <c r="JZ29" s="71">
        <v>0</v>
      </c>
      <c r="KA29" s="72">
        <v>0</v>
      </c>
      <c r="KB29" s="73">
        <v>0</v>
      </c>
      <c r="KC29" s="70">
        <v>21</v>
      </c>
      <c r="KD29" s="71">
        <v>12</v>
      </c>
      <c r="KE29" s="72">
        <v>33</v>
      </c>
      <c r="KF29" s="244"/>
      <c r="KG29" s="71">
        <v>30</v>
      </c>
      <c r="KH29" s="71">
        <v>31</v>
      </c>
      <c r="KI29" s="71">
        <v>23</v>
      </c>
      <c r="KJ29" s="71">
        <v>11</v>
      </c>
      <c r="KK29" s="71">
        <v>4</v>
      </c>
      <c r="KL29" s="72">
        <v>99</v>
      </c>
      <c r="KM29" s="73">
        <v>132</v>
      </c>
    </row>
    <row r="30" spans="2:299" ht="21" customHeight="1" x14ac:dyDescent="0.2">
      <c r="B30" s="126" t="s">
        <v>27</v>
      </c>
      <c r="C30" s="315">
        <v>15</v>
      </c>
      <c r="D30" s="82">
        <v>23</v>
      </c>
      <c r="E30" s="83">
        <v>38</v>
      </c>
      <c r="F30" s="241"/>
      <c r="G30" s="82">
        <v>17</v>
      </c>
      <c r="H30" s="82">
        <v>17</v>
      </c>
      <c r="I30" s="82">
        <v>20</v>
      </c>
      <c r="J30" s="82">
        <v>12</v>
      </c>
      <c r="K30" s="82">
        <v>7</v>
      </c>
      <c r="L30" s="84">
        <v>73</v>
      </c>
      <c r="M30" s="85">
        <v>111</v>
      </c>
      <c r="N30" s="70">
        <v>0</v>
      </c>
      <c r="O30" s="71">
        <v>0</v>
      </c>
      <c r="P30" s="72">
        <v>0</v>
      </c>
      <c r="Q30" s="244"/>
      <c r="R30" s="71">
        <v>0</v>
      </c>
      <c r="S30" s="71">
        <v>1</v>
      </c>
      <c r="T30" s="71">
        <v>0</v>
      </c>
      <c r="U30" s="71">
        <v>0</v>
      </c>
      <c r="V30" s="71">
        <v>0</v>
      </c>
      <c r="W30" s="72">
        <v>1</v>
      </c>
      <c r="X30" s="73">
        <v>1</v>
      </c>
      <c r="Y30" s="70">
        <v>0</v>
      </c>
      <c r="Z30" s="71">
        <v>1</v>
      </c>
      <c r="AA30" s="72">
        <v>1</v>
      </c>
      <c r="AB30" s="244"/>
      <c r="AC30" s="71">
        <v>0</v>
      </c>
      <c r="AD30" s="71">
        <v>1</v>
      </c>
      <c r="AE30" s="71">
        <v>1</v>
      </c>
      <c r="AF30" s="71">
        <v>0</v>
      </c>
      <c r="AG30" s="71">
        <v>0</v>
      </c>
      <c r="AH30" s="72">
        <v>2</v>
      </c>
      <c r="AI30" s="73">
        <v>3</v>
      </c>
      <c r="AJ30" s="70">
        <v>2</v>
      </c>
      <c r="AK30" s="71">
        <v>2</v>
      </c>
      <c r="AL30" s="72">
        <v>4</v>
      </c>
      <c r="AM30" s="244"/>
      <c r="AN30" s="71">
        <v>0</v>
      </c>
      <c r="AO30" s="71">
        <v>0</v>
      </c>
      <c r="AP30" s="71">
        <v>2</v>
      </c>
      <c r="AQ30" s="71">
        <v>1</v>
      </c>
      <c r="AR30" s="71">
        <v>0</v>
      </c>
      <c r="AS30" s="72">
        <v>3</v>
      </c>
      <c r="AT30" s="73">
        <v>7</v>
      </c>
      <c r="AU30" s="70">
        <v>5</v>
      </c>
      <c r="AV30" s="71">
        <v>3</v>
      </c>
      <c r="AW30" s="72">
        <v>8</v>
      </c>
      <c r="AX30" s="244"/>
      <c r="AY30" s="71">
        <v>6</v>
      </c>
      <c r="AZ30" s="71">
        <v>4</v>
      </c>
      <c r="BA30" s="71">
        <v>4</v>
      </c>
      <c r="BB30" s="71">
        <v>2</v>
      </c>
      <c r="BC30" s="71">
        <v>2</v>
      </c>
      <c r="BD30" s="72">
        <v>18</v>
      </c>
      <c r="BE30" s="73">
        <v>26</v>
      </c>
      <c r="BF30" s="70">
        <v>3</v>
      </c>
      <c r="BG30" s="71">
        <v>9</v>
      </c>
      <c r="BH30" s="72">
        <v>12</v>
      </c>
      <c r="BI30" s="244"/>
      <c r="BJ30" s="71">
        <v>3</v>
      </c>
      <c r="BK30" s="71">
        <v>5</v>
      </c>
      <c r="BL30" s="71">
        <v>7</v>
      </c>
      <c r="BM30" s="71">
        <v>4</v>
      </c>
      <c r="BN30" s="71">
        <v>3</v>
      </c>
      <c r="BO30" s="72">
        <v>22</v>
      </c>
      <c r="BP30" s="73">
        <v>34</v>
      </c>
      <c r="BQ30" s="70">
        <v>5</v>
      </c>
      <c r="BR30" s="71">
        <v>8</v>
      </c>
      <c r="BS30" s="72">
        <v>13</v>
      </c>
      <c r="BT30" s="244"/>
      <c r="BU30" s="71">
        <v>8</v>
      </c>
      <c r="BV30" s="71">
        <v>6</v>
      </c>
      <c r="BW30" s="71">
        <v>6</v>
      </c>
      <c r="BX30" s="71">
        <v>5</v>
      </c>
      <c r="BY30" s="71">
        <v>2</v>
      </c>
      <c r="BZ30" s="72">
        <v>27</v>
      </c>
      <c r="CA30" s="73">
        <v>40</v>
      </c>
      <c r="CB30" s="70">
        <v>0</v>
      </c>
      <c r="CC30" s="71">
        <v>0</v>
      </c>
      <c r="CD30" s="72">
        <v>0</v>
      </c>
      <c r="CE30" s="244"/>
      <c r="CF30" s="71">
        <v>0</v>
      </c>
      <c r="CG30" s="71">
        <v>0</v>
      </c>
      <c r="CH30" s="71">
        <v>0</v>
      </c>
      <c r="CI30" s="71">
        <v>0</v>
      </c>
      <c r="CJ30" s="71">
        <v>0</v>
      </c>
      <c r="CK30" s="72">
        <v>0</v>
      </c>
      <c r="CL30" s="73">
        <v>0</v>
      </c>
      <c r="CM30" s="70">
        <v>15</v>
      </c>
      <c r="CN30" s="71">
        <v>23</v>
      </c>
      <c r="CO30" s="72">
        <v>38</v>
      </c>
      <c r="CP30" s="244"/>
      <c r="CQ30" s="71">
        <v>17</v>
      </c>
      <c r="CR30" s="71">
        <v>17</v>
      </c>
      <c r="CS30" s="71">
        <v>20</v>
      </c>
      <c r="CT30" s="71">
        <v>12</v>
      </c>
      <c r="CU30" s="71">
        <v>7</v>
      </c>
      <c r="CV30" s="72">
        <v>73</v>
      </c>
      <c r="CW30" s="73">
        <v>111</v>
      </c>
      <c r="CX30" s="123">
        <v>4</v>
      </c>
      <c r="CY30" s="82">
        <v>2</v>
      </c>
      <c r="CZ30" s="83">
        <v>6</v>
      </c>
      <c r="DA30" s="241"/>
      <c r="DB30" s="82">
        <v>5</v>
      </c>
      <c r="DC30" s="82">
        <v>2</v>
      </c>
      <c r="DD30" s="82">
        <v>1</v>
      </c>
      <c r="DE30" s="82">
        <v>4</v>
      </c>
      <c r="DF30" s="82">
        <v>1</v>
      </c>
      <c r="DG30" s="84">
        <v>13</v>
      </c>
      <c r="DH30" s="85">
        <v>19</v>
      </c>
      <c r="DI30" s="70">
        <v>0</v>
      </c>
      <c r="DJ30" s="71">
        <v>1</v>
      </c>
      <c r="DK30" s="72">
        <v>1</v>
      </c>
      <c r="DL30" s="244"/>
      <c r="DM30" s="71">
        <v>0</v>
      </c>
      <c r="DN30" s="71">
        <v>0</v>
      </c>
      <c r="DO30" s="71">
        <v>0</v>
      </c>
      <c r="DP30" s="71">
        <v>0</v>
      </c>
      <c r="DQ30" s="71">
        <v>0</v>
      </c>
      <c r="DR30" s="72">
        <v>0</v>
      </c>
      <c r="DS30" s="73">
        <v>1</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1</v>
      </c>
      <c r="EU30" s="71">
        <v>0</v>
      </c>
      <c r="EV30" s="71">
        <v>0</v>
      </c>
      <c r="EW30" s="71">
        <v>0</v>
      </c>
      <c r="EX30" s="71">
        <v>0</v>
      </c>
      <c r="EY30" s="72">
        <v>1</v>
      </c>
      <c r="EZ30" s="73">
        <v>1</v>
      </c>
      <c r="FA30" s="70">
        <v>2</v>
      </c>
      <c r="FB30" s="71">
        <v>0</v>
      </c>
      <c r="FC30" s="72">
        <v>2</v>
      </c>
      <c r="FD30" s="244"/>
      <c r="FE30" s="71">
        <v>3</v>
      </c>
      <c r="FF30" s="71">
        <v>1</v>
      </c>
      <c r="FG30" s="71">
        <v>0</v>
      </c>
      <c r="FH30" s="71">
        <v>0</v>
      </c>
      <c r="FI30" s="71">
        <v>0</v>
      </c>
      <c r="FJ30" s="72">
        <v>4</v>
      </c>
      <c r="FK30" s="73">
        <v>6</v>
      </c>
      <c r="FL30" s="70">
        <v>2</v>
      </c>
      <c r="FM30" s="71">
        <v>1</v>
      </c>
      <c r="FN30" s="72">
        <v>3</v>
      </c>
      <c r="FO30" s="244"/>
      <c r="FP30" s="71">
        <v>1</v>
      </c>
      <c r="FQ30" s="71">
        <v>1</v>
      </c>
      <c r="FR30" s="71">
        <v>1</v>
      </c>
      <c r="FS30" s="71">
        <v>4</v>
      </c>
      <c r="FT30" s="71">
        <v>1</v>
      </c>
      <c r="FU30" s="72">
        <v>8</v>
      </c>
      <c r="FV30" s="73">
        <v>11</v>
      </c>
      <c r="FW30" s="70">
        <v>0</v>
      </c>
      <c r="FX30" s="71">
        <v>0</v>
      </c>
      <c r="FY30" s="72">
        <v>0</v>
      </c>
      <c r="FZ30" s="244"/>
      <c r="GA30" s="71">
        <v>0</v>
      </c>
      <c r="GB30" s="71">
        <v>0</v>
      </c>
      <c r="GC30" s="71">
        <v>0</v>
      </c>
      <c r="GD30" s="71">
        <v>0</v>
      </c>
      <c r="GE30" s="71">
        <v>0</v>
      </c>
      <c r="GF30" s="72">
        <v>0</v>
      </c>
      <c r="GG30" s="73">
        <v>0</v>
      </c>
      <c r="GH30" s="70">
        <v>4</v>
      </c>
      <c r="GI30" s="71">
        <v>2</v>
      </c>
      <c r="GJ30" s="72">
        <v>6</v>
      </c>
      <c r="GK30" s="244"/>
      <c r="GL30" s="71">
        <v>5</v>
      </c>
      <c r="GM30" s="71">
        <v>2</v>
      </c>
      <c r="GN30" s="71">
        <v>1</v>
      </c>
      <c r="GO30" s="71">
        <v>4</v>
      </c>
      <c r="GP30" s="71">
        <v>1</v>
      </c>
      <c r="GQ30" s="72">
        <v>13</v>
      </c>
      <c r="GR30" s="73">
        <v>19</v>
      </c>
      <c r="GS30" s="123">
        <v>19</v>
      </c>
      <c r="GT30" s="82">
        <v>25</v>
      </c>
      <c r="GU30" s="83">
        <v>44</v>
      </c>
      <c r="GV30" s="241"/>
      <c r="GW30" s="82">
        <v>22</v>
      </c>
      <c r="GX30" s="82">
        <v>19</v>
      </c>
      <c r="GY30" s="82">
        <v>21</v>
      </c>
      <c r="GZ30" s="82">
        <v>16</v>
      </c>
      <c r="HA30" s="82">
        <v>8</v>
      </c>
      <c r="HB30" s="84">
        <v>86</v>
      </c>
      <c r="HC30" s="85">
        <v>130</v>
      </c>
      <c r="HD30" s="70">
        <v>0</v>
      </c>
      <c r="HE30" s="71">
        <v>1</v>
      </c>
      <c r="HF30" s="72">
        <v>1</v>
      </c>
      <c r="HG30" s="244"/>
      <c r="HH30" s="71">
        <v>0</v>
      </c>
      <c r="HI30" s="71">
        <v>1</v>
      </c>
      <c r="HJ30" s="71">
        <v>0</v>
      </c>
      <c r="HK30" s="71">
        <v>0</v>
      </c>
      <c r="HL30" s="71">
        <v>0</v>
      </c>
      <c r="HM30" s="72">
        <v>1</v>
      </c>
      <c r="HN30" s="73">
        <v>2</v>
      </c>
      <c r="HO30" s="70">
        <v>0</v>
      </c>
      <c r="HP30" s="71">
        <v>1</v>
      </c>
      <c r="HQ30" s="72">
        <v>1</v>
      </c>
      <c r="HR30" s="244"/>
      <c r="HS30" s="71">
        <v>0</v>
      </c>
      <c r="HT30" s="71">
        <v>1</v>
      </c>
      <c r="HU30" s="71">
        <v>1</v>
      </c>
      <c r="HV30" s="71">
        <v>0</v>
      </c>
      <c r="HW30" s="71">
        <v>0</v>
      </c>
      <c r="HX30" s="72">
        <v>2</v>
      </c>
      <c r="HY30" s="73">
        <v>3</v>
      </c>
      <c r="HZ30" s="70">
        <v>2</v>
      </c>
      <c r="IA30" s="71">
        <v>2</v>
      </c>
      <c r="IB30" s="72">
        <v>4</v>
      </c>
      <c r="IC30" s="244"/>
      <c r="ID30" s="71">
        <v>0</v>
      </c>
      <c r="IE30" s="71">
        <v>0</v>
      </c>
      <c r="IF30" s="71">
        <v>2</v>
      </c>
      <c r="IG30" s="71">
        <v>1</v>
      </c>
      <c r="IH30" s="71">
        <v>0</v>
      </c>
      <c r="II30" s="72">
        <v>3</v>
      </c>
      <c r="IJ30" s="73">
        <v>7</v>
      </c>
      <c r="IK30" s="70">
        <v>5</v>
      </c>
      <c r="IL30" s="71">
        <v>3</v>
      </c>
      <c r="IM30" s="72">
        <v>8</v>
      </c>
      <c r="IN30" s="244"/>
      <c r="IO30" s="71">
        <v>7</v>
      </c>
      <c r="IP30" s="71">
        <v>4</v>
      </c>
      <c r="IQ30" s="71">
        <v>4</v>
      </c>
      <c r="IR30" s="71">
        <v>2</v>
      </c>
      <c r="IS30" s="71">
        <v>2</v>
      </c>
      <c r="IT30" s="72">
        <v>19</v>
      </c>
      <c r="IU30" s="73">
        <v>27</v>
      </c>
      <c r="IV30" s="70">
        <v>5</v>
      </c>
      <c r="IW30" s="71">
        <v>9</v>
      </c>
      <c r="IX30" s="72">
        <v>14</v>
      </c>
      <c r="IY30" s="244"/>
      <c r="IZ30" s="71">
        <v>6</v>
      </c>
      <c r="JA30" s="71">
        <v>6</v>
      </c>
      <c r="JB30" s="71">
        <v>7</v>
      </c>
      <c r="JC30" s="71">
        <v>4</v>
      </c>
      <c r="JD30" s="71">
        <v>3</v>
      </c>
      <c r="JE30" s="72">
        <v>26</v>
      </c>
      <c r="JF30" s="73">
        <v>40</v>
      </c>
      <c r="JG30" s="70">
        <v>7</v>
      </c>
      <c r="JH30" s="71">
        <v>9</v>
      </c>
      <c r="JI30" s="72">
        <v>16</v>
      </c>
      <c r="JJ30" s="244"/>
      <c r="JK30" s="71">
        <v>9</v>
      </c>
      <c r="JL30" s="71">
        <v>7</v>
      </c>
      <c r="JM30" s="71">
        <v>7</v>
      </c>
      <c r="JN30" s="71">
        <v>9</v>
      </c>
      <c r="JO30" s="71">
        <v>3</v>
      </c>
      <c r="JP30" s="72">
        <v>35</v>
      </c>
      <c r="JQ30" s="73">
        <v>51</v>
      </c>
      <c r="JR30" s="70">
        <v>0</v>
      </c>
      <c r="JS30" s="71">
        <v>0</v>
      </c>
      <c r="JT30" s="72">
        <v>0</v>
      </c>
      <c r="JU30" s="244"/>
      <c r="JV30" s="71">
        <v>0</v>
      </c>
      <c r="JW30" s="71">
        <v>0</v>
      </c>
      <c r="JX30" s="71">
        <v>0</v>
      </c>
      <c r="JY30" s="71">
        <v>0</v>
      </c>
      <c r="JZ30" s="71">
        <v>0</v>
      </c>
      <c r="KA30" s="72">
        <v>0</v>
      </c>
      <c r="KB30" s="73">
        <v>0</v>
      </c>
      <c r="KC30" s="70">
        <v>19</v>
      </c>
      <c r="KD30" s="71">
        <v>25</v>
      </c>
      <c r="KE30" s="72">
        <v>44</v>
      </c>
      <c r="KF30" s="244"/>
      <c r="KG30" s="71">
        <v>22</v>
      </c>
      <c r="KH30" s="71">
        <v>19</v>
      </c>
      <c r="KI30" s="71">
        <v>21</v>
      </c>
      <c r="KJ30" s="71">
        <v>16</v>
      </c>
      <c r="KK30" s="71">
        <v>8</v>
      </c>
      <c r="KL30" s="72">
        <v>86</v>
      </c>
      <c r="KM30" s="73">
        <v>130</v>
      </c>
    </row>
    <row r="31" spans="2:299" ht="21" customHeight="1" x14ac:dyDescent="0.2">
      <c r="B31" s="126" t="s">
        <v>28</v>
      </c>
      <c r="C31" s="315">
        <v>1</v>
      </c>
      <c r="D31" s="82">
        <v>2</v>
      </c>
      <c r="E31" s="83">
        <v>3</v>
      </c>
      <c r="F31" s="241"/>
      <c r="G31" s="82">
        <v>5</v>
      </c>
      <c r="H31" s="82">
        <v>7</v>
      </c>
      <c r="I31" s="82">
        <v>2</v>
      </c>
      <c r="J31" s="82">
        <v>5</v>
      </c>
      <c r="K31" s="82">
        <v>0</v>
      </c>
      <c r="L31" s="84">
        <v>19</v>
      </c>
      <c r="M31" s="85">
        <v>22</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0</v>
      </c>
      <c r="AE31" s="71">
        <v>0</v>
      </c>
      <c r="AF31" s="71">
        <v>1</v>
      </c>
      <c r="AG31" s="71">
        <v>0</v>
      </c>
      <c r="AH31" s="72">
        <v>1</v>
      </c>
      <c r="AI31" s="73">
        <v>1</v>
      </c>
      <c r="AJ31" s="70">
        <v>0</v>
      </c>
      <c r="AK31" s="71">
        <v>0</v>
      </c>
      <c r="AL31" s="72">
        <v>0</v>
      </c>
      <c r="AM31" s="244"/>
      <c r="AN31" s="71">
        <v>0</v>
      </c>
      <c r="AO31" s="71">
        <v>1</v>
      </c>
      <c r="AP31" s="71">
        <v>0</v>
      </c>
      <c r="AQ31" s="71">
        <v>1</v>
      </c>
      <c r="AR31" s="71">
        <v>0</v>
      </c>
      <c r="AS31" s="72">
        <v>2</v>
      </c>
      <c r="AT31" s="73">
        <v>2</v>
      </c>
      <c r="AU31" s="70">
        <v>1</v>
      </c>
      <c r="AV31" s="71">
        <v>0</v>
      </c>
      <c r="AW31" s="72">
        <v>1</v>
      </c>
      <c r="AX31" s="244"/>
      <c r="AY31" s="71">
        <v>0</v>
      </c>
      <c r="AZ31" s="71">
        <v>3</v>
      </c>
      <c r="BA31" s="71">
        <v>1</v>
      </c>
      <c r="BB31" s="71">
        <v>1</v>
      </c>
      <c r="BC31" s="71">
        <v>0</v>
      </c>
      <c r="BD31" s="72">
        <v>5</v>
      </c>
      <c r="BE31" s="73">
        <v>6</v>
      </c>
      <c r="BF31" s="70">
        <v>0</v>
      </c>
      <c r="BG31" s="71">
        <v>2</v>
      </c>
      <c r="BH31" s="72">
        <v>2</v>
      </c>
      <c r="BI31" s="244"/>
      <c r="BJ31" s="71">
        <v>2</v>
      </c>
      <c r="BK31" s="71">
        <v>2</v>
      </c>
      <c r="BL31" s="71">
        <v>1</v>
      </c>
      <c r="BM31" s="71">
        <v>1</v>
      </c>
      <c r="BN31" s="71">
        <v>0</v>
      </c>
      <c r="BO31" s="72">
        <v>6</v>
      </c>
      <c r="BP31" s="73">
        <v>8</v>
      </c>
      <c r="BQ31" s="70">
        <v>0</v>
      </c>
      <c r="BR31" s="71">
        <v>0</v>
      </c>
      <c r="BS31" s="72">
        <v>0</v>
      </c>
      <c r="BT31" s="244"/>
      <c r="BU31" s="71">
        <v>3</v>
      </c>
      <c r="BV31" s="71">
        <v>1</v>
      </c>
      <c r="BW31" s="71">
        <v>0</v>
      </c>
      <c r="BX31" s="71">
        <v>1</v>
      </c>
      <c r="BY31" s="71">
        <v>0</v>
      </c>
      <c r="BZ31" s="72">
        <v>5</v>
      </c>
      <c r="CA31" s="73">
        <v>5</v>
      </c>
      <c r="CB31" s="70">
        <v>0</v>
      </c>
      <c r="CC31" s="71">
        <v>0</v>
      </c>
      <c r="CD31" s="72">
        <v>0</v>
      </c>
      <c r="CE31" s="244"/>
      <c r="CF31" s="71">
        <v>0</v>
      </c>
      <c r="CG31" s="71">
        <v>0</v>
      </c>
      <c r="CH31" s="71">
        <v>0</v>
      </c>
      <c r="CI31" s="71">
        <v>0</v>
      </c>
      <c r="CJ31" s="71">
        <v>0</v>
      </c>
      <c r="CK31" s="72">
        <v>0</v>
      </c>
      <c r="CL31" s="73">
        <v>0</v>
      </c>
      <c r="CM31" s="70">
        <v>1</v>
      </c>
      <c r="CN31" s="71">
        <v>2</v>
      </c>
      <c r="CO31" s="72">
        <v>3</v>
      </c>
      <c r="CP31" s="244"/>
      <c r="CQ31" s="71">
        <v>5</v>
      </c>
      <c r="CR31" s="71">
        <v>7</v>
      </c>
      <c r="CS31" s="71">
        <v>2</v>
      </c>
      <c r="CT31" s="71">
        <v>5</v>
      </c>
      <c r="CU31" s="71">
        <v>0</v>
      </c>
      <c r="CV31" s="72">
        <v>19</v>
      </c>
      <c r="CW31" s="73">
        <v>22</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1</v>
      </c>
      <c r="EY31" s="72">
        <v>1</v>
      </c>
      <c r="EZ31" s="73">
        <v>1</v>
      </c>
      <c r="FA31" s="70">
        <v>0</v>
      </c>
      <c r="FB31" s="71">
        <v>0</v>
      </c>
      <c r="FC31" s="72">
        <v>0</v>
      </c>
      <c r="FD31" s="244"/>
      <c r="FE31" s="71">
        <v>1</v>
      </c>
      <c r="FF31" s="71">
        <v>1</v>
      </c>
      <c r="FG31" s="71">
        <v>0</v>
      </c>
      <c r="FH31" s="71">
        <v>0</v>
      </c>
      <c r="FI31" s="71">
        <v>1</v>
      </c>
      <c r="FJ31" s="72">
        <v>3</v>
      </c>
      <c r="FK31" s="73">
        <v>3</v>
      </c>
      <c r="FL31" s="70">
        <v>0</v>
      </c>
      <c r="FM31" s="71">
        <v>1</v>
      </c>
      <c r="FN31" s="72">
        <v>1</v>
      </c>
      <c r="FO31" s="244"/>
      <c r="FP31" s="71">
        <v>2</v>
      </c>
      <c r="FQ31" s="71">
        <v>0</v>
      </c>
      <c r="FR31" s="71">
        <v>0</v>
      </c>
      <c r="FS31" s="71">
        <v>1</v>
      </c>
      <c r="FT31" s="71">
        <v>0</v>
      </c>
      <c r="FU31" s="72">
        <v>3</v>
      </c>
      <c r="FV31" s="73">
        <v>4</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8</v>
      </c>
      <c r="GX31" s="82">
        <v>8</v>
      </c>
      <c r="GY31" s="82">
        <v>2</v>
      </c>
      <c r="GZ31" s="82">
        <v>6</v>
      </c>
      <c r="HA31" s="82">
        <v>2</v>
      </c>
      <c r="HB31" s="84">
        <v>26</v>
      </c>
      <c r="HC31" s="85">
        <v>31</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0</v>
      </c>
      <c r="HU31" s="71">
        <v>0</v>
      </c>
      <c r="HV31" s="71">
        <v>1</v>
      </c>
      <c r="HW31" s="71">
        <v>0</v>
      </c>
      <c r="HX31" s="72">
        <v>1</v>
      </c>
      <c r="HY31" s="73">
        <v>1</v>
      </c>
      <c r="HZ31" s="70">
        <v>0</v>
      </c>
      <c r="IA31" s="71">
        <v>1</v>
      </c>
      <c r="IB31" s="72">
        <v>1</v>
      </c>
      <c r="IC31" s="244"/>
      <c r="ID31" s="71">
        <v>0</v>
      </c>
      <c r="IE31" s="71">
        <v>1</v>
      </c>
      <c r="IF31" s="71">
        <v>0</v>
      </c>
      <c r="IG31" s="71">
        <v>1</v>
      </c>
      <c r="IH31" s="71">
        <v>0</v>
      </c>
      <c r="II31" s="72">
        <v>2</v>
      </c>
      <c r="IJ31" s="73">
        <v>3</v>
      </c>
      <c r="IK31" s="70">
        <v>1</v>
      </c>
      <c r="IL31" s="71">
        <v>0</v>
      </c>
      <c r="IM31" s="72">
        <v>1</v>
      </c>
      <c r="IN31" s="244"/>
      <c r="IO31" s="71">
        <v>0</v>
      </c>
      <c r="IP31" s="71">
        <v>3</v>
      </c>
      <c r="IQ31" s="71">
        <v>1</v>
      </c>
      <c r="IR31" s="71">
        <v>1</v>
      </c>
      <c r="IS31" s="71">
        <v>1</v>
      </c>
      <c r="IT31" s="72">
        <v>6</v>
      </c>
      <c r="IU31" s="73">
        <v>7</v>
      </c>
      <c r="IV31" s="70">
        <v>0</v>
      </c>
      <c r="IW31" s="71">
        <v>2</v>
      </c>
      <c r="IX31" s="72">
        <v>2</v>
      </c>
      <c r="IY31" s="244"/>
      <c r="IZ31" s="71">
        <v>3</v>
      </c>
      <c r="JA31" s="71">
        <v>3</v>
      </c>
      <c r="JB31" s="71">
        <v>1</v>
      </c>
      <c r="JC31" s="71">
        <v>1</v>
      </c>
      <c r="JD31" s="71">
        <v>1</v>
      </c>
      <c r="JE31" s="72">
        <v>9</v>
      </c>
      <c r="JF31" s="73">
        <v>11</v>
      </c>
      <c r="JG31" s="70">
        <v>0</v>
      </c>
      <c r="JH31" s="71">
        <v>1</v>
      </c>
      <c r="JI31" s="72">
        <v>1</v>
      </c>
      <c r="JJ31" s="244"/>
      <c r="JK31" s="71">
        <v>5</v>
      </c>
      <c r="JL31" s="71">
        <v>1</v>
      </c>
      <c r="JM31" s="71">
        <v>0</v>
      </c>
      <c r="JN31" s="71">
        <v>2</v>
      </c>
      <c r="JO31" s="71">
        <v>0</v>
      </c>
      <c r="JP31" s="72">
        <v>8</v>
      </c>
      <c r="JQ31" s="73">
        <v>9</v>
      </c>
      <c r="JR31" s="70">
        <v>0</v>
      </c>
      <c r="JS31" s="71">
        <v>0</v>
      </c>
      <c r="JT31" s="72">
        <v>0</v>
      </c>
      <c r="JU31" s="244"/>
      <c r="JV31" s="71">
        <v>0</v>
      </c>
      <c r="JW31" s="71">
        <v>0</v>
      </c>
      <c r="JX31" s="71">
        <v>0</v>
      </c>
      <c r="JY31" s="71">
        <v>0</v>
      </c>
      <c r="JZ31" s="71">
        <v>0</v>
      </c>
      <c r="KA31" s="72">
        <v>0</v>
      </c>
      <c r="KB31" s="73">
        <v>0</v>
      </c>
      <c r="KC31" s="70">
        <v>1</v>
      </c>
      <c r="KD31" s="71">
        <v>4</v>
      </c>
      <c r="KE31" s="72">
        <v>5</v>
      </c>
      <c r="KF31" s="244"/>
      <c r="KG31" s="71">
        <v>8</v>
      </c>
      <c r="KH31" s="71">
        <v>8</v>
      </c>
      <c r="KI31" s="71">
        <v>2</v>
      </c>
      <c r="KJ31" s="71">
        <v>6</v>
      </c>
      <c r="KK31" s="71">
        <v>2</v>
      </c>
      <c r="KL31" s="72">
        <v>26</v>
      </c>
      <c r="KM31" s="73">
        <v>31</v>
      </c>
    </row>
    <row r="32" spans="2:299" ht="21" customHeight="1" x14ac:dyDescent="0.2">
      <c r="B32" s="126" t="s">
        <v>29</v>
      </c>
      <c r="C32" s="315">
        <v>5</v>
      </c>
      <c r="D32" s="82">
        <v>2</v>
      </c>
      <c r="E32" s="83">
        <v>7</v>
      </c>
      <c r="F32" s="241"/>
      <c r="G32" s="82">
        <v>4</v>
      </c>
      <c r="H32" s="82">
        <v>7</v>
      </c>
      <c r="I32" s="82">
        <v>2</v>
      </c>
      <c r="J32" s="82">
        <v>4</v>
      </c>
      <c r="K32" s="82">
        <v>1</v>
      </c>
      <c r="L32" s="84">
        <v>18</v>
      </c>
      <c r="M32" s="85">
        <v>25</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0</v>
      </c>
      <c r="AR32" s="71">
        <v>1</v>
      </c>
      <c r="AS32" s="72">
        <v>1</v>
      </c>
      <c r="AT32" s="73">
        <v>2</v>
      </c>
      <c r="AU32" s="70">
        <v>1</v>
      </c>
      <c r="AV32" s="71">
        <v>1</v>
      </c>
      <c r="AW32" s="72">
        <v>2</v>
      </c>
      <c r="AX32" s="244"/>
      <c r="AY32" s="71">
        <v>1</v>
      </c>
      <c r="AZ32" s="71">
        <v>1</v>
      </c>
      <c r="BA32" s="71">
        <v>0</v>
      </c>
      <c r="BB32" s="71">
        <v>1</v>
      </c>
      <c r="BC32" s="71">
        <v>0</v>
      </c>
      <c r="BD32" s="72">
        <v>3</v>
      </c>
      <c r="BE32" s="73">
        <v>5</v>
      </c>
      <c r="BF32" s="70">
        <v>0</v>
      </c>
      <c r="BG32" s="71">
        <v>1</v>
      </c>
      <c r="BH32" s="72">
        <v>1</v>
      </c>
      <c r="BI32" s="244"/>
      <c r="BJ32" s="71">
        <v>3</v>
      </c>
      <c r="BK32" s="71">
        <v>3</v>
      </c>
      <c r="BL32" s="71">
        <v>0</v>
      </c>
      <c r="BM32" s="71">
        <v>1</v>
      </c>
      <c r="BN32" s="71">
        <v>0</v>
      </c>
      <c r="BO32" s="72">
        <v>7</v>
      </c>
      <c r="BP32" s="73">
        <v>8</v>
      </c>
      <c r="BQ32" s="70">
        <v>3</v>
      </c>
      <c r="BR32" s="71">
        <v>0</v>
      </c>
      <c r="BS32" s="72">
        <v>3</v>
      </c>
      <c r="BT32" s="244"/>
      <c r="BU32" s="71">
        <v>0</v>
      </c>
      <c r="BV32" s="71">
        <v>2</v>
      </c>
      <c r="BW32" s="71">
        <v>2</v>
      </c>
      <c r="BX32" s="71">
        <v>2</v>
      </c>
      <c r="BY32" s="71">
        <v>0</v>
      </c>
      <c r="BZ32" s="72">
        <v>6</v>
      </c>
      <c r="CA32" s="73">
        <v>9</v>
      </c>
      <c r="CB32" s="70">
        <v>0</v>
      </c>
      <c r="CC32" s="71">
        <v>0</v>
      </c>
      <c r="CD32" s="72">
        <v>0</v>
      </c>
      <c r="CE32" s="244"/>
      <c r="CF32" s="71">
        <v>0</v>
      </c>
      <c r="CG32" s="71">
        <v>0</v>
      </c>
      <c r="CH32" s="71">
        <v>0</v>
      </c>
      <c r="CI32" s="71">
        <v>0</v>
      </c>
      <c r="CJ32" s="71">
        <v>0</v>
      </c>
      <c r="CK32" s="72">
        <v>0</v>
      </c>
      <c r="CL32" s="73">
        <v>0</v>
      </c>
      <c r="CM32" s="70">
        <v>5</v>
      </c>
      <c r="CN32" s="71">
        <v>2</v>
      </c>
      <c r="CO32" s="72">
        <v>7</v>
      </c>
      <c r="CP32" s="244"/>
      <c r="CQ32" s="71">
        <v>4</v>
      </c>
      <c r="CR32" s="71">
        <v>7</v>
      </c>
      <c r="CS32" s="71">
        <v>2</v>
      </c>
      <c r="CT32" s="71">
        <v>4</v>
      </c>
      <c r="CU32" s="71">
        <v>1</v>
      </c>
      <c r="CV32" s="72">
        <v>18</v>
      </c>
      <c r="CW32" s="73">
        <v>25</v>
      </c>
      <c r="CX32" s="123">
        <v>2</v>
      </c>
      <c r="CY32" s="82">
        <v>0</v>
      </c>
      <c r="CZ32" s="83">
        <v>2</v>
      </c>
      <c r="DA32" s="241"/>
      <c r="DB32" s="82">
        <v>1</v>
      </c>
      <c r="DC32" s="82">
        <v>2</v>
      </c>
      <c r="DD32" s="82">
        <v>0</v>
      </c>
      <c r="DE32" s="82">
        <v>0</v>
      </c>
      <c r="DF32" s="82">
        <v>0</v>
      </c>
      <c r="DG32" s="84">
        <v>3</v>
      </c>
      <c r="DH32" s="85">
        <v>5</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1</v>
      </c>
      <c r="DZ32" s="71">
        <v>0</v>
      </c>
      <c r="EA32" s="71">
        <v>0</v>
      </c>
      <c r="EB32" s="71">
        <v>0</v>
      </c>
      <c r="EC32" s="72">
        <v>1</v>
      </c>
      <c r="ED32" s="73">
        <v>1</v>
      </c>
      <c r="EE32" s="70">
        <v>1</v>
      </c>
      <c r="EF32" s="71">
        <v>0</v>
      </c>
      <c r="EG32" s="72">
        <v>1</v>
      </c>
      <c r="EH32" s="244"/>
      <c r="EI32" s="71">
        <v>0</v>
      </c>
      <c r="EJ32" s="71">
        <v>0</v>
      </c>
      <c r="EK32" s="71">
        <v>0</v>
      </c>
      <c r="EL32" s="71">
        <v>0</v>
      </c>
      <c r="EM32" s="71">
        <v>0</v>
      </c>
      <c r="EN32" s="72">
        <v>0</v>
      </c>
      <c r="EO32" s="73">
        <v>1</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2</v>
      </c>
      <c r="GI32" s="71">
        <v>0</v>
      </c>
      <c r="GJ32" s="72">
        <v>2</v>
      </c>
      <c r="GK32" s="244"/>
      <c r="GL32" s="71">
        <v>1</v>
      </c>
      <c r="GM32" s="71">
        <v>2</v>
      </c>
      <c r="GN32" s="71">
        <v>0</v>
      </c>
      <c r="GO32" s="71">
        <v>0</v>
      </c>
      <c r="GP32" s="71">
        <v>0</v>
      </c>
      <c r="GQ32" s="72">
        <v>3</v>
      </c>
      <c r="GR32" s="73">
        <v>5</v>
      </c>
      <c r="GS32" s="123">
        <v>7</v>
      </c>
      <c r="GT32" s="82">
        <v>2</v>
      </c>
      <c r="GU32" s="83">
        <v>9</v>
      </c>
      <c r="GV32" s="241"/>
      <c r="GW32" s="82">
        <v>5</v>
      </c>
      <c r="GX32" s="82">
        <v>9</v>
      </c>
      <c r="GY32" s="82">
        <v>2</v>
      </c>
      <c r="GZ32" s="82">
        <v>4</v>
      </c>
      <c r="HA32" s="82">
        <v>1</v>
      </c>
      <c r="HB32" s="84">
        <v>21</v>
      </c>
      <c r="HC32" s="85">
        <v>30</v>
      </c>
      <c r="HD32" s="70">
        <v>0</v>
      </c>
      <c r="HE32" s="71">
        <v>0</v>
      </c>
      <c r="HF32" s="72">
        <v>0</v>
      </c>
      <c r="HG32" s="244"/>
      <c r="HH32" s="71">
        <v>0</v>
      </c>
      <c r="HI32" s="71">
        <v>0</v>
      </c>
      <c r="HJ32" s="71">
        <v>0</v>
      </c>
      <c r="HK32" s="71">
        <v>0</v>
      </c>
      <c r="HL32" s="71">
        <v>0</v>
      </c>
      <c r="HM32" s="72">
        <v>0</v>
      </c>
      <c r="HN32" s="73">
        <v>0</v>
      </c>
      <c r="HO32" s="70">
        <v>0</v>
      </c>
      <c r="HP32" s="71">
        <v>0</v>
      </c>
      <c r="HQ32" s="72">
        <v>0</v>
      </c>
      <c r="HR32" s="244"/>
      <c r="HS32" s="71">
        <v>0</v>
      </c>
      <c r="HT32" s="71">
        <v>2</v>
      </c>
      <c r="HU32" s="71">
        <v>0</v>
      </c>
      <c r="HV32" s="71">
        <v>0</v>
      </c>
      <c r="HW32" s="71">
        <v>0</v>
      </c>
      <c r="HX32" s="72">
        <v>2</v>
      </c>
      <c r="HY32" s="73">
        <v>2</v>
      </c>
      <c r="HZ32" s="70">
        <v>2</v>
      </c>
      <c r="IA32" s="71">
        <v>0</v>
      </c>
      <c r="IB32" s="72">
        <v>2</v>
      </c>
      <c r="IC32" s="244"/>
      <c r="ID32" s="71">
        <v>0</v>
      </c>
      <c r="IE32" s="71">
        <v>0</v>
      </c>
      <c r="IF32" s="71">
        <v>0</v>
      </c>
      <c r="IG32" s="71">
        <v>0</v>
      </c>
      <c r="IH32" s="71">
        <v>1</v>
      </c>
      <c r="II32" s="72">
        <v>1</v>
      </c>
      <c r="IJ32" s="73">
        <v>3</v>
      </c>
      <c r="IK32" s="70">
        <v>2</v>
      </c>
      <c r="IL32" s="71">
        <v>1</v>
      </c>
      <c r="IM32" s="72">
        <v>3</v>
      </c>
      <c r="IN32" s="244"/>
      <c r="IO32" s="71">
        <v>1</v>
      </c>
      <c r="IP32" s="71">
        <v>1</v>
      </c>
      <c r="IQ32" s="71">
        <v>0</v>
      </c>
      <c r="IR32" s="71">
        <v>1</v>
      </c>
      <c r="IS32" s="71">
        <v>0</v>
      </c>
      <c r="IT32" s="72">
        <v>3</v>
      </c>
      <c r="IU32" s="73">
        <v>6</v>
      </c>
      <c r="IV32" s="70">
        <v>0</v>
      </c>
      <c r="IW32" s="71">
        <v>1</v>
      </c>
      <c r="IX32" s="72">
        <v>1</v>
      </c>
      <c r="IY32" s="244"/>
      <c r="IZ32" s="71">
        <v>4</v>
      </c>
      <c r="JA32" s="71">
        <v>3</v>
      </c>
      <c r="JB32" s="71">
        <v>0</v>
      </c>
      <c r="JC32" s="71">
        <v>1</v>
      </c>
      <c r="JD32" s="71">
        <v>0</v>
      </c>
      <c r="JE32" s="72">
        <v>8</v>
      </c>
      <c r="JF32" s="73">
        <v>9</v>
      </c>
      <c r="JG32" s="70">
        <v>3</v>
      </c>
      <c r="JH32" s="71">
        <v>0</v>
      </c>
      <c r="JI32" s="72">
        <v>3</v>
      </c>
      <c r="JJ32" s="244"/>
      <c r="JK32" s="71">
        <v>0</v>
      </c>
      <c r="JL32" s="71">
        <v>3</v>
      </c>
      <c r="JM32" s="71">
        <v>2</v>
      </c>
      <c r="JN32" s="71">
        <v>2</v>
      </c>
      <c r="JO32" s="71">
        <v>0</v>
      </c>
      <c r="JP32" s="72">
        <v>7</v>
      </c>
      <c r="JQ32" s="73">
        <v>10</v>
      </c>
      <c r="JR32" s="70">
        <v>0</v>
      </c>
      <c r="JS32" s="71">
        <v>0</v>
      </c>
      <c r="JT32" s="72">
        <v>0</v>
      </c>
      <c r="JU32" s="244"/>
      <c r="JV32" s="71">
        <v>0</v>
      </c>
      <c r="JW32" s="71">
        <v>0</v>
      </c>
      <c r="JX32" s="71">
        <v>0</v>
      </c>
      <c r="JY32" s="71">
        <v>0</v>
      </c>
      <c r="JZ32" s="71">
        <v>0</v>
      </c>
      <c r="KA32" s="72">
        <v>0</v>
      </c>
      <c r="KB32" s="73">
        <v>0</v>
      </c>
      <c r="KC32" s="70">
        <v>7</v>
      </c>
      <c r="KD32" s="71">
        <v>2</v>
      </c>
      <c r="KE32" s="72">
        <v>9</v>
      </c>
      <c r="KF32" s="244"/>
      <c r="KG32" s="71">
        <v>5</v>
      </c>
      <c r="KH32" s="71">
        <v>9</v>
      </c>
      <c r="KI32" s="71">
        <v>2</v>
      </c>
      <c r="KJ32" s="71">
        <v>4</v>
      </c>
      <c r="KK32" s="71">
        <v>1</v>
      </c>
      <c r="KL32" s="72">
        <v>21</v>
      </c>
      <c r="KM32" s="73">
        <v>30</v>
      </c>
    </row>
    <row r="33" spans="2:299" ht="21" customHeight="1" x14ac:dyDescent="0.2">
      <c r="B33" s="126" t="s">
        <v>30</v>
      </c>
      <c r="C33" s="315">
        <v>3</v>
      </c>
      <c r="D33" s="82">
        <v>4</v>
      </c>
      <c r="E33" s="83">
        <v>7</v>
      </c>
      <c r="F33" s="241"/>
      <c r="G33" s="82">
        <v>8</v>
      </c>
      <c r="H33" s="82">
        <v>1</v>
      </c>
      <c r="I33" s="82">
        <v>2</v>
      </c>
      <c r="J33" s="82">
        <v>6</v>
      </c>
      <c r="K33" s="82">
        <v>3</v>
      </c>
      <c r="L33" s="84">
        <v>20</v>
      </c>
      <c r="M33" s="85">
        <v>27</v>
      </c>
      <c r="N33" s="70">
        <v>0</v>
      </c>
      <c r="O33" s="71">
        <v>0</v>
      </c>
      <c r="P33" s="72">
        <v>0</v>
      </c>
      <c r="Q33" s="244"/>
      <c r="R33" s="71">
        <v>0</v>
      </c>
      <c r="S33" s="71">
        <v>0</v>
      </c>
      <c r="T33" s="71">
        <v>0</v>
      </c>
      <c r="U33" s="71">
        <v>0</v>
      </c>
      <c r="V33" s="71">
        <v>0</v>
      </c>
      <c r="W33" s="72">
        <v>0</v>
      </c>
      <c r="X33" s="73">
        <v>0</v>
      </c>
      <c r="Y33" s="70">
        <v>1</v>
      </c>
      <c r="Z33" s="71">
        <v>1</v>
      </c>
      <c r="AA33" s="72">
        <v>2</v>
      </c>
      <c r="AB33" s="244"/>
      <c r="AC33" s="71">
        <v>0</v>
      </c>
      <c r="AD33" s="71">
        <v>0</v>
      </c>
      <c r="AE33" s="71">
        <v>0</v>
      </c>
      <c r="AF33" s="71">
        <v>0</v>
      </c>
      <c r="AG33" s="71">
        <v>0</v>
      </c>
      <c r="AH33" s="72">
        <v>0</v>
      </c>
      <c r="AI33" s="73">
        <v>2</v>
      </c>
      <c r="AJ33" s="70">
        <v>0</v>
      </c>
      <c r="AK33" s="71">
        <v>0</v>
      </c>
      <c r="AL33" s="72">
        <v>0</v>
      </c>
      <c r="AM33" s="244"/>
      <c r="AN33" s="71">
        <v>0</v>
      </c>
      <c r="AO33" s="71">
        <v>0</v>
      </c>
      <c r="AP33" s="71">
        <v>0</v>
      </c>
      <c r="AQ33" s="71">
        <v>1</v>
      </c>
      <c r="AR33" s="71">
        <v>0</v>
      </c>
      <c r="AS33" s="72">
        <v>1</v>
      </c>
      <c r="AT33" s="73">
        <v>1</v>
      </c>
      <c r="AU33" s="70">
        <v>0</v>
      </c>
      <c r="AV33" s="71">
        <v>1</v>
      </c>
      <c r="AW33" s="72">
        <v>1</v>
      </c>
      <c r="AX33" s="244"/>
      <c r="AY33" s="71">
        <v>1</v>
      </c>
      <c r="AZ33" s="71">
        <v>0</v>
      </c>
      <c r="BA33" s="71">
        <v>0</v>
      </c>
      <c r="BB33" s="71">
        <v>1</v>
      </c>
      <c r="BC33" s="71">
        <v>0</v>
      </c>
      <c r="BD33" s="72">
        <v>2</v>
      </c>
      <c r="BE33" s="73">
        <v>3</v>
      </c>
      <c r="BF33" s="70">
        <v>1</v>
      </c>
      <c r="BG33" s="71">
        <v>1</v>
      </c>
      <c r="BH33" s="72">
        <v>2</v>
      </c>
      <c r="BI33" s="244"/>
      <c r="BJ33" s="71">
        <v>2</v>
      </c>
      <c r="BK33" s="71">
        <v>0</v>
      </c>
      <c r="BL33" s="71">
        <v>0</v>
      </c>
      <c r="BM33" s="71">
        <v>1</v>
      </c>
      <c r="BN33" s="71">
        <v>0</v>
      </c>
      <c r="BO33" s="72">
        <v>3</v>
      </c>
      <c r="BP33" s="73">
        <v>5</v>
      </c>
      <c r="BQ33" s="70">
        <v>1</v>
      </c>
      <c r="BR33" s="71">
        <v>1</v>
      </c>
      <c r="BS33" s="72">
        <v>2</v>
      </c>
      <c r="BT33" s="244"/>
      <c r="BU33" s="71">
        <v>5</v>
      </c>
      <c r="BV33" s="71">
        <v>1</v>
      </c>
      <c r="BW33" s="71">
        <v>2</v>
      </c>
      <c r="BX33" s="71">
        <v>3</v>
      </c>
      <c r="BY33" s="71">
        <v>3</v>
      </c>
      <c r="BZ33" s="72">
        <v>14</v>
      </c>
      <c r="CA33" s="73">
        <v>16</v>
      </c>
      <c r="CB33" s="70">
        <v>0</v>
      </c>
      <c r="CC33" s="71">
        <v>0</v>
      </c>
      <c r="CD33" s="72">
        <v>0</v>
      </c>
      <c r="CE33" s="244"/>
      <c r="CF33" s="71">
        <v>0</v>
      </c>
      <c r="CG33" s="71">
        <v>0</v>
      </c>
      <c r="CH33" s="71">
        <v>0</v>
      </c>
      <c r="CI33" s="71">
        <v>0</v>
      </c>
      <c r="CJ33" s="71">
        <v>0</v>
      </c>
      <c r="CK33" s="72">
        <v>0</v>
      </c>
      <c r="CL33" s="73">
        <v>0</v>
      </c>
      <c r="CM33" s="70">
        <v>3</v>
      </c>
      <c r="CN33" s="71">
        <v>4</v>
      </c>
      <c r="CO33" s="72">
        <v>7</v>
      </c>
      <c r="CP33" s="244"/>
      <c r="CQ33" s="71">
        <v>8</v>
      </c>
      <c r="CR33" s="71">
        <v>1</v>
      </c>
      <c r="CS33" s="71">
        <v>2</v>
      </c>
      <c r="CT33" s="71">
        <v>6</v>
      </c>
      <c r="CU33" s="71">
        <v>3</v>
      </c>
      <c r="CV33" s="72">
        <v>20</v>
      </c>
      <c r="CW33" s="73">
        <v>27</v>
      </c>
      <c r="CX33" s="123">
        <v>1</v>
      </c>
      <c r="CY33" s="82">
        <v>1</v>
      </c>
      <c r="CZ33" s="83">
        <v>2</v>
      </c>
      <c r="DA33" s="241"/>
      <c r="DB33" s="82">
        <v>2</v>
      </c>
      <c r="DC33" s="82">
        <v>0</v>
      </c>
      <c r="DD33" s="82">
        <v>2</v>
      </c>
      <c r="DE33" s="82">
        <v>1</v>
      </c>
      <c r="DF33" s="82">
        <v>1</v>
      </c>
      <c r="DG33" s="84">
        <v>6</v>
      </c>
      <c r="DH33" s="85">
        <v>8</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1</v>
      </c>
      <c r="FI33" s="71">
        <v>0</v>
      </c>
      <c r="FJ33" s="72">
        <v>2</v>
      </c>
      <c r="FK33" s="73">
        <v>3</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1</v>
      </c>
      <c r="GJ33" s="72">
        <v>2</v>
      </c>
      <c r="GK33" s="244"/>
      <c r="GL33" s="71">
        <v>2</v>
      </c>
      <c r="GM33" s="71">
        <v>0</v>
      </c>
      <c r="GN33" s="71">
        <v>2</v>
      </c>
      <c r="GO33" s="71">
        <v>1</v>
      </c>
      <c r="GP33" s="71">
        <v>1</v>
      </c>
      <c r="GQ33" s="72">
        <v>6</v>
      </c>
      <c r="GR33" s="73">
        <v>8</v>
      </c>
      <c r="GS33" s="123">
        <v>4</v>
      </c>
      <c r="GT33" s="82">
        <v>5</v>
      </c>
      <c r="GU33" s="83">
        <v>9</v>
      </c>
      <c r="GV33" s="241"/>
      <c r="GW33" s="82">
        <v>10</v>
      </c>
      <c r="GX33" s="82">
        <v>1</v>
      </c>
      <c r="GY33" s="82">
        <v>4</v>
      </c>
      <c r="GZ33" s="82">
        <v>7</v>
      </c>
      <c r="HA33" s="82">
        <v>4</v>
      </c>
      <c r="HB33" s="84">
        <v>26</v>
      </c>
      <c r="HC33" s="85">
        <v>35</v>
      </c>
      <c r="HD33" s="70">
        <v>0</v>
      </c>
      <c r="HE33" s="71">
        <v>0</v>
      </c>
      <c r="HF33" s="72">
        <v>0</v>
      </c>
      <c r="HG33" s="244"/>
      <c r="HH33" s="71">
        <v>0</v>
      </c>
      <c r="HI33" s="71">
        <v>0</v>
      </c>
      <c r="HJ33" s="71">
        <v>0</v>
      </c>
      <c r="HK33" s="71">
        <v>0</v>
      </c>
      <c r="HL33" s="71">
        <v>0</v>
      </c>
      <c r="HM33" s="72">
        <v>0</v>
      </c>
      <c r="HN33" s="73">
        <v>0</v>
      </c>
      <c r="HO33" s="70">
        <v>1</v>
      </c>
      <c r="HP33" s="71">
        <v>1</v>
      </c>
      <c r="HQ33" s="72">
        <v>2</v>
      </c>
      <c r="HR33" s="244"/>
      <c r="HS33" s="71">
        <v>1</v>
      </c>
      <c r="HT33" s="71">
        <v>0</v>
      </c>
      <c r="HU33" s="71">
        <v>0</v>
      </c>
      <c r="HV33" s="71">
        <v>0</v>
      </c>
      <c r="HW33" s="71">
        <v>0</v>
      </c>
      <c r="HX33" s="72">
        <v>1</v>
      </c>
      <c r="HY33" s="73">
        <v>3</v>
      </c>
      <c r="HZ33" s="70">
        <v>0</v>
      </c>
      <c r="IA33" s="71">
        <v>0</v>
      </c>
      <c r="IB33" s="72">
        <v>0</v>
      </c>
      <c r="IC33" s="244"/>
      <c r="ID33" s="71">
        <v>0</v>
      </c>
      <c r="IE33" s="71">
        <v>0</v>
      </c>
      <c r="IF33" s="71">
        <v>0</v>
      </c>
      <c r="IG33" s="71">
        <v>1</v>
      </c>
      <c r="IH33" s="71">
        <v>0</v>
      </c>
      <c r="II33" s="72">
        <v>1</v>
      </c>
      <c r="IJ33" s="73">
        <v>1</v>
      </c>
      <c r="IK33" s="70">
        <v>1</v>
      </c>
      <c r="IL33" s="71">
        <v>1</v>
      </c>
      <c r="IM33" s="72">
        <v>2</v>
      </c>
      <c r="IN33" s="244"/>
      <c r="IO33" s="71">
        <v>2</v>
      </c>
      <c r="IP33" s="71">
        <v>0</v>
      </c>
      <c r="IQ33" s="71">
        <v>0</v>
      </c>
      <c r="IR33" s="71">
        <v>1</v>
      </c>
      <c r="IS33" s="71">
        <v>0</v>
      </c>
      <c r="IT33" s="72">
        <v>3</v>
      </c>
      <c r="IU33" s="73">
        <v>5</v>
      </c>
      <c r="IV33" s="70">
        <v>1</v>
      </c>
      <c r="IW33" s="71">
        <v>2</v>
      </c>
      <c r="IX33" s="72">
        <v>3</v>
      </c>
      <c r="IY33" s="244"/>
      <c r="IZ33" s="71">
        <v>2</v>
      </c>
      <c r="JA33" s="71">
        <v>0</v>
      </c>
      <c r="JB33" s="71">
        <v>1</v>
      </c>
      <c r="JC33" s="71">
        <v>2</v>
      </c>
      <c r="JD33" s="71">
        <v>0</v>
      </c>
      <c r="JE33" s="72">
        <v>5</v>
      </c>
      <c r="JF33" s="73">
        <v>8</v>
      </c>
      <c r="JG33" s="70">
        <v>1</v>
      </c>
      <c r="JH33" s="71">
        <v>1</v>
      </c>
      <c r="JI33" s="72">
        <v>2</v>
      </c>
      <c r="JJ33" s="244"/>
      <c r="JK33" s="71">
        <v>5</v>
      </c>
      <c r="JL33" s="71">
        <v>1</v>
      </c>
      <c r="JM33" s="71">
        <v>3</v>
      </c>
      <c r="JN33" s="71">
        <v>3</v>
      </c>
      <c r="JO33" s="71">
        <v>4</v>
      </c>
      <c r="JP33" s="72">
        <v>16</v>
      </c>
      <c r="JQ33" s="73">
        <v>18</v>
      </c>
      <c r="JR33" s="70">
        <v>0</v>
      </c>
      <c r="JS33" s="71">
        <v>0</v>
      </c>
      <c r="JT33" s="72">
        <v>0</v>
      </c>
      <c r="JU33" s="244"/>
      <c r="JV33" s="71">
        <v>0</v>
      </c>
      <c r="JW33" s="71">
        <v>0</v>
      </c>
      <c r="JX33" s="71">
        <v>0</v>
      </c>
      <c r="JY33" s="71">
        <v>0</v>
      </c>
      <c r="JZ33" s="71">
        <v>0</v>
      </c>
      <c r="KA33" s="72">
        <v>0</v>
      </c>
      <c r="KB33" s="73">
        <v>0</v>
      </c>
      <c r="KC33" s="70">
        <v>4</v>
      </c>
      <c r="KD33" s="71">
        <v>5</v>
      </c>
      <c r="KE33" s="72">
        <v>9</v>
      </c>
      <c r="KF33" s="244"/>
      <c r="KG33" s="71">
        <v>10</v>
      </c>
      <c r="KH33" s="71">
        <v>1</v>
      </c>
      <c r="KI33" s="71">
        <v>4</v>
      </c>
      <c r="KJ33" s="71">
        <v>7</v>
      </c>
      <c r="KK33" s="71">
        <v>4</v>
      </c>
      <c r="KL33" s="72">
        <v>26</v>
      </c>
      <c r="KM33" s="73">
        <v>35</v>
      </c>
    </row>
    <row r="34" spans="2:299" ht="21" customHeight="1" x14ac:dyDescent="0.2">
      <c r="B34" s="126" t="s">
        <v>31</v>
      </c>
      <c r="C34" s="315">
        <v>6</v>
      </c>
      <c r="D34" s="82">
        <v>6</v>
      </c>
      <c r="E34" s="83">
        <v>12</v>
      </c>
      <c r="F34" s="241"/>
      <c r="G34" s="82">
        <v>9</v>
      </c>
      <c r="H34" s="82">
        <v>9</v>
      </c>
      <c r="I34" s="82">
        <v>5</v>
      </c>
      <c r="J34" s="82">
        <v>4</v>
      </c>
      <c r="K34" s="82">
        <v>1</v>
      </c>
      <c r="L34" s="84">
        <v>28</v>
      </c>
      <c r="M34" s="85">
        <v>40</v>
      </c>
      <c r="N34" s="70">
        <v>0</v>
      </c>
      <c r="O34" s="71">
        <v>0</v>
      </c>
      <c r="P34" s="72">
        <v>0</v>
      </c>
      <c r="Q34" s="244"/>
      <c r="R34" s="71">
        <v>0</v>
      </c>
      <c r="S34" s="71">
        <v>0</v>
      </c>
      <c r="T34" s="71">
        <v>0</v>
      </c>
      <c r="U34" s="71">
        <v>1</v>
      </c>
      <c r="V34" s="71">
        <v>0</v>
      </c>
      <c r="W34" s="72">
        <v>1</v>
      </c>
      <c r="X34" s="73">
        <v>1</v>
      </c>
      <c r="Y34" s="70">
        <v>0</v>
      </c>
      <c r="Z34" s="71">
        <v>1</v>
      </c>
      <c r="AA34" s="72">
        <v>1</v>
      </c>
      <c r="AB34" s="244"/>
      <c r="AC34" s="71">
        <v>1</v>
      </c>
      <c r="AD34" s="71">
        <v>0</v>
      </c>
      <c r="AE34" s="71">
        <v>0</v>
      </c>
      <c r="AF34" s="71">
        <v>0</v>
      </c>
      <c r="AG34" s="71">
        <v>0</v>
      </c>
      <c r="AH34" s="72">
        <v>1</v>
      </c>
      <c r="AI34" s="73">
        <v>2</v>
      </c>
      <c r="AJ34" s="70">
        <v>0</v>
      </c>
      <c r="AK34" s="71">
        <v>1</v>
      </c>
      <c r="AL34" s="72">
        <v>1</v>
      </c>
      <c r="AM34" s="244"/>
      <c r="AN34" s="71">
        <v>0</v>
      </c>
      <c r="AO34" s="71">
        <v>0</v>
      </c>
      <c r="AP34" s="71">
        <v>1</v>
      </c>
      <c r="AQ34" s="71">
        <v>0</v>
      </c>
      <c r="AR34" s="71">
        <v>0</v>
      </c>
      <c r="AS34" s="72">
        <v>1</v>
      </c>
      <c r="AT34" s="73">
        <v>2</v>
      </c>
      <c r="AU34" s="70">
        <v>0</v>
      </c>
      <c r="AV34" s="71">
        <v>2</v>
      </c>
      <c r="AW34" s="72">
        <v>2</v>
      </c>
      <c r="AX34" s="244"/>
      <c r="AY34" s="71">
        <v>3</v>
      </c>
      <c r="AZ34" s="71">
        <v>1</v>
      </c>
      <c r="BA34" s="71">
        <v>0</v>
      </c>
      <c r="BB34" s="71">
        <v>1</v>
      </c>
      <c r="BC34" s="71">
        <v>0</v>
      </c>
      <c r="BD34" s="72">
        <v>5</v>
      </c>
      <c r="BE34" s="73">
        <v>7</v>
      </c>
      <c r="BF34" s="70">
        <v>2</v>
      </c>
      <c r="BG34" s="71">
        <v>0</v>
      </c>
      <c r="BH34" s="72">
        <v>2</v>
      </c>
      <c r="BI34" s="244"/>
      <c r="BJ34" s="71">
        <v>3</v>
      </c>
      <c r="BK34" s="71">
        <v>3</v>
      </c>
      <c r="BL34" s="71">
        <v>0</v>
      </c>
      <c r="BM34" s="71">
        <v>0</v>
      </c>
      <c r="BN34" s="71">
        <v>0</v>
      </c>
      <c r="BO34" s="72">
        <v>6</v>
      </c>
      <c r="BP34" s="73">
        <v>8</v>
      </c>
      <c r="BQ34" s="70">
        <v>4</v>
      </c>
      <c r="BR34" s="71">
        <v>2</v>
      </c>
      <c r="BS34" s="72">
        <v>6</v>
      </c>
      <c r="BT34" s="244"/>
      <c r="BU34" s="71">
        <v>2</v>
      </c>
      <c r="BV34" s="71">
        <v>5</v>
      </c>
      <c r="BW34" s="71">
        <v>4</v>
      </c>
      <c r="BX34" s="71">
        <v>2</v>
      </c>
      <c r="BY34" s="71">
        <v>1</v>
      </c>
      <c r="BZ34" s="72">
        <v>14</v>
      </c>
      <c r="CA34" s="73">
        <v>20</v>
      </c>
      <c r="CB34" s="70">
        <v>0</v>
      </c>
      <c r="CC34" s="71">
        <v>0</v>
      </c>
      <c r="CD34" s="72">
        <v>0</v>
      </c>
      <c r="CE34" s="244"/>
      <c r="CF34" s="71">
        <v>0</v>
      </c>
      <c r="CG34" s="71">
        <v>0</v>
      </c>
      <c r="CH34" s="71">
        <v>0</v>
      </c>
      <c r="CI34" s="71">
        <v>0</v>
      </c>
      <c r="CJ34" s="71">
        <v>0</v>
      </c>
      <c r="CK34" s="72">
        <v>0</v>
      </c>
      <c r="CL34" s="73">
        <v>0</v>
      </c>
      <c r="CM34" s="70">
        <v>6</v>
      </c>
      <c r="CN34" s="71">
        <v>6</v>
      </c>
      <c r="CO34" s="72">
        <v>12</v>
      </c>
      <c r="CP34" s="244"/>
      <c r="CQ34" s="71">
        <v>9</v>
      </c>
      <c r="CR34" s="71">
        <v>9</v>
      </c>
      <c r="CS34" s="71">
        <v>5</v>
      </c>
      <c r="CT34" s="71">
        <v>4</v>
      </c>
      <c r="CU34" s="71">
        <v>1</v>
      </c>
      <c r="CV34" s="72">
        <v>28</v>
      </c>
      <c r="CW34" s="73">
        <v>40</v>
      </c>
      <c r="CX34" s="123">
        <v>1</v>
      </c>
      <c r="CY34" s="82">
        <v>2</v>
      </c>
      <c r="CZ34" s="83">
        <v>3</v>
      </c>
      <c r="DA34" s="241"/>
      <c r="DB34" s="82">
        <v>1</v>
      </c>
      <c r="DC34" s="82">
        <v>3</v>
      </c>
      <c r="DD34" s="82">
        <v>1</v>
      </c>
      <c r="DE34" s="82">
        <v>1</v>
      </c>
      <c r="DF34" s="82">
        <v>1</v>
      </c>
      <c r="DG34" s="84">
        <v>7</v>
      </c>
      <c r="DH34" s="85">
        <v>10</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1</v>
      </c>
      <c r="EV34" s="71">
        <v>1</v>
      </c>
      <c r="EW34" s="71">
        <v>0</v>
      </c>
      <c r="EX34" s="71">
        <v>0</v>
      </c>
      <c r="EY34" s="72">
        <v>2</v>
      </c>
      <c r="EZ34" s="73">
        <v>4</v>
      </c>
      <c r="FA34" s="70">
        <v>0</v>
      </c>
      <c r="FB34" s="71">
        <v>1</v>
      </c>
      <c r="FC34" s="72">
        <v>1</v>
      </c>
      <c r="FD34" s="244"/>
      <c r="FE34" s="71">
        <v>0</v>
      </c>
      <c r="FF34" s="71">
        <v>1</v>
      </c>
      <c r="FG34" s="71">
        <v>0</v>
      </c>
      <c r="FH34" s="71">
        <v>0</v>
      </c>
      <c r="FI34" s="71">
        <v>0</v>
      </c>
      <c r="FJ34" s="72">
        <v>1</v>
      </c>
      <c r="FK34" s="73">
        <v>2</v>
      </c>
      <c r="FL34" s="70">
        <v>0</v>
      </c>
      <c r="FM34" s="71">
        <v>0</v>
      </c>
      <c r="FN34" s="72">
        <v>0</v>
      </c>
      <c r="FO34" s="244"/>
      <c r="FP34" s="71">
        <v>0</v>
      </c>
      <c r="FQ34" s="71">
        <v>1</v>
      </c>
      <c r="FR34" s="71">
        <v>0</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3</v>
      </c>
      <c r="GN34" s="71">
        <v>1</v>
      </c>
      <c r="GO34" s="71">
        <v>1</v>
      </c>
      <c r="GP34" s="71">
        <v>1</v>
      </c>
      <c r="GQ34" s="72">
        <v>7</v>
      </c>
      <c r="GR34" s="73">
        <v>10</v>
      </c>
      <c r="GS34" s="123">
        <v>7</v>
      </c>
      <c r="GT34" s="82">
        <v>8</v>
      </c>
      <c r="GU34" s="83">
        <v>15</v>
      </c>
      <c r="GV34" s="241"/>
      <c r="GW34" s="82">
        <v>10</v>
      </c>
      <c r="GX34" s="82">
        <v>12</v>
      </c>
      <c r="GY34" s="82">
        <v>6</v>
      </c>
      <c r="GZ34" s="82">
        <v>5</v>
      </c>
      <c r="HA34" s="82">
        <v>2</v>
      </c>
      <c r="HB34" s="84">
        <v>35</v>
      </c>
      <c r="HC34" s="85">
        <v>50</v>
      </c>
      <c r="HD34" s="70">
        <v>0</v>
      </c>
      <c r="HE34" s="71">
        <v>0</v>
      </c>
      <c r="HF34" s="72">
        <v>0</v>
      </c>
      <c r="HG34" s="244"/>
      <c r="HH34" s="71">
        <v>0</v>
      </c>
      <c r="HI34" s="71">
        <v>0</v>
      </c>
      <c r="HJ34" s="71">
        <v>0</v>
      </c>
      <c r="HK34" s="71">
        <v>1</v>
      </c>
      <c r="HL34" s="71">
        <v>0</v>
      </c>
      <c r="HM34" s="72">
        <v>1</v>
      </c>
      <c r="HN34" s="73">
        <v>1</v>
      </c>
      <c r="HO34" s="70">
        <v>0</v>
      </c>
      <c r="HP34" s="71">
        <v>1</v>
      </c>
      <c r="HQ34" s="72">
        <v>1</v>
      </c>
      <c r="HR34" s="244"/>
      <c r="HS34" s="71">
        <v>1</v>
      </c>
      <c r="HT34" s="71">
        <v>0</v>
      </c>
      <c r="HU34" s="71">
        <v>0</v>
      </c>
      <c r="HV34" s="71">
        <v>0</v>
      </c>
      <c r="HW34" s="71">
        <v>0</v>
      </c>
      <c r="HX34" s="72">
        <v>1</v>
      </c>
      <c r="HY34" s="73">
        <v>2</v>
      </c>
      <c r="HZ34" s="70">
        <v>0</v>
      </c>
      <c r="IA34" s="71">
        <v>1</v>
      </c>
      <c r="IB34" s="72">
        <v>1</v>
      </c>
      <c r="IC34" s="244"/>
      <c r="ID34" s="71">
        <v>1</v>
      </c>
      <c r="IE34" s="71">
        <v>0</v>
      </c>
      <c r="IF34" s="71">
        <v>1</v>
      </c>
      <c r="IG34" s="71">
        <v>0</v>
      </c>
      <c r="IH34" s="71">
        <v>0</v>
      </c>
      <c r="II34" s="72">
        <v>2</v>
      </c>
      <c r="IJ34" s="73">
        <v>3</v>
      </c>
      <c r="IK34" s="70">
        <v>1</v>
      </c>
      <c r="IL34" s="71">
        <v>3</v>
      </c>
      <c r="IM34" s="72">
        <v>4</v>
      </c>
      <c r="IN34" s="244"/>
      <c r="IO34" s="71">
        <v>3</v>
      </c>
      <c r="IP34" s="71">
        <v>2</v>
      </c>
      <c r="IQ34" s="71">
        <v>1</v>
      </c>
      <c r="IR34" s="71">
        <v>1</v>
      </c>
      <c r="IS34" s="71">
        <v>0</v>
      </c>
      <c r="IT34" s="72">
        <v>7</v>
      </c>
      <c r="IU34" s="73">
        <v>11</v>
      </c>
      <c r="IV34" s="70">
        <v>2</v>
      </c>
      <c r="IW34" s="71">
        <v>1</v>
      </c>
      <c r="IX34" s="72">
        <v>3</v>
      </c>
      <c r="IY34" s="244"/>
      <c r="IZ34" s="71">
        <v>3</v>
      </c>
      <c r="JA34" s="71">
        <v>4</v>
      </c>
      <c r="JB34" s="71">
        <v>0</v>
      </c>
      <c r="JC34" s="71">
        <v>0</v>
      </c>
      <c r="JD34" s="71">
        <v>0</v>
      </c>
      <c r="JE34" s="72">
        <v>7</v>
      </c>
      <c r="JF34" s="73">
        <v>10</v>
      </c>
      <c r="JG34" s="70">
        <v>4</v>
      </c>
      <c r="JH34" s="71">
        <v>2</v>
      </c>
      <c r="JI34" s="72">
        <v>6</v>
      </c>
      <c r="JJ34" s="244"/>
      <c r="JK34" s="71">
        <v>2</v>
      </c>
      <c r="JL34" s="71">
        <v>6</v>
      </c>
      <c r="JM34" s="71">
        <v>4</v>
      </c>
      <c r="JN34" s="71">
        <v>3</v>
      </c>
      <c r="JO34" s="71">
        <v>2</v>
      </c>
      <c r="JP34" s="72">
        <v>17</v>
      </c>
      <c r="JQ34" s="73">
        <v>23</v>
      </c>
      <c r="JR34" s="70">
        <v>0</v>
      </c>
      <c r="JS34" s="71">
        <v>0</v>
      </c>
      <c r="JT34" s="72">
        <v>0</v>
      </c>
      <c r="JU34" s="244"/>
      <c r="JV34" s="71">
        <v>0</v>
      </c>
      <c r="JW34" s="71">
        <v>0</v>
      </c>
      <c r="JX34" s="71">
        <v>0</v>
      </c>
      <c r="JY34" s="71">
        <v>0</v>
      </c>
      <c r="JZ34" s="71">
        <v>0</v>
      </c>
      <c r="KA34" s="72">
        <v>0</v>
      </c>
      <c r="KB34" s="73">
        <v>0</v>
      </c>
      <c r="KC34" s="70">
        <v>7</v>
      </c>
      <c r="KD34" s="71">
        <v>8</v>
      </c>
      <c r="KE34" s="72">
        <v>15</v>
      </c>
      <c r="KF34" s="244"/>
      <c r="KG34" s="71">
        <v>10</v>
      </c>
      <c r="KH34" s="71">
        <v>12</v>
      </c>
      <c r="KI34" s="71">
        <v>6</v>
      </c>
      <c r="KJ34" s="71">
        <v>5</v>
      </c>
      <c r="KK34" s="71">
        <v>2</v>
      </c>
      <c r="KL34" s="72">
        <v>35</v>
      </c>
      <c r="KM34" s="73">
        <v>50</v>
      </c>
    </row>
    <row r="35" spans="2:299" ht="21" customHeight="1" x14ac:dyDescent="0.2">
      <c r="B35" s="126" t="s">
        <v>32</v>
      </c>
      <c r="C35" s="315">
        <v>1</v>
      </c>
      <c r="D35" s="82">
        <v>5</v>
      </c>
      <c r="E35" s="83">
        <v>6</v>
      </c>
      <c r="F35" s="241"/>
      <c r="G35" s="82">
        <v>9</v>
      </c>
      <c r="H35" s="82">
        <v>13</v>
      </c>
      <c r="I35" s="82">
        <v>7</v>
      </c>
      <c r="J35" s="82">
        <v>4</v>
      </c>
      <c r="K35" s="82">
        <v>1</v>
      </c>
      <c r="L35" s="84">
        <v>34</v>
      </c>
      <c r="M35" s="85">
        <v>40</v>
      </c>
      <c r="N35" s="70">
        <v>0</v>
      </c>
      <c r="O35" s="71">
        <v>0</v>
      </c>
      <c r="P35" s="72">
        <v>0</v>
      </c>
      <c r="Q35" s="244"/>
      <c r="R35" s="71">
        <v>0</v>
      </c>
      <c r="S35" s="71">
        <v>0</v>
      </c>
      <c r="T35" s="71">
        <v>0</v>
      </c>
      <c r="U35" s="71">
        <v>0</v>
      </c>
      <c r="V35" s="71">
        <v>0</v>
      </c>
      <c r="W35" s="72">
        <v>0</v>
      </c>
      <c r="X35" s="73">
        <v>0</v>
      </c>
      <c r="Y35" s="70">
        <v>1</v>
      </c>
      <c r="Z35" s="71">
        <v>0</v>
      </c>
      <c r="AA35" s="72">
        <v>1</v>
      </c>
      <c r="AB35" s="244"/>
      <c r="AC35" s="71">
        <v>0</v>
      </c>
      <c r="AD35" s="71">
        <v>0</v>
      </c>
      <c r="AE35" s="71">
        <v>0</v>
      </c>
      <c r="AF35" s="71">
        <v>0</v>
      </c>
      <c r="AG35" s="71">
        <v>0</v>
      </c>
      <c r="AH35" s="72">
        <v>0</v>
      </c>
      <c r="AI35" s="73">
        <v>1</v>
      </c>
      <c r="AJ35" s="70">
        <v>0</v>
      </c>
      <c r="AK35" s="71">
        <v>0</v>
      </c>
      <c r="AL35" s="72">
        <v>0</v>
      </c>
      <c r="AM35" s="244"/>
      <c r="AN35" s="71">
        <v>0</v>
      </c>
      <c r="AO35" s="71">
        <v>2</v>
      </c>
      <c r="AP35" s="71">
        <v>1</v>
      </c>
      <c r="AQ35" s="71">
        <v>0</v>
      </c>
      <c r="AR35" s="71">
        <v>0</v>
      </c>
      <c r="AS35" s="72">
        <v>3</v>
      </c>
      <c r="AT35" s="73">
        <v>3</v>
      </c>
      <c r="AU35" s="70">
        <v>0</v>
      </c>
      <c r="AV35" s="71">
        <v>1</v>
      </c>
      <c r="AW35" s="72">
        <v>1</v>
      </c>
      <c r="AX35" s="244"/>
      <c r="AY35" s="71">
        <v>2</v>
      </c>
      <c r="AZ35" s="71">
        <v>1</v>
      </c>
      <c r="BA35" s="71">
        <v>1</v>
      </c>
      <c r="BB35" s="71">
        <v>1</v>
      </c>
      <c r="BC35" s="71">
        <v>0</v>
      </c>
      <c r="BD35" s="72">
        <v>5</v>
      </c>
      <c r="BE35" s="73">
        <v>6</v>
      </c>
      <c r="BF35" s="70">
        <v>0</v>
      </c>
      <c r="BG35" s="71">
        <v>3</v>
      </c>
      <c r="BH35" s="72">
        <v>3</v>
      </c>
      <c r="BI35" s="244"/>
      <c r="BJ35" s="71">
        <v>4</v>
      </c>
      <c r="BK35" s="71">
        <v>5</v>
      </c>
      <c r="BL35" s="71">
        <v>3</v>
      </c>
      <c r="BM35" s="71">
        <v>2</v>
      </c>
      <c r="BN35" s="71">
        <v>1</v>
      </c>
      <c r="BO35" s="72">
        <v>15</v>
      </c>
      <c r="BP35" s="73">
        <v>18</v>
      </c>
      <c r="BQ35" s="70">
        <v>0</v>
      </c>
      <c r="BR35" s="71">
        <v>1</v>
      </c>
      <c r="BS35" s="72">
        <v>1</v>
      </c>
      <c r="BT35" s="244"/>
      <c r="BU35" s="71">
        <v>3</v>
      </c>
      <c r="BV35" s="71">
        <v>5</v>
      </c>
      <c r="BW35" s="71">
        <v>2</v>
      </c>
      <c r="BX35" s="71">
        <v>1</v>
      </c>
      <c r="BY35" s="71">
        <v>0</v>
      </c>
      <c r="BZ35" s="72">
        <v>11</v>
      </c>
      <c r="CA35" s="73">
        <v>12</v>
      </c>
      <c r="CB35" s="70">
        <v>0</v>
      </c>
      <c r="CC35" s="71">
        <v>0</v>
      </c>
      <c r="CD35" s="72">
        <v>0</v>
      </c>
      <c r="CE35" s="244"/>
      <c r="CF35" s="71">
        <v>0</v>
      </c>
      <c r="CG35" s="71">
        <v>0</v>
      </c>
      <c r="CH35" s="71">
        <v>0</v>
      </c>
      <c r="CI35" s="71">
        <v>0</v>
      </c>
      <c r="CJ35" s="71">
        <v>0</v>
      </c>
      <c r="CK35" s="72">
        <v>0</v>
      </c>
      <c r="CL35" s="73">
        <v>0</v>
      </c>
      <c r="CM35" s="70">
        <v>1</v>
      </c>
      <c r="CN35" s="71">
        <v>5</v>
      </c>
      <c r="CO35" s="72">
        <v>6</v>
      </c>
      <c r="CP35" s="244"/>
      <c r="CQ35" s="71">
        <v>9</v>
      </c>
      <c r="CR35" s="71">
        <v>13</v>
      </c>
      <c r="CS35" s="71">
        <v>7</v>
      </c>
      <c r="CT35" s="71">
        <v>4</v>
      </c>
      <c r="CU35" s="71">
        <v>1</v>
      </c>
      <c r="CV35" s="72">
        <v>34</v>
      </c>
      <c r="CW35" s="73">
        <v>40</v>
      </c>
      <c r="CX35" s="123">
        <v>0</v>
      </c>
      <c r="CY35" s="82">
        <v>0</v>
      </c>
      <c r="CZ35" s="83">
        <v>0</v>
      </c>
      <c r="DA35" s="241"/>
      <c r="DB35" s="82">
        <v>1</v>
      </c>
      <c r="DC35" s="82">
        <v>2</v>
      </c>
      <c r="DD35" s="82">
        <v>4</v>
      </c>
      <c r="DE35" s="82">
        <v>3</v>
      </c>
      <c r="DF35" s="82">
        <v>3</v>
      </c>
      <c r="DG35" s="84">
        <v>13</v>
      </c>
      <c r="DH35" s="85">
        <v>13</v>
      </c>
      <c r="DI35" s="70">
        <v>0</v>
      </c>
      <c r="DJ35" s="71">
        <v>0</v>
      </c>
      <c r="DK35" s="72">
        <v>0</v>
      </c>
      <c r="DL35" s="244"/>
      <c r="DM35" s="71">
        <v>0</v>
      </c>
      <c r="DN35" s="71">
        <v>0</v>
      </c>
      <c r="DO35" s="71">
        <v>1</v>
      </c>
      <c r="DP35" s="71">
        <v>0</v>
      </c>
      <c r="DQ35" s="71">
        <v>0</v>
      </c>
      <c r="DR35" s="72">
        <v>1</v>
      </c>
      <c r="DS35" s="73">
        <v>1</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0</v>
      </c>
      <c r="EU35" s="71">
        <v>1</v>
      </c>
      <c r="EV35" s="71">
        <v>1</v>
      </c>
      <c r="EW35" s="71">
        <v>0</v>
      </c>
      <c r="EX35" s="71">
        <v>0</v>
      </c>
      <c r="EY35" s="72">
        <v>2</v>
      </c>
      <c r="EZ35" s="73">
        <v>2</v>
      </c>
      <c r="FA35" s="70">
        <v>0</v>
      </c>
      <c r="FB35" s="71">
        <v>0</v>
      </c>
      <c r="FC35" s="72">
        <v>0</v>
      </c>
      <c r="FD35" s="244"/>
      <c r="FE35" s="71">
        <v>1</v>
      </c>
      <c r="FF35" s="71">
        <v>0</v>
      </c>
      <c r="FG35" s="71">
        <v>1</v>
      </c>
      <c r="FH35" s="71">
        <v>2</v>
      </c>
      <c r="FI35" s="71">
        <v>1</v>
      </c>
      <c r="FJ35" s="72">
        <v>5</v>
      </c>
      <c r="FK35" s="73">
        <v>5</v>
      </c>
      <c r="FL35" s="70">
        <v>0</v>
      </c>
      <c r="FM35" s="71">
        <v>0</v>
      </c>
      <c r="FN35" s="72">
        <v>0</v>
      </c>
      <c r="FO35" s="244"/>
      <c r="FP35" s="71">
        <v>0</v>
      </c>
      <c r="FQ35" s="71">
        <v>1</v>
      </c>
      <c r="FR35" s="71">
        <v>1</v>
      </c>
      <c r="FS35" s="71">
        <v>1</v>
      </c>
      <c r="FT35" s="71">
        <v>2</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4</v>
      </c>
      <c r="GO35" s="71">
        <v>3</v>
      </c>
      <c r="GP35" s="71">
        <v>3</v>
      </c>
      <c r="GQ35" s="72">
        <v>13</v>
      </c>
      <c r="GR35" s="73">
        <v>13</v>
      </c>
      <c r="GS35" s="123">
        <v>1</v>
      </c>
      <c r="GT35" s="82">
        <v>5</v>
      </c>
      <c r="GU35" s="83">
        <v>6</v>
      </c>
      <c r="GV35" s="241"/>
      <c r="GW35" s="82">
        <v>10</v>
      </c>
      <c r="GX35" s="82">
        <v>15</v>
      </c>
      <c r="GY35" s="82">
        <v>11</v>
      </c>
      <c r="GZ35" s="82">
        <v>7</v>
      </c>
      <c r="HA35" s="82">
        <v>4</v>
      </c>
      <c r="HB35" s="84">
        <v>47</v>
      </c>
      <c r="HC35" s="85">
        <v>53</v>
      </c>
      <c r="HD35" s="70">
        <v>0</v>
      </c>
      <c r="HE35" s="71">
        <v>0</v>
      </c>
      <c r="HF35" s="72">
        <v>0</v>
      </c>
      <c r="HG35" s="244"/>
      <c r="HH35" s="71">
        <v>0</v>
      </c>
      <c r="HI35" s="71">
        <v>0</v>
      </c>
      <c r="HJ35" s="71">
        <v>1</v>
      </c>
      <c r="HK35" s="71">
        <v>0</v>
      </c>
      <c r="HL35" s="71">
        <v>0</v>
      </c>
      <c r="HM35" s="72">
        <v>1</v>
      </c>
      <c r="HN35" s="73">
        <v>1</v>
      </c>
      <c r="HO35" s="70">
        <v>1</v>
      </c>
      <c r="HP35" s="71">
        <v>0</v>
      </c>
      <c r="HQ35" s="72">
        <v>1</v>
      </c>
      <c r="HR35" s="244"/>
      <c r="HS35" s="71">
        <v>0</v>
      </c>
      <c r="HT35" s="71">
        <v>0</v>
      </c>
      <c r="HU35" s="71">
        <v>0</v>
      </c>
      <c r="HV35" s="71">
        <v>0</v>
      </c>
      <c r="HW35" s="71">
        <v>0</v>
      </c>
      <c r="HX35" s="72">
        <v>0</v>
      </c>
      <c r="HY35" s="73">
        <v>1</v>
      </c>
      <c r="HZ35" s="70">
        <v>0</v>
      </c>
      <c r="IA35" s="71">
        <v>0</v>
      </c>
      <c r="IB35" s="72">
        <v>0</v>
      </c>
      <c r="IC35" s="244"/>
      <c r="ID35" s="71">
        <v>0</v>
      </c>
      <c r="IE35" s="71">
        <v>2</v>
      </c>
      <c r="IF35" s="71">
        <v>1</v>
      </c>
      <c r="IG35" s="71">
        <v>0</v>
      </c>
      <c r="IH35" s="71">
        <v>0</v>
      </c>
      <c r="II35" s="72">
        <v>3</v>
      </c>
      <c r="IJ35" s="73">
        <v>3</v>
      </c>
      <c r="IK35" s="70">
        <v>0</v>
      </c>
      <c r="IL35" s="71">
        <v>1</v>
      </c>
      <c r="IM35" s="72">
        <v>1</v>
      </c>
      <c r="IN35" s="244"/>
      <c r="IO35" s="71">
        <v>2</v>
      </c>
      <c r="IP35" s="71">
        <v>2</v>
      </c>
      <c r="IQ35" s="71">
        <v>2</v>
      </c>
      <c r="IR35" s="71">
        <v>1</v>
      </c>
      <c r="IS35" s="71">
        <v>0</v>
      </c>
      <c r="IT35" s="72">
        <v>7</v>
      </c>
      <c r="IU35" s="73">
        <v>8</v>
      </c>
      <c r="IV35" s="70">
        <v>0</v>
      </c>
      <c r="IW35" s="71">
        <v>3</v>
      </c>
      <c r="IX35" s="72">
        <v>3</v>
      </c>
      <c r="IY35" s="244"/>
      <c r="IZ35" s="71">
        <v>5</v>
      </c>
      <c r="JA35" s="71">
        <v>5</v>
      </c>
      <c r="JB35" s="71">
        <v>4</v>
      </c>
      <c r="JC35" s="71">
        <v>4</v>
      </c>
      <c r="JD35" s="71">
        <v>2</v>
      </c>
      <c r="JE35" s="72">
        <v>20</v>
      </c>
      <c r="JF35" s="73">
        <v>23</v>
      </c>
      <c r="JG35" s="70">
        <v>0</v>
      </c>
      <c r="JH35" s="71">
        <v>1</v>
      </c>
      <c r="JI35" s="72">
        <v>1</v>
      </c>
      <c r="JJ35" s="244"/>
      <c r="JK35" s="71">
        <v>3</v>
      </c>
      <c r="JL35" s="71">
        <v>6</v>
      </c>
      <c r="JM35" s="71">
        <v>3</v>
      </c>
      <c r="JN35" s="71">
        <v>2</v>
      </c>
      <c r="JO35" s="71">
        <v>2</v>
      </c>
      <c r="JP35" s="72">
        <v>16</v>
      </c>
      <c r="JQ35" s="73">
        <v>17</v>
      </c>
      <c r="JR35" s="70">
        <v>0</v>
      </c>
      <c r="JS35" s="71">
        <v>0</v>
      </c>
      <c r="JT35" s="72">
        <v>0</v>
      </c>
      <c r="JU35" s="244"/>
      <c r="JV35" s="71">
        <v>0</v>
      </c>
      <c r="JW35" s="71">
        <v>0</v>
      </c>
      <c r="JX35" s="71">
        <v>0</v>
      </c>
      <c r="JY35" s="71">
        <v>0</v>
      </c>
      <c r="JZ35" s="71">
        <v>0</v>
      </c>
      <c r="KA35" s="72">
        <v>0</v>
      </c>
      <c r="KB35" s="73">
        <v>0</v>
      </c>
      <c r="KC35" s="70">
        <v>1</v>
      </c>
      <c r="KD35" s="71">
        <v>5</v>
      </c>
      <c r="KE35" s="72">
        <v>6</v>
      </c>
      <c r="KF35" s="244"/>
      <c r="KG35" s="71">
        <v>10</v>
      </c>
      <c r="KH35" s="71">
        <v>15</v>
      </c>
      <c r="KI35" s="71">
        <v>11</v>
      </c>
      <c r="KJ35" s="71">
        <v>7</v>
      </c>
      <c r="KK35" s="71">
        <v>4</v>
      </c>
      <c r="KL35" s="72">
        <v>47</v>
      </c>
      <c r="KM35" s="73">
        <v>53</v>
      </c>
    </row>
    <row r="36" spans="2:299" ht="21" customHeight="1" x14ac:dyDescent="0.2">
      <c r="B36" s="126" t="s">
        <v>33</v>
      </c>
      <c r="C36" s="315">
        <v>5</v>
      </c>
      <c r="D36" s="82">
        <v>3</v>
      </c>
      <c r="E36" s="83">
        <v>8</v>
      </c>
      <c r="F36" s="241"/>
      <c r="G36" s="82">
        <v>7</v>
      </c>
      <c r="H36" s="82">
        <v>1</v>
      </c>
      <c r="I36" s="82">
        <v>3</v>
      </c>
      <c r="J36" s="82">
        <v>0</v>
      </c>
      <c r="K36" s="82">
        <v>2</v>
      </c>
      <c r="L36" s="84">
        <v>13</v>
      </c>
      <c r="M36" s="85">
        <v>21</v>
      </c>
      <c r="N36" s="70">
        <v>0</v>
      </c>
      <c r="O36" s="71">
        <v>0</v>
      </c>
      <c r="P36" s="72">
        <v>0</v>
      </c>
      <c r="Q36" s="244"/>
      <c r="R36" s="71">
        <v>0</v>
      </c>
      <c r="S36" s="71">
        <v>0</v>
      </c>
      <c r="T36" s="71">
        <v>0</v>
      </c>
      <c r="U36" s="71">
        <v>0</v>
      </c>
      <c r="V36" s="71">
        <v>0</v>
      </c>
      <c r="W36" s="72">
        <v>0</v>
      </c>
      <c r="X36" s="73">
        <v>0</v>
      </c>
      <c r="Y36" s="70">
        <v>0</v>
      </c>
      <c r="Z36" s="71">
        <v>0</v>
      </c>
      <c r="AA36" s="72">
        <v>0</v>
      </c>
      <c r="AB36" s="244"/>
      <c r="AC36" s="71">
        <v>0</v>
      </c>
      <c r="AD36" s="71">
        <v>0</v>
      </c>
      <c r="AE36" s="71">
        <v>0</v>
      </c>
      <c r="AF36" s="71">
        <v>0</v>
      </c>
      <c r="AG36" s="71">
        <v>1</v>
      </c>
      <c r="AH36" s="72">
        <v>1</v>
      </c>
      <c r="AI36" s="73">
        <v>1</v>
      </c>
      <c r="AJ36" s="70">
        <v>2</v>
      </c>
      <c r="AK36" s="71">
        <v>0</v>
      </c>
      <c r="AL36" s="72">
        <v>2</v>
      </c>
      <c r="AM36" s="244"/>
      <c r="AN36" s="71">
        <v>1</v>
      </c>
      <c r="AO36" s="71">
        <v>0</v>
      </c>
      <c r="AP36" s="71">
        <v>0</v>
      </c>
      <c r="AQ36" s="71">
        <v>0</v>
      </c>
      <c r="AR36" s="71">
        <v>0</v>
      </c>
      <c r="AS36" s="72">
        <v>1</v>
      </c>
      <c r="AT36" s="73">
        <v>3</v>
      </c>
      <c r="AU36" s="70">
        <v>1</v>
      </c>
      <c r="AV36" s="71">
        <v>1</v>
      </c>
      <c r="AW36" s="72">
        <v>2</v>
      </c>
      <c r="AX36" s="244"/>
      <c r="AY36" s="71">
        <v>1</v>
      </c>
      <c r="AZ36" s="71">
        <v>1</v>
      </c>
      <c r="BA36" s="71">
        <v>1</v>
      </c>
      <c r="BB36" s="71">
        <v>0</v>
      </c>
      <c r="BC36" s="71">
        <v>0</v>
      </c>
      <c r="BD36" s="72">
        <v>3</v>
      </c>
      <c r="BE36" s="73">
        <v>5</v>
      </c>
      <c r="BF36" s="70">
        <v>0</v>
      </c>
      <c r="BG36" s="71">
        <v>2</v>
      </c>
      <c r="BH36" s="72">
        <v>2</v>
      </c>
      <c r="BI36" s="244"/>
      <c r="BJ36" s="71">
        <v>0</v>
      </c>
      <c r="BK36" s="71">
        <v>0</v>
      </c>
      <c r="BL36" s="71">
        <v>2</v>
      </c>
      <c r="BM36" s="71">
        <v>0</v>
      </c>
      <c r="BN36" s="71">
        <v>1</v>
      </c>
      <c r="BO36" s="72">
        <v>3</v>
      </c>
      <c r="BP36" s="73">
        <v>5</v>
      </c>
      <c r="BQ36" s="70">
        <v>2</v>
      </c>
      <c r="BR36" s="71">
        <v>0</v>
      </c>
      <c r="BS36" s="72">
        <v>2</v>
      </c>
      <c r="BT36" s="244"/>
      <c r="BU36" s="71">
        <v>5</v>
      </c>
      <c r="BV36" s="71">
        <v>0</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5</v>
      </c>
      <c r="CN36" s="71">
        <v>3</v>
      </c>
      <c r="CO36" s="72">
        <v>8</v>
      </c>
      <c r="CP36" s="244"/>
      <c r="CQ36" s="71">
        <v>7</v>
      </c>
      <c r="CR36" s="71">
        <v>1</v>
      </c>
      <c r="CS36" s="71">
        <v>3</v>
      </c>
      <c r="CT36" s="71">
        <v>0</v>
      </c>
      <c r="CU36" s="71">
        <v>2</v>
      </c>
      <c r="CV36" s="72">
        <v>13</v>
      </c>
      <c r="CW36" s="73">
        <v>21</v>
      </c>
      <c r="CX36" s="123">
        <v>1</v>
      </c>
      <c r="CY36" s="82">
        <v>2</v>
      </c>
      <c r="CZ36" s="83">
        <v>3</v>
      </c>
      <c r="DA36" s="241"/>
      <c r="DB36" s="82">
        <v>0</v>
      </c>
      <c r="DC36" s="82">
        <v>3</v>
      </c>
      <c r="DD36" s="82">
        <v>0</v>
      </c>
      <c r="DE36" s="82">
        <v>1</v>
      </c>
      <c r="DF36" s="82">
        <v>0</v>
      </c>
      <c r="DG36" s="84">
        <v>4</v>
      </c>
      <c r="DH36" s="85">
        <v>7</v>
      </c>
      <c r="DI36" s="70">
        <v>0</v>
      </c>
      <c r="DJ36" s="71">
        <v>0</v>
      </c>
      <c r="DK36" s="72">
        <v>0</v>
      </c>
      <c r="DL36" s="244"/>
      <c r="DM36" s="71">
        <v>0</v>
      </c>
      <c r="DN36" s="71">
        <v>1</v>
      </c>
      <c r="DO36" s="71">
        <v>0</v>
      </c>
      <c r="DP36" s="71">
        <v>0</v>
      </c>
      <c r="DQ36" s="71">
        <v>0</v>
      </c>
      <c r="DR36" s="72">
        <v>1</v>
      </c>
      <c r="DS36" s="73">
        <v>1</v>
      </c>
      <c r="DT36" s="70">
        <v>0</v>
      </c>
      <c r="DU36" s="71">
        <v>1</v>
      </c>
      <c r="DV36" s="72">
        <v>1</v>
      </c>
      <c r="DW36" s="244"/>
      <c r="DX36" s="71">
        <v>0</v>
      </c>
      <c r="DY36" s="71">
        <v>0</v>
      </c>
      <c r="DZ36" s="71">
        <v>0</v>
      </c>
      <c r="EA36" s="71">
        <v>0</v>
      </c>
      <c r="EB36" s="71">
        <v>0</v>
      </c>
      <c r="EC36" s="72">
        <v>0</v>
      </c>
      <c r="ED36" s="73">
        <v>1</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2</v>
      </c>
      <c r="GJ36" s="72">
        <v>3</v>
      </c>
      <c r="GK36" s="244"/>
      <c r="GL36" s="71">
        <v>0</v>
      </c>
      <c r="GM36" s="71">
        <v>3</v>
      </c>
      <c r="GN36" s="71">
        <v>0</v>
      </c>
      <c r="GO36" s="71">
        <v>1</v>
      </c>
      <c r="GP36" s="71">
        <v>0</v>
      </c>
      <c r="GQ36" s="72">
        <v>4</v>
      </c>
      <c r="GR36" s="73">
        <v>7</v>
      </c>
      <c r="GS36" s="123">
        <v>6</v>
      </c>
      <c r="GT36" s="82">
        <v>5</v>
      </c>
      <c r="GU36" s="83">
        <v>11</v>
      </c>
      <c r="GV36" s="241"/>
      <c r="GW36" s="82">
        <v>7</v>
      </c>
      <c r="GX36" s="82">
        <v>4</v>
      </c>
      <c r="GY36" s="82">
        <v>3</v>
      </c>
      <c r="GZ36" s="82">
        <v>1</v>
      </c>
      <c r="HA36" s="82">
        <v>2</v>
      </c>
      <c r="HB36" s="84">
        <v>17</v>
      </c>
      <c r="HC36" s="85">
        <v>28</v>
      </c>
      <c r="HD36" s="70">
        <v>0</v>
      </c>
      <c r="HE36" s="71">
        <v>0</v>
      </c>
      <c r="HF36" s="72">
        <v>0</v>
      </c>
      <c r="HG36" s="244"/>
      <c r="HH36" s="71">
        <v>0</v>
      </c>
      <c r="HI36" s="71">
        <v>1</v>
      </c>
      <c r="HJ36" s="71">
        <v>0</v>
      </c>
      <c r="HK36" s="71">
        <v>0</v>
      </c>
      <c r="HL36" s="71">
        <v>0</v>
      </c>
      <c r="HM36" s="72">
        <v>1</v>
      </c>
      <c r="HN36" s="73">
        <v>1</v>
      </c>
      <c r="HO36" s="70">
        <v>0</v>
      </c>
      <c r="HP36" s="71">
        <v>1</v>
      </c>
      <c r="HQ36" s="72">
        <v>1</v>
      </c>
      <c r="HR36" s="244"/>
      <c r="HS36" s="71">
        <v>0</v>
      </c>
      <c r="HT36" s="71">
        <v>0</v>
      </c>
      <c r="HU36" s="71">
        <v>0</v>
      </c>
      <c r="HV36" s="71">
        <v>0</v>
      </c>
      <c r="HW36" s="71">
        <v>1</v>
      </c>
      <c r="HX36" s="72">
        <v>1</v>
      </c>
      <c r="HY36" s="73">
        <v>2</v>
      </c>
      <c r="HZ36" s="70">
        <v>2</v>
      </c>
      <c r="IA36" s="71">
        <v>0</v>
      </c>
      <c r="IB36" s="72">
        <v>2</v>
      </c>
      <c r="IC36" s="244"/>
      <c r="ID36" s="71">
        <v>1</v>
      </c>
      <c r="IE36" s="71">
        <v>0</v>
      </c>
      <c r="IF36" s="71">
        <v>0</v>
      </c>
      <c r="IG36" s="71">
        <v>0</v>
      </c>
      <c r="IH36" s="71">
        <v>0</v>
      </c>
      <c r="II36" s="72">
        <v>1</v>
      </c>
      <c r="IJ36" s="73">
        <v>3</v>
      </c>
      <c r="IK36" s="70">
        <v>1</v>
      </c>
      <c r="IL36" s="71">
        <v>1</v>
      </c>
      <c r="IM36" s="72">
        <v>2</v>
      </c>
      <c r="IN36" s="244"/>
      <c r="IO36" s="71">
        <v>1</v>
      </c>
      <c r="IP36" s="71">
        <v>1</v>
      </c>
      <c r="IQ36" s="71">
        <v>1</v>
      </c>
      <c r="IR36" s="71">
        <v>0</v>
      </c>
      <c r="IS36" s="71">
        <v>0</v>
      </c>
      <c r="IT36" s="72">
        <v>3</v>
      </c>
      <c r="IU36" s="73">
        <v>5</v>
      </c>
      <c r="IV36" s="70">
        <v>0</v>
      </c>
      <c r="IW36" s="71">
        <v>2</v>
      </c>
      <c r="IX36" s="72">
        <v>2</v>
      </c>
      <c r="IY36" s="244"/>
      <c r="IZ36" s="71">
        <v>0</v>
      </c>
      <c r="JA36" s="71">
        <v>0</v>
      </c>
      <c r="JB36" s="71">
        <v>2</v>
      </c>
      <c r="JC36" s="71">
        <v>0</v>
      </c>
      <c r="JD36" s="71">
        <v>1</v>
      </c>
      <c r="JE36" s="72">
        <v>3</v>
      </c>
      <c r="JF36" s="73">
        <v>5</v>
      </c>
      <c r="JG36" s="70">
        <v>3</v>
      </c>
      <c r="JH36" s="71">
        <v>1</v>
      </c>
      <c r="JI36" s="72">
        <v>4</v>
      </c>
      <c r="JJ36" s="244"/>
      <c r="JK36" s="71">
        <v>5</v>
      </c>
      <c r="JL36" s="71">
        <v>2</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6</v>
      </c>
      <c r="KD36" s="71">
        <v>5</v>
      </c>
      <c r="KE36" s="72">
        <v>11</v>
      </c>
      <c r="KF36" s="244"/>
      <c r="KG36" s="71">
        <v>7</v>
      </c>
      <c r="KH36" s="71">
        <v>4</v>
      </c>
      <c r="KI36" s="71">
        <v>3</v>
      </c>
      <c r="KJ36" s="71">
        <v>1</v>
      </c>
      <c r="KK36" s="71">
        <v>2</v>
      </c>
      <c r="KL36" s="72">
        <v>17</v>
      </c>
      <c r="KM36" s="73">
        <v>28</v>
      </c>
    </row>
    <row r="37" spans="2:299" ht="21" customHeight="1" x14ac:dyDescent="0.2">
      <c r="B37" s="126" t="s">
        <v>34</v>
      </c>
      <c r="C37" s="315">
        <v>3</v>
      </c>
      <c r="D37" s="82">
        <v>2</v>
      </c>
      <c r="E37" s="83">
        <v>5</v>
      </c>
      <c r="F37" s="241"/>
      <c r="G37" s="82">
        <v>5</v>
      </c>
      <c r="H37" s="82">
        <v>5</v>
      </c>
      <c r="I37" s="82">
        <v>4</v>
      </c>
      <c r="J37" s="82">
        <v>1</v>
      </c>
      <c r="K37" s="82">
        <v>0</v>
      </c>
      <c r="L37" s="84">
        <v>15</v>
      </c>
      <c r="M37" s="85">
        <v>2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2</v>
      </c>
      <c r="AV37" s="71">
        <v>0</v>
      </c>
      <c r="AW37" s="72">
        <v>2</v>
      </c>
      <c r="AX37" s="244"/>
      <c r="AY37" s="71">
        <v>3</v>
      </c>
      <c r="AZ37" s="71">
        <v>2</v>
      </c>
      <c r="BA37" s="71">
        <v>0</v>
      </c>
      <c r="BB37" s="71">
        <v>1</v>
      </c>
      <c r="BC37" s="71">
        <v>0</v>
      </c>
      <c r="BD37" s="72">
        <v>6</v>
      </c>
      <c r="BE37" s="73">
        <v>8</v>
      </c>
      <c r="BF37" s="70">
        <v>0</v>
      </c>
      <c r="BG37" s="71">
        <v>1</v>
      </c>
      <c r="BH37" s="72">
        <v>1</v>
      </c>
      <c r="BI37" s="244"/>
      <c r="BJ37" s="71">
        <v>1</v>
      </c>
      <c r="BK37" s="71">
        <v>0</v>
      </c>
      <c r="BL37" s="71">
        <v>3</v>
      </c>
      <c r="BM37" s="71">
        <v>0</v>
      </c>
      <c r="BN37" s="71">
        <v>0</v>
      </c>
      <c r="BO37" s="72">
        <v>4</v>
      </c>
      <c r="BP37" s="73">
        <v>5</v>
      </c>
      <c r="BQ37" s="70">
        <v>1</v>
      </c>
      <c r="BR37" s="71">
        <v>1</v>
      </c>
      <c r="BS37" s="72">
        <v>2</v>
      </c>
      <c r="BT37" s="244"/>
      <c r="BU37" s="71">
        <v>1</v>
      </c>
      <c r="BV37" s="71">
        <v>2</v>
      </c>
      <c r="BW37" s="71">
        <v>1</v>
      </c>
      <c r="BX37" s="71">
        <v>0</v>
      </c>
      <c r="BY37" s="71">
        <v>0</v>
      </c>
      <c r="BZ37" s="72">
        <v>4</v>
      </c>
      <c r="CA37" s="73">
        <v>6</v>
      </c>
      <c r="CB37" s="70">
        <v>0</v>
      </c>
      <c r="CC37" s="71">
        <v>0</v>
      </c>
      <c r="CD37" s="72">
        <v>0</v>
      </c>
      <c r="CE37" s="244"/>
      <c r="CF37" s="71">
        <v>0</v>
      </c>
      <c r="CG37" s="71">
        <v>0</v>
      </c>
      <c r="CH37" s="71">
        <v>0</v>
      </c>
      <c r="CI37" s="71">
        <v>0</v>
      </c>
      <c r="CJ37" s="71">
        <v>0</v>
      </c>
      <c r="CK37" s="72">
        <v>0</v>
      </c>
      <c r="CL37" s="73">
        <v>0</v>
      </c>
      <c r="CM37" s="70">
        <v>3</v>
      </c>
      <c r="CN37" s="71">
        <v>2</v>
      </c>
      <c r="CO37" s="72">
        <v>5</v>
      </c>
      <c r="CP37" s="244"/>
      <c r="CQ37" s="71">
        <v>5</v>
      </c>
      <c r="CR37" s="71">
        <v>5</v>
      </c>
      <c r="CS37" s="71">
        <v>4</v>
      </c>
      <c r="CT37" s="71">
        <v>1</v>
      </c>
      <c r="CU37" s="71">
        <v>0</v>
      </c>
      <c r="CV37" s="72">
        <v>15</v>
      </c>
      <c r="CW37" s="73">
        <v>20</v>
      </c>
      <c r="CX37" s="123">
        <v>0</v>
      </c>
      <c r="CY37" s="82">
        <v>0</v>
      </c>
      <c r="CZ37" s="83">
        <v>0</v>
      </c>
      <c r="DA37" s="241"/>
      <c r="DB37" s="82">
        <v>0</v>
      </c>
      <c r="DC37" s="82">
        <v>0</v>
      </c>
      <c r="DD37" s="82">
        <v>0</v>
      </c>
      <c r="DE37" s="82">
        <v>0</v>
      </c>
      <c r="DF37" s="82">
        <v>2</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0</v>
      </c>
      <c r="FR37" s="71">
        <v>0</v>
      </c>
      <c r="FS37" s="71">
        <v>0</v>
      </c>
      <c r="FT37" s="71">
        <v>2</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0</v>
      </c>
      <c r="GN37" s="71">
        <v>0</v>
      </c>
      <c r="GO37" s="71">
        <v>0</v>
      </c>
      <c r="GP37" s="71">
        <v>2</v>
      </c>
      <c r="GQ37" s="72">
        <v>2</v>
      </c>
      <c r="GR37" s="73">
        <v>2</v>
      </c>
      <c r="GS37" s="123">
        <v>3</v>
      </c>
      <c r="GT37" s="82">
        <v>2</v>
      </c>
      <c r="GU37" s="83">
        <v>5</v>
      </c>
      <c r="GV37" s="241"/>
      <c r="GW37" s="82">
        <v>5</v>
      </c>
      <c r="GX37" s="82">
        <v>5</v>
      </c>
      <c r="GY37" s="82">
        <v>4</v>
      </c>
      <c r="GZ37" s="82">
        <v>1</v>
      </c>
      <c r="HA37" s="82">
        <v>2</v>
      </c>
      <c r="HB37" s="84">
        <v>17</v>
      </c>
      <c r="HC37" s="85">
        <v>22</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2</v>
      </c>
      <c r="IL37" s="71">
        <v>0</v>
      </c>
      <c r="IM37" s="72">
        <v>2</v>
      </c>
      <c r="IN37" s="244"/>
      <c r="IO37" s="71">
        <v>3</v>
      </c>
      <c r="IP37" s="71">
        <v>2</v>
      </c>
      <c r="IQ37" s="71">
        <v>0</v>
      </c>
      <c r="IR37" s="71">
        <v>1</v>
      </c>
      <c r="IS37" s="71">
        <v>0</v>
      </c>
      <c r="IT37" s="72">
        <v>6</v>
      </c>
      <c r="IU37" s="73">
        <v>8</v>
      </c>
      <c r="IV37" s="70">
        <v>0</v>
      </c>
      <c r="IW37" s="71">
        <v>1</v>
      </c>
      <c r="IX37" s="72">
        <v>1</v>
      </c>
      <c r="IY37" s="244"/>
      <c r="IZ37" s="71">
        <v>1</v>
      </c>
      <c r="JA37" s="71">
        <v>0</v>
      </c>
      <c r="JB37" s="71">
        <v>3</v>
      </c>
      <c r="JC37" s="71">
        <v>0</v>
      </c>
      <c r="JD37" s="71">
        <v>0</v>
      </c>
      <c r="JE37" s="72">
        <v>4</v>
      </c>
      <c r="JF37" s="73">
        <v>5</v>
      </c>
      <c r="JG37" s="70">
        <v>1</v>
      </c>
      <c r="JH37" s="71">
        <v>1</v>
      </c>
      <c r="JI37" s="72">
        <v>2</v>
      </c>
      <c r="JJ37" s="244"/>
      <c r="JK37" s="71">
        <v>1</v>
      </c>
      <c r="JL37" s="71">
        <v>2</v>
      </c>
      <c r="JM37" s="71">
        <v>1</v>
      </c>
      <c r="JN37" s="71">
        <v>0</v>
      </c>
      <c r="JO37" s="71">
        <v>2</v>
      </c>
      <c r="JP37" s="72">
        <v>6</v>
      </c>
      <c r="JQ37" s="73">
        <v>8</v>
      </c>
      <c r="JR37" s="70">
        <v>0</v>
      </c>
      <c r="JS37" s="71">
        <v>0</v>
      </c>
      <c r="JT37" s="72">
        <v>0</v>
      </c>
      <c r="JU37" s="244"/>
      <c r="JV37" s="71">
        <v>0</v>
      </c>
      <c r="JW37" s="71">
        <v>0</v>
      </c>
      <c r="JX37" s="71">
        <v>0</v>
      </c>
      <c r="JY37" s="71">
        <v>0</v>
      </c>
      <c r="JZ37" s="71">
        <v>0</v>
      </c>
      <c r="KA37" s="72">
        <v>0</v>
      </c>
      <c r="KB37" s="73">
        <v>0</v>
      </c>
      <c r="KC37" s="70">
        <v>3</v>
      </c>
      <c r="KD37" s="71">
        <v>2</v>
      </c>
      <c r="KE37" s="72">
        <v>5</v>
      </c>
      <c r="KF37" s="244"/>
      <c r="KG37" s="71">
        <v>5</v>
      </c>
      <c r="KH37" s="71">
        <v>5</v>
      </c>
      <c r="KI37" s="71">
        <v>4</v>
      </c>
      <c r="KJ37" s="71">
        <v>1</v>
      </c>
      <c r="KK37" s="71">
        <v>2</v>
      </c>
      <c r="KL37" s="72">
        <v>17</v>
      </c>
      <c r="KM37" s="73">
        <v>22</v>
      </c>
    </row>
    <row r="38" spans="2:299" ht="21" customHeight="1" x14ac:dyDescent="0.2">
      <c r="B38" s="126" t="s">
        <v>35</v>
      </c>
      <c r="C38" s="315">
        <v>15</v>
      </c>
      <c r="D38" s="82">
        <v>3</v>
      </c>
      <c r="E38" s="83">
        <v>18</v>
      </c>
      <c r="F38" s="241"/>
      <c r="G38" s="82">
        <v>25</v>
      </c>
      <c r="H38" s="82">
        <v>10</v>
      </c>
      <c r="I38" s="82">
        <v>2</v>
      </c>
      <c r="J38" s="82">
        <v>2</v>
      </c>
      <c r="K38" s="82">
        <v>4</v>
      </c>
      <c r="L38" s="84">
        <v>43</v>
      </c>
      <c r="M38" s="85">
        <v>61</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0</v>
      </c>
      <c r="AH38" s="72">
        <v>0</v>
      </c>
      <c r="AI38" s="73">
        <v>2</v>
      </c>
      <c r="AJ38" s="70">
        <v>2</v>
      </c>
      <c r="AK38" s="71">
        <v>0</v>
      </c>
      <c r="AL38" s="72">
        <v>2</v>
      </c>
      <c r="AM38" s="244"/>
      <c r="AN38" s="71">
        <v>4</v>
      </c>
      <c r="AO38" s="71">
        <v>1</v>
      </c>
      <c r="AP38" s="71">
        <v>0</v>
      </c>
      <c r="AQ38" s="71">
        <v>0</v>
      </c>
      <c r="AR38" s="71">
        <v>0</v>
      </c>
      <c r="AS38" s="72">
        <v>5</v>
      </c>
      <c r="AT38" s="73">
        <v>7</v>
      </c>
      <c r="AU38" s="70">
        <v>6</v>
      </c>
      <c r="AV38" s="71">
        <v>2</v>
      </c>
      <c r="AW38" s="72">
        <v>8</v>
      </c>
      <c r="AX38" s="244"/>
      <c r="AY38" s="71">
        <v>5</v>
      </c>
      <c r="AZ38" s="71">
        <v>4</v>
      </c>
      <c r="BA38" s="71">
        <v>1</v>
      </c>
      <c r="BB38" s="71">
        <v>0</v>
      </c>
      <c r="BC38" s="71">
        <v>0</v>
      </c>
      <c r="BD38" s="72">
        <v>10</v>
      </c>
      <c r="BE38" s="73">
        <v>18</v>
      </c>
      <c r="BF38" s="70">
        <v>3</v>
      </c>
      <c r="BG38" s="71">
        <v>0</v>
      </c>
      <c r="BH38" s="72">
        <v>3</v>
      </c>
      <c r="BI38" s="244"/>
      <c r="BJ38" s="71">
        <v>6</v>
      </c>
      <c r="BK38" s="71">
        <v>3</v>
      </c>
      <c r="BL38" s="71">
        <v>0</v>
      </c>
      <c r="BM38" s="71">
        <v>1</v>
      </c>
      <c r="BN38" s="71">
        <v>2</v>
      </c>
      <c r="BO38" s="72">
        <v>12</v>
      </c>
      <c r="BP38" s="73">
        <v>15</v>
      </c>
      <c r="BQ38" s="70">
        <v>3</v>
      </c>
      <c r="BR38" s="71">
        <v>0</v>
      </c>
      <c r="BS38" s="72">
        <v>3</v>
      </c>
      <c r="BT38" s="244"/>
      <c r="BU38" s="71">
        <v>10</v>
      </c>
      <c r="BV38" s="71">
        <v>2</v>
      </c>
      <c r="BW38" s="71">
        <v>1</v>
      </c>
      <c r="BX38" s="71">
        <v>1</v>
      </c>
      <c r="BY38" s="71">
        <v>2</v>
      </c>
      <c r="BZ38" s="72">
        <v>16</v>
      </c>
      <c r="CA38" s="73">
        <v>19</v>
      </c>
      <c r="CB38" s="70">
        <v>0</v>
      </c>
      <c r="CC38" s="71">
        <v>0</v>
      </c>
      <c r="CD38" s="72">
        <v>0</v>
      </c>
      <c r="CE38" s="244"/>
      <c r="CF38" s="71">
        <v>0</v>
      </c>
      <c r="CG38" s="71">
        <v>0</v>
      </c>
      <c r="CH38" s="71">
        <v>0</v>
      </c>
      <c r="CI38" s="71">
        <v>0</v>
      </c>
      <c r="CJ38" s="71">
        <v>0</v>
      </c>
      <c r="CK38" s="72">
        <v>0</v>
      </c>
      <c r="CL38" s="73">
        <v>0</v>
      </c>
      <c r="CM38" s="70">
        <v>15</v>
      </c>
      <c r="CN38" s="71">
        <v>3</v>
      </c>
      <c r="CO38" s="72">
        <v>18</v>
      </c>
      <c r="CP38" s="244"/>
      <c r="CQ38" s="71">
        <v>25</v>
      </c>
      <c r="CR38" s="71">
        <v>10</v>
      </c>
      <c r="CS38" s="71">
        <v>2</v>
      </c>
      <c r="CT38" s="71">
        <v>2</v>
      </c>
      <c r="CU38" s="71">
        <v>4</v>
      </c>
      <c r="CV38" s="72">
        <v>43</v>
      </c>
      <c r="CW38" s="73">
        <v>61</v>
      </c>
      <c r="CX38" s="123">
        <v>2</v>
      </c>
      <c r="CY38" s="82">
        <v>2</v>
      </c>
      <c r="CZ38" s="83">
        <v>4</v>
      </c>
      <c r="DA38" s="241"/>
      <c r="DB38" s="82">
        <v>5</v>
      </c>
      <c r="DC38" s="82">
        <v>1</v>
      </c>
      <c r="DD38" s="82">
        <v>5</v>
      </c>
      <c r="DE38" s="82">
        <v>5</v>
      </c>
      <c r="DF38" s="82">
        <v>1</v>
      </c>
      <c r="DG38" s="84">
        <v>17</v>
      </c>
      <c r="DH38" s="85">
        <v>21</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2</v>
      </c>
      <c r="EJ38" s="71">
        <v>0</v>
      </c>
      <c r="EK38" s="71">
        <v>0</v>
      </c>
      <c r="EL38" s="71">
        <v>0</v>
      </c>
      <c r="EM38" s="71">
        <v>0</v>
      </c>
      <c r="EN38" s="72">
        <v>2</v>
      </c>
      <c r="EO38" s="73">
        <v>2</v>
      </c>
      <c r="EP38" s="70">
        <v>0</v>
      </c>
      <c r="EQ38" s="71">
        <v>0</v>
      </c>
      <c r="ER38" s="72">
        <v>0</v>
      </c>
      <c r="ES38" s="244"/>
      <c r="ET38" s="71">
        <v>1</v>
      </c>
      <c r="EU38" s="71">
        <v>0</v>
      </c>
      <c r="EV38" s="71">
        <v>0</v>
      </c>
      <c r="EW38" s="71">
        <v>0</v>
      </c>
      <c r="EX38" s="71">
        <v>0</v>
      </c>
      <c r="EY38" s="72">
        <v>1</v>
      </c>
      <c r="EZ38" s="73">
        <v>1</v>
      </c>
      <c r="FA38" s="70">
        <v>0</v>
      </c>
      <c r="FB38" s="71">
        <v>1</v>
      </c>
      <c r="FC38" s="72">
        <v>1</v>
      </c>
      <c r="FD38" s="244"/>
      <c r="FE38" s="71">
        <v>0</v>
      </c>
      <c r="FF38" s="71">
        <v>0</v>
      </c>
      <c r="FG38" s="71">
        <v>2</v>
      </c>
      <c r="FH38" s="71">
        <v>0</v>
      </c>
      <c r="FI38" s="71">
        <v>1</v>
      </c>
      <c r="FJ38" s="72">
        <v>3</v>
      </c>
      <c r="FK38" s="73">
        <v>4</v>
      </c>
      <c r="FL38" s="70">
        <v>2</v>
      </c>
      <c r="FM38" s="71">
        <v>1</v>
      </c>
      <c r="FN38" s="72">
        <v>3</v>
      </c>
      <c r="FO38" s="244"/>
      <c r="FP38" s="71">
        <v>2</v>
      </c>
      <c r="FQ38" s="71">
        <v>1</v>
      </c>
      <c r="FR38" s="71">
        <v>2</v>
      </c>
      <c r="FS38" s="71">
        <v>5</v>
      </c>
      <c r="FT38" s="71">
        <v>0</v>
      </c>
      <c r="FU38" s="72">
        <v>10</v>
      </c>
      <c r="FV38" s="73">
        <v>13</v>
      </c>
      <c r="FW38" s="70">
        <v>0</v>
      </c>
      <c r="FX38" s="71">
        <v>0</v>
      </c>
      <c r="FY38" s="72">
        <v>0</v>
      </c>
      <c r="FZ38" s="244"/>
      <c r="GA38" s="71">
        <v>0</v>
      </c>
      <c r="GB38" s="71">
        <v>0</v>
      </c>
      <c r="GC38" s="71">
        <v>0</v>
      </c>
      <c r="GD38" s="71">
        <v>0</v>
      </c>
      <c r="GE38" s="71">
        <v>0</v>
      </c>
      <c r="GF38" s="72">
        <v>0</v>
      </c>
      <c r="GG38" s="73">
        <v>0</v>
      </c>
      <c r="GH38" s="70">
        <v>2</v>
      </c>
      <c r="GI38" s="71">
        <v>2</v>
      </c>
      <c r="GJ38" s="72">
        <v>4</v>
      </c>
      <c r="GK38" s="244"/>
      <c r="GL38" s="71">
        <v>5</v>
      </c>
      <c r="GM38" s="71">
        <v>1</v>
      </c>
      <c r="GN38" s="71">
        <v>5</v>
      </c>
      <c r="GO38" s="71">
        <v>5</v>
      </c>
      <c r="GP38" s="71">
        <v>1</v>
      </c>
      <c r="GQ38" s="72">
        <v>17</v>
      </c>
      <c r="GR38" s="73">
        <v>21</v>
      </c>
      <c r="GS38" s="123">
        <v>17</v>
      </c>
      <c r="GT38" s="82">
        <v>5</v>
      </c>
      <c r="GU38" s="83">
        <v>22</v>
      </c>
      <c r="GV38" s="241"/>
      <c r="GW38" s="82">
        <v>30</v>
      </c>
      <c r="GX38" s="82">
        <v>11</v>
      </c>
      <c r="GY38" s="82">
        <v>7</v>
      </c>
      <c r="GZ38" s="82">
        <v>7</v>
      </c>
      <c r="HA38" s="82">
        <v>5</v>
      </c>
      <c r="HB38" s="84">
        <v>60</v>
      </c>
      <c r="HC38" s="85">
        <v>82</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0</v>
      </c>
      <c r="HX38" s="72">
        <v>1</v>
      </c>
      <c r="HY38" s="73">
        <v>3</v>
      </c>
      <c r="HZ38" s="70">
        <v>2</v>
      </c>
      <c r="IA38" s="71">
        <v>0</v>
      </c>
      <c r="IB38" s="72">
        <v>2</v>
      </c>
      <c r="IC38" s="244"/>
      <c r="ID38" s="71">
        <v>6</v>
      </c>
      <c r="IE38" s="71">
        <v>1</v>
      </c>
      <c r="IF38" s="71">
        <v>0</v>
      </c>
      <c r="IG38" s="71">
        <v>0</v>
      </c>
      <c r="IH38" s="71">
        <v>0</v>
      </c>
      <c r="II38" s="72">
        <v>7</v>
      </c>
      <c r="IJ38" s="73">
        <v>9</v>
      </c>
      <c r="IK38" s="70">
        <v>6</v>
      </c>
      <c r="IL38" s="71">
        <v>2</v>
      </c>
      <c r="IM38" s="72">
        <v>8</v>
      </c>
      <c r="IN38" s="244"/>
      <c r="IO38" s="71">
        <v>6</v>
      </c>
      <c r="IP38" s="71">
        <v>4</v>
      </c>
      <c r="IQ38" s="71">
        <v>1</v>
      </c>
      <c r="IR38" s="71">
        <v>0</v>
      </c>
      <c r="IS38" s="71">
        <v>0</v>
      </c>
      <c r="IT38" s="72">
        <v>11</v>
      </c>
      <c r="IU38" s="73">
        <v>19</v>
      </c>
      <c r="IV38" s="70">
        <v>3</v>
      </c>
      <c r="IW38" s="71">
        <v>1</v>
      </c>
      <c r="IX38" s="72">
        <v>4</v>
      </c>
      <c r="IY38" s="244"/>
      <c r="IZ38" s="71">
        <v>6</v>
      </c>
      <c r="JA38" s="71">
        <v>3</v>
      </c>
      <c r="JB38" s="71">
        <v>2</v>
      </c>
      <c r="JC38" s="71">
        <v>1</v>
      </c>
      <c r="JD38" s="71">
        <v>3</v>
      </c>
      <c r="JE38" s="72">
        <v>15</v>
      </c>
      <c r="JF38" s="73">
        <v>19</v>
      </c>
      <c r="JG38" s="70">
        <v>5</v>
      </c>
      <c r="JH38" s="71">
        <v>1</v>
      </c>
      <c r="JI38" s="72">
        <v>6</v>
      </c>
      <c r="JJ38" s="244"/>
      <c r="JK38" s="71">
        <v>12</v>
      </c>
      <c r="JL38" s="71">
        <v>3</v>
      </c>
      <c r="JM38" s="71">
        <v>3</v>
      </c>
      <c r="JN38" s="71">
        <v>6</v>
      </c>
      <c r="JO38" s="71">
        <v>2</v>
      </c>
      <c r="JP38" s="72">
        <v>26</v>
      </c>
      <c r="JQ38" s="73">
        <v>32</v>
      </c>
      <c r="JR38" s="70">
        <v>0</v>
      </c>
      <c r="JS38" s="71">
        <v>0</v>
      </c>
      <c r="JT38" s="72">
        <v>0</v>
      </c>
      <c r="JU38" s="244"/>
      <c r="JV38" s="71">
        <v>0</v>
      </c>
      <c r="JW38" s="71">
        <v>0</v>
      </c>
      <c r="JX38" s="71">
        <v>0</v>
      </c>
      <c r="JY38" s="71">
        <v>0</v>
      </c>
      <c r="JZ38" s="71">
        <v>0</v>
      </c>
      <c r="KA38" s="72">
        <v>0</v>
      </c>
      <c r="KB38" s="73">
        <v>0</v>
      </c>
      <c r="KC38" s="70">
        <v>17</v>
      </c>
      <c r="KD38" s="71">
        <v>5</v>
      </c>
      <c r="KE38" s="72">
        <v>22</v>
      </c>
      <c r="KF38" s="244"/>
      <c r="KG38" s="71">
        <v>30</v>
      </c>
      <c r="KH38" s="71">
        <v>11</v>
      </c>
      <c r="KI38" s="71">
        <v>7</v>
      </c>
      <c r="KJ38" s="71">
        <v>7</v>
      </c>
      <c r="KK38" s="71">
        <v>5</v>
      </c>
      <c r="KL38" s="72">
        <v>60</v>
      </c>
      <c r="KM38" s="73">
        <v>82</v>
      </c>
    </row>
    <row r="39" spans="2:299" ht="21" customHeight="1" x14ac:dyDescent="0.2">
      <c r="B39" s="126" t="s">
        <v>36</v>
      </c>
      <c r="C39" s="315">
        <v>2</v>
      </c>
      <c r="D39" s="82">
        <v>11</v>
      </c>
      <c r="E39" s="83">
        <v>13</v>
      </c>
      <c r="F39" s="241"/>
      <c r="G39" s="82">
        <v>12</v>
      </c>
      <c r="H39" s="82">
        <v>12</v>
      </c>
      <c r="I39" s="82">
        <v>5</v>
      </c>
      <c r="J39" s="82">
        <v>5</v>
      </c>
      <c r="K39" s="82">
        <v>4</v>
      </c>
      <c r="L39" s="84">
        <v>38</v>
      </c>
      <c r="M39" s="85">
        <v>51</v>
      </c>
      <c r="N39" s="70">
        <v>0</v>
      </c>
      <c r="O39" s="71">
        <v>0</v>
      </c>
      <c r="P39" s="72">
        <v>0</v>
      </c>
      <c r="Q39" s="244"/>
      <c r="R39" s="71">
        <v>1</v>
      </c>
      <c r="S39" s="71">
        <v>1</v>
      </c>
      <c r="T39" s="71">
        <v>0</v>
      </c>
      <c r="U39" s="71">
        <v>0</v>
      </c>
      <c r="V39" s="71">
        <v>0</v>
      </c>
      <c r="W39" s="72">
        <v>2</v>
      </c>
      <c r="X39" s="73">
        <v>2</v>
      </c>
      <c r="Y39" s="70">
        <v>0</v>
      </c>
      <c r="Z39" s="71">
        <v>0</v>
      </c>
      <c r="AA39" s="72">
        <v>0</v>
      </c>
      <c r="AB39" s="244"/>
      <c r="AC39" s="71">
        <v>2</v>
      </c>
      <c r="AD39" s="71">
        <v>1</v>
      </c>
      <c r="AE39" s="71">
        <v>1</v>
      </c>
      <c r="AF39" s="71">
        <v>0</v>
      </c>
      <c r="AG39" s="71">
        <v>0</v>
      </c>
      <c r="AH39" s="72">
        <v>4</v>
      </c>
      <c r="AI39" s="73">
        <v>4</v>
      </c>
      <c r="AJ39" s="70">
        <v>0</v>
      </c>
      <c r="AK39" s="71">
        <v>1</v>
      </c>
      <c r="AL39" s="72">
        <v>1</v>
      </c>
      <c r="AM39" s="244"/>
      <c r="AN39" s="71">
        <v>0</v>
      </c>
      <c r="AO39" s="71">
        <v>2</v>
      </c>
      <c r="AP39" s="71">
        <v>0</v>
      </c>
      <c r="AQ39" s="71">
        <v>1</v>
      </c>
      <c r="AR39" s="71">
        <v>0</v>
      </c>
      <c r="AS39" s="72">
        <v>3</v>
      </c>
      <c r="AT39" s="73">
        <v>4</v>
      </c>
      <c r="AU39" s="70">
        <v>0</v>
      </c>
      <c r="AV39" s="71">
        <v>4</v>
      </c>
      <c r="AW39" s="72">
        <v>4</v>
      </c>
      <c r="AX39" s="244"/>
      <c r="AY39" s="71">
        <v>2</v>
      </c>
      <c r="AZ39" s="71">
        <v>1</v>
      </c>
      <c r="BA39" s="71">
        <v>0</v>
      </c>
      <c r="BB39" s="71">
        <v>1</v>
      </c>
      <c r="BC39" s="71">
        <v>1</v>
      </c>
      <c r="BD39" s="72">
        <v>5</v>
      </c>
      <c r="BE39" s="73">
        <v>9</v>
      </c>
      <c r="BF39" s="70">
        <v>2</v>
      </c>
      <c r="BG39" s="71">
        <v>2</v>
      </c>
      <c r="BH39" s="72">
        <v>4</v>
      </c>
      <c r="BI39" s="244"/>
      <c r="BJ39" s="71">
        <v>3</v>
      </c>
      <c r="BK39" s="71">
        <v>4</v>
      </c>
      <c r="BL39" s="71">
        <v>3</v>
      </c>
      <c r="BM39" s="71">
        <v>1</v>
      </c>
      <c r="BN39" s="71">
        <v>1</v>
      </c>
      <c r="BO39" s="72">
        <v>12</v>
      </c>
      <c r="BP39" s="73">
        <v>16</v>
      </c>
      <c r="BQ39" s="70">
        <v>0</v>
      </c>
      <c r="BR39" s="71">
        <v>4</v>
      </c>
      <c r="BS39" s="72">
        <v>4</v>
      </c>
      <c r="BT39" s="244"/>
      <c r="BU39" s="71">
        <v>4</v>
      </c>
      <c r="BV39" s="71">
        <v>3</v>
      </c>
      <c r="BW39" s="71">
        <v>1</v>
      </c>
      <c r="BX39" s="71">
        <v>2</v>
      </c>
      <c r="BY39" s="71">
        <v>2</v>
      </c>
      <c r="BZ39" s="72">
        <v>12</v>
      </c>
      <c r="CA39" s="73">
        <v>16</v>
      </c>
      <c r="CB39" s="70">
        <v>0</v>
      </c>
      <c r="CC39" s="71">
        <v>0</v>
      </c>
      <c r="CD39" s="72">
        <v>0</v>
      </c>
      <c r="CE39" s="244"/>
      <c r="CF39" s="71">
        <v>0</v>
      </c>
      <c r="CG39" s="71">
        <v>0</v>
      </c>
      <c r="CH39" s="71">
        <v>0</v>
      </c>
      <c r="CI39" s="71">
        <v>0</v>
      </c>
      <c r="CJ39" s="71">
        <v>0</v>
      </c>
      <c r="CK39" s="72">
        <v>0</v>
      </c>
      <c r="CL39" s="73">
        <v>0</v>
      </c>
      <c r="CM39" s="70">
        <v>2</v>
      </c>
      <c r="CN39" s="71">
        <v>11</v>
      </c>
      <c r="CO39" s="72">
        <v>13</v>
      </c>
      <c r="CP39" s="244"/>
      <c r="CQ39" s="71">
        <v>12</v>
      </c>
      <c r="CR39" s="71">
        <v>12</v>
      </c>
      <c r="CS39" s="71">
        <v>5</v>
      </c>
      <c r="CT39" s="71">
        <v>5</v>
      </c>
      <c r="CU39" s="71">
        <v>4</v>
      </c>
      <c r="CV39" s="72">
        <v>38</v>
      </c>
      <c r="CW39" s="73">
        <v>51</v>
      </c>
      <c r="CX39" s="123">
        <v>2</v>
      </c>
      <c r="CY39" s="82">
        <v>3</v>
      </c>
      <c r="CZ39" s="83">
        <v>5</v>
      </c>
      <c r="DA39" s="241"/>
      <c r="DB39" s="82">
        <v>1</v>
      </c>
      <c r="DC39" s="82">
        <v>1</v>
      </c>
      <c r="DD39" s="82">
        <v>1</v>
      </c>
      <c r="DE39" s="82">
        <v>0</v>
      </c>
      <c r="DF39" s="82">
        <v>1</v>
      </c>
      <c r="DG39" s="84">
        <v>4</v>
      </c>
      <c r="DH39" s="85">
        <v>9</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1</v>
      </c>
      <c r="ER39" s="72">
        <v>1</v>
      </c>
      <c r="ES39" s="244"/>
      <c r="ET39" s="71">
        <v>0</v>
      </c>
      <c r="EU39" s="71">
        <v>1</v>
      </c>
      <c r="EV39" s="71">
        <v>0</v>
      </c>
      <c r="EW39" s="71">
        <v>0</v>
      </c>
      <c r="EX39" s="71">
        <v>0</v>
      </c>
      <c r="EY39" s="72">
        <v>1</v>
      </c>
      <c r="EZ39" s="73">
        <v>2</v>
      </c>
      <c r="FA39" s="70">
        <v>1</v>
      </c>
      <c r="FB39" s="71">
        <v>2</v>
      </c>
      <c r="FC39" s="72">
        <v>3</v>
      </c>
      <c r="FD39" s="244"/>
      <c r="FE39" s="71">
        <v>1</v>
      </c>
      <c r="FF39" s="71">
        <v>0</v>
      </c>
      <c r="FG39" s="71">
        <v>1</v>
      </c>
      <c r="FH39" s="71">
        <v>0</v>
      </c>
      <c r="FI39" s="71">
        <v>0</v>
      </c>
      <c r="FJ39" s="72">
        <v>2</v>
      </c>
      <c r="FK39" s="73">
        <v>5</v>
      </c>
      <c r="FL39" s="70">
        <v>1</v>
      </c>
      <c r="FM39" s="71">
        <v>0</v>
      </c>
      <c r="FN39" s="72">
        <v>1</v>
      </c>
      <c r="FO39" s="244"/>
      <c r="FP39" s="71">
        <v>0</v>
      </c>
      <c r="FQ39" s="71">
        <v>0</v>
      </c>
      <c r="FR39" s="71">
        <v>0</v>
      </c>
      <c r="FS39" s="71">
        <v>0</v>
      </c>
      <c r="FT39" s="71">
        <v>1</v>
      </c>
      <c r="FU39" s="72">
        <v>1</v>
      </c>
      <c r="FV39" s="73">
        <v>2</v>
      </c>
      <c r="FW39" s="70">
        <v>0</v>
      </c>
      <c r="FX39" s="71">
        <v>0</v>
      </c>
      <c r="FY39" s="72">
        <v>0</v>
      </c>
      <c r="FZ39" s="244"/>
      <c r="GA39" s="71">
        <v>0</v>
      </c>
      <c r="GB39" s="71">
        <v>0</v>
      </c>
      <c r="GC39" s="71">
        <v>0</v>
      </c>
      <c r="GD39" s="71">
        <v>0</v>
      </c>
      <c r="GE39" s="71">
        <v>0</v>
      </c>
      <c r="GF39" s="72">
        <v>0</v>
      </c>
      <c r="GG39" s="73">
        <v>0</v>
      </c>
      <c r="GH39" s="70">
        <v>2</v>
      </c>
      <c r="GI39" s="71">
        <v>3</v>
      </c>
      <c r="GJ39" s="72">
        <v>5</v>
      </c>
      <c r="GK39" s="244"/>
      <c r="GL39" s="71">
        <v>1</v>
      </c>
      <c r="GM39" s="71">
        <v>1</v>
      </c>
      <c r="GN39" s="71">
        <v>1</v>
      </c>
      <c r="GO39" s="71">
        <v>0</v>
      </c>
      <c r="GP39" s="71">
        <v>1</v>
      </c>
      <c r="GQ39" s="72">
        <v>4</v>
      </c>
      <c r="GR39" s="73">
        <v>9</v>
      </c>
      <c r="GS39" s="123">
        <v>4</v>
      </c>
      <c r="GT39" s="82">
        <v>14</v>
      </c>
      <c r="GU39" s="83">
        <v>18</v>
      </c>
      <c r="GV39" s="241"/>
      <c r="GW39" s="82">
        <v>13</v>
      </c>
      <c r="GX39" s="82">
        <v>13</v>
      </c>
      <c r="GY39" s="82">
        <v>6</v>
      </c>
      <c r="GZ39" s="82">
        <v>5</v>
      </c>
      <c r="HA39" s="82">
        <v>5</v>
      </c>
      <c r="HB39" s="84">
        <v>42</v>
      </c>
      <c r="HC39" s="85">
        <v>60</v>
      </c>
      <c r="HD39" s="70">
        <v>0</v>
      </c>
      <c r="HE39" s="71">
        <v>0</v>
      </c>
      <c r="HF39" s="72">
        <v>0</v>
      </c>
      <c r="HG39" s="244"/>
      <c r="HH39" s="71">
        <v>1</v>
      </c>
      <c r="HI39" s="71">
        <v>1</v>
      </c>
      <c r="HJ39" s="71">
        <v>0</v>
      </c>
      <c r="HK39" s="71">
        <v>0</v>
      </c>
      <c r="HL39" s="71">
        <v>0</v>
      </c>
      <c r="HM39" s="72">
        <v>2</v>
      </c>
      <c r="HN39" s="73">
        <v>2</v>
      </c>
      <c r="HO39" s="70">
        <v>0</v>
      </c>
      <c r="HP39" s="71">
        <v>0</v>
      </c>
      <c r="HQ39" s="72">
        <v>0</v>
      </c>
      <c r="HR39" s="244"/>
      <c r="HS39" s="71">
        <v>2</v>
      </c>
      <c r="HT39" s="71">
        <v>1</v>
      </c>
      <c r="HU39" s="71">
        <v>1</v>
      </c>
      <c r="HV39" s="71">
        <v>0</v>
      </c>
      <c r="HW39" s="71">
        <v>0</v>
      </c>
      <c r="HX39" s="72">
        <v>4</v>
      </c>
      <c r="HY39" s="73">
        <v>4</v>
      </c>
      <c r="HZ39" s="70">
        <v>0</v>
      </c>
      <c r="IA39" s="71">
        <v>1</v>
      </c>
      <c r="IB39" s="72">
        <v>1</v>
      </c>
      <c r="IC39" s="244"/>
      <c r="ID39" s="71">
        <v>0</v>
      </c>
      <c r="IE39" s="71">
        <v>2</v>
      </c>
      <c r="IF39" s="71">
        <v>0</v>
      </c>
      <c r="IG39" s="71">
        <v>1</v>
      </c>
      <c r="IH39" s="71">
        <v>0</v>
      </c>
      <c r="II39" s="72">
        <v>3</v>
      </c>
      <c r="IJ39" s="73">
        <v>4</v>
      </c>
      <c r="IK39" s="70">
        <v>0</v>
      </c>
      <c r="IL39" s="71">
        <v>5</v>
      </c>
      <c r="IM39" s="72">
        <v>5</v>
      </c>
      <c r="IN39" s="244"/>
      <c r="IO39" s="71">
        <v>2</v>
      </c>
      <c r="IP39" s="71">
        <v>2</v>
      </c>
      <c r="IQ39" s="71">
        <v>0</v>
      </c>
      <c r="IR39" s="71">
        <v>1</v>
      </c>
      <c r="IS39" s="71">
        <v>1</v>
      </c>
      <c r="IT39" s="72">
        <v>6</v>
      </c>
      <c r="IU39" s="73">
        <v>11</v>
      </c>
      <c r="IV39" s="70">
        <v>3</v>
      </c>
      <c r="IW39" s="71">
        <v>4</v>
      </c>
      <c r="IX39" s="72">
        <v>7</v>
      </c>
      <c r="IY39" s="244"/>
      <c r="IZ39" s="71">
        <v>4</v>
      </c>
      <c r="JA39" s="71">
        <v>4</v>
      </c>
      <c r="JB39" s="71">
        <v>4</v>
      </c>
      <c r="JC39" s="71">
        <v>1</v>
      </c>
      <c r="JD39" s="71">
        <v>1</v>
      </c>
      <c r="JE39" s="72">
        <v>14</v>
      </c>
      <c r="JF39" s="73">
        <v>21</v>
      </c>
      <c r="JG39" s="70">
        <v>1</v>
      </c>
      <c r="JH39" s="71">
        <v>4</v>
      </c>
      <c r="JI39" s="72">
        <v>5</v>
      </c>
      <c r="JJ39" s="244"/>
      <c r="JK39" s="71">
        <v>4</v>
      </c>
      <c r="JL39" s="71">
        <v>3</v>
      </c>
      <c r="JM39" s="71">
        <v>1</v>
      </c>
      <c r="JN39" s="71">
        <v>2</v>
      </c>
      <c r="JO39" s="71">
        <v>3</v>
      </c>
      <c r="JP39" s="72">
        <v>13</v>
      </c>
      <c r="JQ39" s="73">
        <v>18</v>
      </c>
      <c r="JR39" s="70">
        <v>0</v>
      </c>
      <c r="JS39" s="71">
        <v>0</v>
      </c>
      <c r="JT39" s="72">
        <v>0</v>
      </c>
      <c r="JU39" s="244"/>
      <c r="JV39" s="71">
        <v>0</v>
      </c>
      <c r="JW39" s="71">
        <v>0</v>
      </c>
      <c r="JX39" s="71">
        <v>0</v>
      </c>
      <c r="JY39" s="71">
        <v>0</v>
      </c>
      <c r="JZ39" s="71">
        <v>0</v>
      </c>
      <c r="KA39" s="72">
        <v>0</v>
      </c>
      <c r="KB39" s="73">
        <v>0</v>
      </c>
      <c r="KC39" s="70">
        <v>4</v>
      </c>
      <c r="KD39" s="71">
        <v>14</v>
      </c>
      <c r="KE39" s="72">
        <v>18</v>
      </c>
      <c r="KF39" s="244"/>
      <c r="KG39" s="71">
        <v>13</v>
      </c>
      <c r="KH39" s="71">
        <v>13</v>
      </c>
      <c r="KI39" s="71">
        <v>6</v>
      </c>
      <c r="KJ39" s="71">
        <v>5</v>
      </c>
      <c r="KK39" s="71">
        <v>5</v>
      </c>
      <c r="KL39" s="72">
        <v>42</v>
      </c>
      <c r="KM39" s="73">
        <v>60</v>
      </c>
    </row>
    <row r="40" spans="2:299" ht="21" customHeight="1" thickBot="1" x14ac:dyDescent="0.25">
      <c r="B40" s="127" t="s">
        <v>37</v>
      </c>
      <c r="C40" s="316">
        <v>0</v>
      </c>
      <c r="D40" s="87">
        <v>1</v>
      </c>
      <c r="E40" s="88">
        <v>1</v>
      </c>
      <c r="F40" s="242"/>
      <c r="G40" s="87">
        <v>0</v>
      </c>
      <c r="H40" s="87">
        <v>1</v>
      </c>
      <c r="I40" s="87">
        <v>1</v>
      </c>
      <c r="J40" s="87">
        <v>1</v>
      </c>
      <c r="K40" s="87">
        <v>0</v>
      </c>
      <c r="L40" s="89">
        <v>3</v>
      </c>
      <c r="M40" s="90">
        <v>4</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0</v>
      </c>
      <c r="AO40" s="75">
        <v>0</v>
      </c>
      <c r="AP40" s="75">
        <v>0</v>
      </c>
      <c r="AQ40" s="75">
        <v>0</v>
      </c>
      <c r="AR40" s="75">
        <v>0</v>
      </c>
      <c r="AS40" s="76">
        <v>0</v>
      </c>
      <c r="AT40" s="77">
        <v>1</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1</v>
      </c>
      <c r="CS40" s="75">
        <v>1</v>
      </c>
      <c r="CT40" s="75">
        <v>1</v>
      </c>
      <c r="CU40" s="75">
        <v>0</v>
      </c>
      <c r="CV40" s="76">
        <v>3</v>
      </c>
      <c r="CW40" s="77">
        <v>4</v>
      </c>
      <c r="CX40" s="124">
        <v>0</v>
      </c>
      <c r="CY40" s="87">
        <v>0</v>
      </c>
      <c r="CZ40" s="88">
        <v>0</v>
      </c>
      <c r="DA40" s="242"/>
      <c r="DB40" s="87">
        <v>0</v>
      </c>
      <c r="DC40" s="87">
        <v>0</v>
      </c>
      <c r="DD40" s="87">
        <v>0</v>
      </c>
      <c r="DE40" s="87">
        <v>0</v>
      </c>
      <c r="DF40" s="87">
        <v>0</v>
      </c>
      <c r="DG40" s="89">
        <v>0</v>
      </c>
      <c r="DH40" s="90">
        <v>0</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0</v>
      </c>
      <c r="FU40" s="76">
        <v>0</v>
      </c>
      <c r="FV40" s="77">
        <v>0</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0</v>
      </c>
      <c r="GQ40" s="76">
        <v>0</v>
      </c>
      <c r="GR40" s="77">
        <v>0</v>
      </c>
      <c r="GS40" s="124">
        <v>0</v>
      </c>
      <c r="GT40" s="87">
        <v>1</v>
      </c>
      <c r="GU40" s="88">
        <v>1</v>
      </c>
      <c r="GV40" s="242"/>
      <c r="GW40" s="87">
        <v>0</v>
      </c>
      <c r="GX40" s="87">
        <v>1</v>
      </c>
      <c r="GY40" s="87">
        <v>1</v>
      </c>
      <c r="GZ40" s="87">
        <v>1</v>
      </c>
      <c r="HA40" s="87">
        <v>0</v>
      </c>
      <c r="HB40" s="89">
        <v>3</v>
      </c>
      <c r="HC40" s="90">
        <v>4</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0</v>
      </c>
      <c r="IE40" s="75">
        <v>0</v>
      </c>
      <c r="IF40" s="75">
        <v>0</v>
      </c>
      <c r="IG40" s="75">
        <v>0</v>
      </c>
      <c r="IH40" s="75">
        <v>0</v>
      </c>
      <c r="II40" s="76">
        <v>0</v>
      </c>
      <c r="IJ40" s="77">
        <v>1</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0</v>
      </c>
      <c r="JO40" s="75">
        <v>0</v>
      </c>
      <c r="JP40" s="76">
        <v>0</v>
      </c>
      <c r="JQ40" s="77">
        <v>0</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1</v>
      </c>
      <c r="KI40" s="75">
        <v>1</v>
      </c>
      <c r="KJ40" s="75">
        <v>1</v>
      </c>
      <c r="KK40" s="75">
        <v>0</v>
      </c>
      <c r="KL40" s="76">
        <v>3</v>
      </c>
      <c r="KM40" s="77">
        <v>4</v>
      </c>
    </row>
    <row r="41" spans="2:299" ht="32.25" customHeight="1" x14ac:dyDescent="0.2">
      <c r="C41" s="310" t="s">
        <v>126</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26">
        <f>第１表!F2</f>
        <v>5</v>
      </c>
      <c r="G1" s="526"/>
      <c r="H1" s="248">
        <f>第１表!G2</f>
        <v>3</v>
      </c>
      <c r="I1" s="525">
        <f>H1</f>
        <v>3</v>
      </c>
      <c r="J1" s="525"/>
    </row>
    <row r="2" spans="2:299" ht="24" customHeight="1" thickBot="1" x14ac:dyDescent="0.25">
      <c r="B2" s="20" t="s">
        <v>153</v>
      </c>
    </row>
    <row r="3" spans="2:299" ht="21" customHeight="1" thickBot="1" x14ac:dyDescent="0.25">
      <c r="B3" s="512" t="s">
        <v>38</v>
      </c>
      <c r="C3" s="507" t="s">
        <v>96</v>
      </c>
      <c r="D3" s="507"/>
      <c r="E3" s="507"/>
      <c r="F3" s="507"/>
      <c r="G3" s="507"/>
      <c r="H3" s="507"/>
      <c r="I3" s="507"/>
      <c r="J3" s="507"/>
      <c r="K3" s="507"/>
      <c r="L3" s="507"/>
      <c r="M3" s="507"/>
      <c r="N3" s="507"/>
      <c r="O3" s="507"/>
      <c r="P3" s="507"/>
      <c r="Q3" s="507"/>
      <c r="R3" s="507"/>
      <c r="S3" s="507"/>
      <c r="T3" s="507"/>
      <c r="U3" s="507"/>
      <c r="V3" s="507"/>
      <c r="W3" s="507"/>
      <c r="X3" s="507"/>
      <c r="Y3" s="507"/>
      <c r="Z3" s="507"/>
      <c r="AA3" s="507"/>
      <c r="AB3" s="507"/>
      <c r="AC3" s="507"/>
      <c r="AD3" s="507"/>
      <c r="AE3" s="507"/>
      <c r="AF3" s="507"/>
      <c r="AG3" s="507"/>
      <c r="AH3" s="507"/>
      <c r="AI3" s="507"/>
      <c r="AJ3" s="507"/>
      <c r="AK3" s="507"/>
      <c r="AL3" s="507"/>
      <c r="AM3" s="507"/>
      <c r="AN3" s="507"/>
      <c r="AO3" s="507"/>
      <c r="AP3" s="507"/>
      <c r="AQ3" s="507"/>
      <c r="AR3" s="507"/>
      <c r="AS3" s="507"/>
      <c r="AT3" s="507"/>
      <c r="AU3" s="507"/>
      <c r="AV3" s="507"/>
      <c r="AW3" s="507"/>
      <c r="AX3" s="507"/>
      <c r="AY3" s="507"/>
      <c r="AZ3" s="507"/>
      <c r="BA3" s="507"/>
      <c r="BB3" s="507"/>
      <c r="BC3" s="507"/>
      <c r="BD3" s="507"/>
      <c r="BE3" s="507"/>
      <c r="BF3" s="507"/>
      <c r="BG3" s="507"/>
      <c r="BH3" s="507"/>
      <c r="BI3" s="507"/>
      <c r="BJ3" s="507"/>
      <c r="BK3" s="507"/>
      <c r="BL3" s="507"/>
      <c r="BM3" s="507"/>
      <c r="BN3" s="507"/>
      <c r="BO3" s="507"/>
      <c r="BP3" s="507"/>
      <c r="BQ3" s="507"/>
      <c r="BR3" s="507"/>
      <c r="BS3" s="507"/>
      <c r="BT3" s="507"/>
      <c r="BU3" s="507"/>
      <c r="BV3" s="507"/>
      <c r="BW3" s="507"/>
      <c r="BX3" s="507"/>
      <c r="BY3" s="507"/>
      <c r="BZ3" s="507"/>
      <c r="CA3" s="507"/>
      <c r="CB3" s="507"/>
      <c r="CC3" s="507"/>
      <c r="CD3" s="507"/>
      <c r="CE3" s="507"/>
      <c r="CF3" s="507"/>
      <c r="CG3" s="507"/>
      <c r="CH3" s="507"/>
      <c r="CI3" s="507"/>
      <c r="CJ3" s="507"/>
      <c r="CK3" s="507"/>
      <c r="CL3" s="507"/>
      <c r="CM3" s="507"/>
      <c r="CN3" s="507"/>
      <c r="CO3" s="507"/>
      <c r="CP3" s="507"/>
      <c r="CQ3" s="507"/>
      <c r="CR3" s="507"/>
      <c r="CS3" s="507"/>
      <c r="CT3" s="507"/>
      <c r="CU3" s="507"/>
      <c r="CV3" s="507"/>
      <c r="CW3" s="508"/>
      <c r="CX3" s="507" t="s">
        <v>103</v>
      </c>
      <c r="CY3" s="507"/>
      <c r="CZ3" s="507"/>
      <c r="DA3" s="507"/>
      <c r="DB3" s="507"/>
      <c r="DC3" s="507"/>
      <c r="DD3" s="507"/>
      <c r="DE3" s="507"/>
      <c r="DF3" s="507"/>
      <c r="DG3" s="507"/>
      <c r="DH3" s="507"/>
      <c r="DI3" s="507"/>
      <c r="DJ3" s="507"/>
      <c r="DK3" s="507"/>
      <c r="DL3" s="507"/>
      <c r="DM3" s="507"/>
      <c r="DN3" s="507"/>
      <c r="DO3" s="507"/>
      <c r="DP3" s="507"/>
      <c r="DQ3" s="507"/>
      <c r="DR3" s="507"/>
      <c r="DS3" s="507"/>
      <c r="DT3" s="507"/>
      <c r="DU3" s="507"/>
      <c r="DV3" s="507"/>
      <c r="DW3" s="507"/>
      <c r="DX3" s="507"/>
      <c r="DY3" s="507"/>
      <c r="DZ3" s="507"/>
      <c r="EA3" s="507"/>
      <c r="EB3" s="507"/>
      <c r="EC3" s="507"/>
      <c r="ED3" s="507"/>
      <c r="EE3" s="507"/>
      <c r="EF3" s="507"/>
      <c r="EG3" s="507"/>
      <c r="EH3" s="507"/>
      <c r="EI3" s="507"/>
      <c r="EJ3" s="507"/>
      <c r="EK3" s="507"/>
      <c r="EL3" s="507"/>
      <c r="EM3" s="507"/>
      <c r="EN3" s="507"/>
      <c r="EO3" s="507"/>
      <c r="EP3" s="507"/>
      <c r="EQ3" s="507"/>
      <c r="ER3" s="507"/>
      <c r="ES3" s="507"/>
      <c r="ET3" s="507"/>
      <c r="EU3" s="507"/>
      <c r="EV3" s="507"/>
      <c r="EW3" s="507"/>
      <c r="EX3" s="507"/>
      <c r="EY3" s="507"/>
      <c r="EZ3" s="507"/>
      <c r="FA3" s="507"/>
      <c r="FB3" s="507"/>
      <c r="FC3" s="507"/>
      <c r="FD3" s="507"/>
      <c r="FE3" s="507"/>
      <c r="FF3" s="507"/>
      <c r="FG3" s="507"/>
      <c r="FH3" s="507"/>
      <c r="FI3" s="507"/>
      <c r="FJ3" s="507"/>
      <c r="FK3" s="507"/>
      <c r="FL3" s="507"/>
      <c r="FM3" s="507"/>
      <c r="FN3" s="507"/>
      <c r="FO3" s="507"/>
      <c r="FP3" s="507"/>
      <c r="FQ3" s="507"/>
      <c r="FR3" s="507"/>
      <c r="FS3" s="507"/>
      <c r="FT3" s="507"/>
      <c r="FU3" s="507"/>
      <c r="FV3" s="507"/>
      <c r="FW3" s="507"/>
      <c r="FX3" s="507"/>
      <c r="FY3" s="507"/>
      <c r="FZ3" s="507"/>
      <c r="GA3" s="507"/>
      <c r="GB3" s="507"/>
      <c r="GC3" s="507"/>
      <c r="GD3" s="507"/>
      <c r="GE3" s="507"/>
      <c r="GF3" s="507"/>
      <c r="GG3" s="507"/>
      <c r="GH3" s="507"/>
      <c r="GI3" s="507"/>
      <c r="GJ3" s="507"/>
      <c r="GK3" s="507"/>
      <c r="GL3" s="507"/>
      <c r="GM3" s="507"/>
      <c r="GN3" s="507"/>
      <c r="GO3" s="507"/>
      <c r="GP3" s="507"/>
      <c r="GQ3" s="507"/>
      <c r="GR3" s="508"/>
      <c r="GS3" s="507" t="s">
        <v>104</v>
      </c>
      <c r="GT3" s="507"/>
      <c r="GU3" s="507"/>
      <c r="GV3" s="507"/>
      <c r="GW3" s="507"/>
      <c r="GX3" s="507"/>
      <c r="GY3" s="507"/>
      <c r="GZ3" s="507"/>
      <c r="HA3" s="507"/>
      <c r="HB3" s="507"/>
      <c r="HC3" s="507"/>
      <c r="HD3" s="507"/>
      <c r="HE3" s="507"/>
      <c r="HF3" s="507"/>
      <c r="HG3" s="507"/>
      <c r="HH3" s="507"/>
      <c r="HI3" s="507"/>
      <c r="HJ3" s="507"/>
      <c r="HK3" s="507"/>
      <c r="HL3" s="507"/>
      <c r="HM3" s="507"/>
      <c r="HN3" s="507"/>
      <c r="HO3" s="507"/>
      <c r="HP3" s="507"/>
      <c r="HQ3" s="507"/>
      <c r="HR3" s="507"/>
      <c r="HS3" s="507"/>
      <c r="HT3" s="507"/>
      <c r="HU3" s="507"/>
      <c r="HV3" s="507"/>
      <c r="HW3" s="507"/>
      <c r="HX3" s="507"/>
      <c r="HY3" s="507"/>
      <c r="HZ3" s="507"/>
      <c r="IA3" s="507"/>
      <c r="IB3" s="507"/>
      <c r="IC3" s="507"/>
      <c r="ID3" s="507"/>
      <c r="IE3" s="507"/>
      <c r="IF3" s="507"/>
      <c r="IG3" s="507"/>
      <c r="IH3" s="507"/>
      <c r="II3" s="507"/>
      <c r="IJ3" s="507"/>
      <c r="IK3" s="507"/>
      <c r="IL3" s="507"/>
      <c r="IM3" s="507"/>
      <c r="IN3" s="507"/>
      <c r="IO3" s="507"/>
      <c r="IP3" s="507"/>
      <c r="IQ3" s="507"/>
      <c r="IR3" s="507"/>
      <c r="IS3" s="507"/>
      <c r="IT3" s="507"/>
      <c r="IU3" s="507"/>
      <c r="IV3" s="507"/>
      <c r="IW3" s="507"/>
      <c r="IX3" s="507"/>
      <c r="IY3" s="507"/>
      <c r="IZ3" s="507"/>
      <c r="JA3" s="507"/>
      <c r="JB3" s="507"/>
      <c r="JC3" s="507"/>
      <c r="JD3" s="507"/>
      <c r="JE3" s="507"/>
      <c r="JF3" s="507"/>
      <c r="JG3" s="507"/>
      <c r="JH3" s="507"/>
      <c r="JI3" s="507"/>
      <c r="JJ3" s="507"/>
      <c r="JK3" s="507"/>
      <c r="JL3" s="507"/>
      <c r="JM3" s="507"/>
      <c r="JN3" s="507"/>
      <c r="JO3" s="507"/>
      <c r="JP3" s="507"/>
      <c r="JQ3" s="507"/>
      <c r="JR3" s="507"/>
      <c r="JS3" s="507"/>
      <c r="JT3" s="507"/>
      <c r="JU3" s="507"/>
      <c r="JV3" s="507"/>
      <c r="JW3" s="507"/>
      <c r="JX3" s="507"/>
      <c r="JY3" s="507"/>
      <c r="JZ3" s="507"/>
      <c r="KA3" s="507"/>
      <c r="KB3" s="507"/>
      <c r="KC3" s="507"/>
      <c r="KD3" s="507"/>
      <c r="KE3" s="507"/>
      <c r="KF3" s="507"/>
      <c r="KG3" s="507"/>
      <c r="KH3" s="507"/>
      <c r="KI3" s="507"/>
      <c r="KJ3" s="507"/>
      <c r="KK3" s="507"/>
      <c r="KL3" s="507"/>
      <c r="KM3" s="508"/>
    </row>
    <row r="4" spans="2:299" ht="21" customHeight="1" thickBot="1" x14ac:dyDescent="0.25">
      <c r="B4" s="524"/>
      <c r="C4" s="509" t="s">
        <v>39</v>
      </c>
      <c r="D4" s="510"/>
      <c r="E4" s="510"/>
      <c r="F4" s="510"/>
      <c r="G4" s="510"/>
      <c r="H4" s="510"/>
      <c r="I4" s="510"/>
      <c r="J4" s="510"/>
      <c r="K4" s="510"/>
      <c r="L4" s="510"/>
      <c r="M4" s="510"/>
      <c r="N4" s="510"/>
      <c r="O4" s="510"/>
      <c r="P4" s="510"/>
      <c r="Q4" s="510"/>
      <c r="R4" s="510"/>
      <c r="S4" s="510"/>
      <c r="T4" s="510"/>
      <c r="U4" s="510"/>
      <c r="V4" s="510"/>
      <c r="W4" s="510"/>
      <c r="X4" s="510"/>
      <c r="Y4" s="510"/>
      <c r="Z4" s="510"/>
      <c r="AA4" s="510"/>
      <c r="AB4" s="510"/>
      <c r="AC4" s="510"/>
      <c r="AD4" s="510"/>
      <c r="AE4" s="510"/>
      <c r="AF4" s="510"/>
      <c r="AG4" s="510"/>
      <c r="AH4" s="510"/>
      <c r="AI4" s="510"/>
      <c r="AJ4" s="510"/>
      <c r="AK4" s="510"/>
      <c r="AL4" s="510"/>
      <c r="AM4" s="510"/>
      <c r="AN4" s="510"/>
      <c r="AO4" s="510"/>
      <c r="AP4" s="510"/>
      <c r="AQ4" s="510"/>
      <c r="AR4" s="510"/>
      <c r="AS4" s="510"/>
      <c r="AT4" s="510"/>
      <c r="AU4" s="510"/>
      <c r="AV4" s="510"/>
      <c r="AW4" s="510"/>
      <c r="AX4" s="510"/>
      <c r="AY4" s="510"/>
      <c r="AZ4" s="510"/>
      <c r="BA4" s="510"/>
      <c r="BB4" s="510"/>
      <c r="BC4" s="510"/>
      <c r="BD4" s="510"/>
      <c r="BE4" s="510"/>
      <c r="BF4" s="510"/>
      <c r="BG4" s="510"/>
      <c r="BH4" s="510"/>
      <c r="BI4" s="510"/>
      <c r="BJ4" s="510"/>
      <c r="BK4" s="510"/>
      <c r="BL4" s="510"/>
      <c r="BM4" s="510"/>
      <c r="BN4" s="510"/>
      <c r="BO4" s="510"/>
      <c r="BP4" s="510"/>
      <c r="BQ4" s="510"/>
      <c r="BR4" s="510"/>
      <c r="BS4" s="510"/>
      <c r="BT4" s="510"/>
      <c r="BU4" s="510"/>
      <c r="BV4" s="510"/>
      <c r="BW4" s="510"/>
      <c r="BX4" s="510"/>
      <c r="BY4" s="510"/>
      <c r="BZ4" s="510"/>
      <c r="CA4" s="511"/>
      <c r="CB4" s="512" t="s">
        <v>40</v>
      </c>
      <c r="CC4" s="513"/>
      <c r="CD4" s="513"/>
      <c r="CE4" s="513"/>
      <c r="CF4" s="513"/>
      <c r="CG4" s="513"/>
      <c r="CH4" s="513"/>
      <c r="CI4" s="513"/>
      <c r="CJ4" s="513"/>
      <c r="CK4" s="513"/>
      <c r="CL4" s="514"/>
      <c r="CM4" s="512" t="s">
        <v>41</v>
      </c>
      <c r="CN4" s="513"/>
      <c r="CO4" s="513"/>
      <c r="CP4" s="513"/>
      <c r="CQ4" s="513"/>
      <c r="CR4" s="513"/>
      <c r="CS4" s="513"/>
      <c r="CT4" s="513"/>
      <c r="CU4" s="513"/>
      <c r="CV4" s="513"/>
      <c r="CW4" s="514"/>
      <c r="CX4" s="509" t="s">
        <v>39</v>
      </c>
      <c r="CY4" s="510"/>
      <c r="CZ4" s="510"/>
      <c r="DA4" s="510"/>
      <c r="DB4" s="510"/>
      <c r="DC4" s="510"/>
      <c r="DD4" s="510"/>
      <c r="DE4" s="510"/>
      <c r="DF4" s="510"/>
      <c r="DG4" s="510"/>
      <c r="DH4" s="510"/>
      <c r="DI4" s="510"/>
      <c r="DJ4" s="510"/>
      <c r="DK4" s="510"/>
      <c r="DL4" s="510"/>
      <c r="DM4" s="510"/>
      <c r="DN4" s="510"/>
      <c r="DO4" s="510"/>
      <c r="DP4" s="510"/>
      <c r="DQ4" s="510"/>
      <c r="DR4" s="510"/>
      <c r="DS4" s="510"/>
      <c r="DT4" s="510"/>
      <c r="DU4" s="510"/>
      <c r="DV4" s="510"/>
      <c r="DW4" s="510"/>
      <c r="DX4" s="510"/>
      <c r="DY4" s="510"/>
      <c r="DZ4" s="510"/>
      <c r="EA4" s="510"/>
      <c r="EB4" s="510"/>
      <c r="EC4" s="510"/>
      <c r="ED4" s="510"/>
      <c r="EE4" s="510"/>
      <c r="EF4" s="510"/>
      <c r="EG4" s="510"/>
      <c r="EH4" s="510"/>
      <c r="EI4" s="510"/>
      <c r="EJ4" s="510"/>
      <c r="EK4" s="510"/>
      <c r="EL4" s="510"/>
      <c r="EM4" s="510"/>
      <c r="EN4" s="510"/>
      <c r="EO4" s="510"/>
      <c r="EP4" s="510"/>
      <c r="EQ4" s="510"/>
      <c r="ER4" s="510"/>
      <c r="ES4" s="510"/>
      <c r="ET4" s="510"/>
      <c r="EU4" s="510"/>
      <c r="EV4" s="510"/>
      <c r="EW4" s="510"/>
      <c r="EX4" s="510"/>
      <c r="EY4" s="510"/>
      <c r="EZ4" s="510"/>
      <c r="FA4" s="510"/>
      <c r="FB4" s="510"/>
      <c r="FC4" s="510"/>
      <c r="FD4" s="510"/>
      <c r="FE4" s="510"/>
      <c r="FF4" s="510"/>
      <c r="FG4" s="510"/>
      <c r="FH4" s="510"/>
      <c r="FI4" s="510"/>
      <c r="FJ4" s="510"/>
      <c r="FK4" s="510"/>
      <c r="FL4" s="510"/>
      <c r="FM4" s="510"/>
      <c r="FN4" s="510"/>
      <c r="FO4" s="510"/>
      <c r="FP4" s="510"/>
      <c r="FQ4" s="510"/>
      <c r="FR4" s="510"/>
      <c r="FS4" s="510"/>
      <c r="FT4" s="510"/>
      <c r="FU4" s="510"/>
      <c r="FV4" s="511"/>
      <c r="FW4" s="512" t="s">
        <v>40</v>
      </c>
      <c r="FX4" s="513"/>
      <c r="FY4" s="513"/>
      <c r="FZ4" s="513"/>
      <c r="GA4" s="513"/>
      <c r="GB4" s="513"/>
      <c r="GC4" s="513"/>
      <c r="GD4" s="513"/>
      <c r="GE4" s="513"/>
      <c r="GF4" s="513"/>
      <c r="GG4" s="514"/>
      <c r="GH4" s="512" t="s">
        <v>41</v>
      </c>
      <c r="GI4" s="513"/>
      <c r="GJ4" s="513"/>
      <c r="GK4" s="513"/>
      <c r="GL4" s="513"/>
      <c r="GM4" s="513"/>
      <c r="GN4" s="513"/>
      <c r="GO4" s="513"/>
      <c r="GP4" s="513"/>
      <c r="GQ4" s="513"/>
      <c r="GR4" s="514"/>
      <c r="GS4" s="509" t="s">
        <v>39</v>
      </c>
      <c r="GT4" s="510"/>
      <c r="GU4" s="510"/>
      <c r="GV4" s="510"/>
      <c r="GW4" s="510"/>
      <c r="GX4" s="510"/>
      <c r="GY4" s="510"/>
      <c r="GZ4" s="510"/>
      <c r="HA4" s="510"/>
      <c r="HB4" s="510"/>
      <c r="HC4" s="510"/>
      <c r="HD4" s="510"/>
      <c r="HE4" s="510"/>
      <c r="HF4" s="510"/>
      <c r="HG4" s="510"/>
      <c r="HH4" s="510"/>
      <c r="HI4" s="510"/>
      <c r="HJ4" s="510"/>
      <c r="HK4" s="510"/>
      <c r="HL4" s="510"/>
      <c r="HM4" s="510"/>
      <c r="HN4" s="510"/>
      <c r="HO4" s="510"/>
      <c r="HP4" s="510"/>
      <c r="HQ4" s="510"/>
      <c r="HR4" s="510"/>
      <c r="HS4" s="510"/>
      <c r="HT4" s="510"/>
      <c r="HU4" s="510"/>
      <c r="HV4" s="510"/>
      <c r="HW4" s="510"/>
      <c r="HX4" s="510"/>
      <c r="HY4" s="510"/>
      <c r="HZ4" s="510"/>
      <c r="IA4" s="510"/>
      <c r="IB4" s="510"/>
      <c r="IC4" s="510"/>
      <c r="ID4" s="510"/>
      <c r="IE4" s="510"/>
      <c r="IF4" s="510"/>
      <c r="IG4" s="510"/>
      <c r="IH4" s="510"/>
      <c r="II4" s="510"/>
      <c r="IJ4" s="510"/>
      <c r="IK4" s="510"/>
      <c r="IL4" s="510"/>
      <c r="IM4" s="510"/>
      <c r="IN4" s="510"/>
      <c r="IO4" s="510"/>
      <c r="IP4" s="510"/>
      <c r="IQ4" s="510"/>
      <c r="IR4" s="510"/>
      <c r="IS4" s="510"/>
      <c r="IT4" s="510"/>
      <c r="IU4" s="510"/>
      <c r="IV4" s="510"/>
      <c r="IW4" s="510"/>
      <c r="IX4" s="510"/>
      <c r="IY4" s="510"/>
      <c r="IZ4" s="510"/>
      <c r="JA4" s="510"/>
      <c r="JB4" s="510"/>
      <c r="JC4" s="510"/>
      <c r="JD4" s="510"/>
      <c r="JE4" s="510"/>
      <c r="JF4" s="510"/>
      <c r="JG4" s="510"/>
      <c r="JH4" s="510"/>
      <c r="JI4" s="510"/>
      <c r="JJ4" s="510"/>
      <c r="JK4" s="510"/>
      <c r="JL4" s="510"/>
      <c r="JM4" s="510"/>
      <c r="JN4" s="510"/>
      <c r="JO4" s="510"/>
      <c r="JP4" s="510"/>
      <c r="JQ4" s="511"/>
      <c r="JR4" s="512" t="s">
        <v>40</v>
      </c>
      <c r="JS4" s="513"/>
      <c r="JT4" s="513"/>
      <c r="JU4" s="513"/>
      <c r="JV4" s="513"/>
      <c r="JW4" s="513"/>
      <c r="JX4" s="513"/>
      <c r="JY4" s="513"/>
      <c r="JZ4" s="513"/>
      <c r="KA4" s="513"/>
      <c r="KB4" s="514"/>
      <c r="KC4" s="512" t="s">
        <v>41</v>
      </c>
      <c r="KD4" s="513"/>
      <c r="KE4" s="513"/>
      <c r="KF4" s="513"/>
      <c r="KG4" s="513"/>
      <c r="KH4" s="513"/>
      <c r="KI4" s="513"/>
      <c r="KJ4" s="513"/>
      <c r="KK4" s="513"/>
      <c r="KL4" s="513"/>
      <c r="KM4" s="514"/>
    </row>
    <row r="5" spans="2:299" ht="21" customHeight="1" thickBot="1" x14ac:dyDescent="0.25">
      <c r="B5" s="518"/>
      <c r="C5" s="518"/>
      <c r="D5" s="519"/>
      <c r="E5" s="519"/>
      <c r="F5" s="519"/>
      <c r="G5" s="519"/>
      <c r="H5" s="519"/>
      <c r="I5" s="519"/>
      <c r="J5" s="519"/>
      <c r="K5" s="519"/>
      <c r="L5" s="519"/>
      <c r="M5" s="520"/>
      <c r="N5" s="521" t="s">
        <v>97</v>
      </c>
      <c r="O5" s="522"/>
      <c r="P5" s="522"/>
      <c r="Q5" s="522"/>
      <c r="R5" s="522"/>
      <c r="S5" s="522"/>
      <c r="T5" s="522"/>
      <c r="U5" s="522"/>
      <c r="V5" s="522"/>
      <c r="W5" s="522"/>
      <c r="X5" s="523"/>
      <c r="Y5" s="521" t="s">
        <v>98</v>
      </c>
      <c r="Z5" s="522"/>
      <c r="AA5" s="522"/>
      <c r="AB5" s="522"/>
      <c r="AC5" s="522"/>
      <c r="AD5" s="522"/>
      <c r="AE5" s="522"/>
      <c r="AF5" s="522"/>
      <c r="AG5" s="522"/>
      <c r="AH5" s="522"/>
      <c r="AI5" s="523"/>
      <c r="AJ5" s="521" t="s">
        <v>99</v>
      </c>
      <c r="AK5" s="522"/>
      <c r="AL5" s="522"/>
      <c r="AM5" s="522"/>
      <c r="AN5" s="522"/>
      <c r="AO5" s="522"/>
      <c r="AP5" s="522"/>
      <c r="AQ5" s="522"/>
      <c r="AR5" s="522"/>
      <c r="AS5" s="522"/>
      <c r="AT5" s="523"/>
      <c r="AU5" s="521" t="s">
        <v>100</v>
      </c>
      <c r="AV5" s="522"/>
      <c r="AW5" s="522"/>
      <c r="AX5" s="522"/>
      <c r="AY5" s="522"/>
      <c r="AZ5" s="522"/>
      <c r="BA5" s="522"/>
      <c r="BB5" s="522"/>
      <c r="BC5" s="522"/>
      <c r="BD5" s="522"/>
      <c r="BE5" s="523"/>
      <c r="BF5" s="521" t="s">
        <v>101</v>
      </c>
      <c r="BG5" s="522"/>
      <c r="BH5" s="522"/>
      <c r="BI5" s="522"/>
      <c r="BJ5" s="522"/>
      <c r="BK5" s="522"/>
      <c r="BL5" s="522"/>
      <c r="BM5" s="522"/>
      <c r="BN5" s="522"/>
      <c r="BO5" s="522"/>
      <c r="BP5" s="523"/>
      <c r="BQ5" s="521" t="s">
        <v>102</v>
      </c>
      <c r="BR5" s="522"/>
      <c r="BS5" s="522"/>
      <c r="BT5" s="522"/>
      <c r="BU5" s="522"/>
      <c r="BV5" s="522"/>
      <c r="BW5" s="522"/>
      <c r="BX5" s="522"/>
      <c r="BY5" s="522"/>
      <c r="BZ5" s="522"/>
      <c r="CA5" s="523"/>
      <c r="CB5" s="515"/>
      <c r="CC5" s="516"/>
      <c r="CD5" s="516"/>
      <c r="CE5" s="516"/>
      <c r="CF5" s="516"/>
      <c r="CG5" s="516"/>
      <c r="CH5" s="516"/>
      <c r="CI5" s="516"/>
      <c r="CJ5" s="516"/>
      <c r="CK5" s="516"/>
      <c r="CL5" s="517"/>
      <c r="CM5" s="515"/>
      <c r="CN5" s="516"/>
      <c r="CO5" s="516"/>
      <c r="CP5" s="516"/>
      <c r="CQ5" s="516"/>
      <c r="CR5" s="516"/>
      <c r="CS5" s="516"/>
      <c r="CT5" s="516"/>
      <c r="CU5" s="516"/>
      <c r="CV5" s="516"/>
      <c r="CW5" s="517"/>
      <c r="CX5" s="518"/>
      <c r="CY5" s="519"/>
      <c r="CZ5" s="519"/>
      <c r="DA5" s="519"/>
      <c r="DB5" s="519"/>
      <c r="DC5" s="519"/>
      <c r="DD5" s="519"/>
      <c r="DE5" s="519"/>
      <c r="DF5" s="519"/>
      <c r="DG5" s="519"/>
      <c r="DH5" s="520"/>
      <c r="DI5" s="521" t="s">
        <v>97</v>
      </c>
      <c r="DJ5" s="522"/>
      <c r="DK5" s="522"/>
      <c r="DL5" s="522"/>
      <c r="DM5" s="522"/>
      <c r="DN5" s="522"/>
      <c r="DO5" s="522"/>
      <c r="DP5" s="522"/>
      <c r="DQ5" s="522"/>
      <c r="DR5" s="522"/>
      <c r="DS5" s="523"/>
      <c r="DT5" s="521" t="s">
        <v>98</v>
      </c>
      <c r="DU5" s="522"/>
      <c r="DV5" s="522"/>
      <c r="DW5" s="522"/>
      <c r="DX5" s="522"/>
      <c r="DY5" s="522"/>
      <c r="DZ5" s="522"/>
      <c r="EA5" s="522"/>
      <c r="EB5" s="522"/>
      <c r="EC5" s="522"/>
      <c r="ED5" s="523"/>
      <c r="EE5" s="521" t="s">
        <v>99</v>
      </c>
      <c r="EF5" s="522"/>
      <c r="EG5" s="522"/>
      <c r="EH5" s="522"/>
      <c r="EI5" s="522"/>
      <c r="EJ5" s="522"/>
      <c r="EK5" s="522"/>
      <c r="EL5" s="522"/>
      <c r="EM5" s="522"/>
      <c r="EN5" s="522"/>
      <c r="EO5" s="523"/>
      <c r="EP5" s="521" t="s">
        <v>100</v>
      </c>
      <c r="EQ5" s="522"/>
      <c r="ER5" s="522"/>
      <c r="ES5" s="522"/>
      <c r="ET5" s="522"/>
      <c r="EU5" s="522"/>
      <c r="EV5" s="522"/>
      <c r="EW5" s="522"/>
      <c r="EX5" s="522"/>
      <c r="EY5" s="522"/>
      <c r="EZ5" s="523"/>
      <c r="FA5" s="521" t="s">
        <v>101</v>
      </c>
      <c r="FB5" s="522"/>
      <c r="FC5" s="522"/>
      <c r="FD5" s="522"/>
      <c r="FE5" s="522"/>
      <c r="FF5" s="522"/>
      <c r="FG5" s="522"/>
      <c r="FH5" s="522"/>
      <c r="FI5" s="522"/>
      <c r="FJ5" s="522"/>
      <c r="FK5" s="523"/>
      <c r="FL5" s="521" t="s">
        <v>102</v>
      </c>
      <c r="FM5" s="522"/>
      <c r="FN5" s="522"/>
      <c r="FO5" s="522"/>
      <c r="FP5" s="522"/>
      <c r="FQ5" s="522"/>
      <c r="FR5" s="522"/>
      <c r="FS5" s="522"/>
      <c r="FT5" s="522"/>
      <c r="FU5" s="522"/>
      <c r="FV5" s="523"/>
      <c r="FW5" s="515"/>
      <c r="FX5" s="516"/>
      <c r="FY5" s="516"/>
      <c r="FZ5" s="516"/>
      <c r="GA5" s="516"/>
      <c r="GB5" s="516"/>
      <c r="GC5" s="516"/>
      <c r="GD5" s="516"/>
      <c r="GE5" s="516"/>
      <c r="GF5" s="516"/>
      <c r="GG5" s="517"/>
      <c r="GH5" s="515"/>
      <c r="GI5" s="516"/>
      <c r="GJ5" s="516"/>
      <c r="GK5" s="516"/>
      <c r="GL5" s="516"/>
      <c r="GM5" s="516"/>
      <c r="GN5" s="516"/>
      <c r="GO5" s="516"/>
      <c r="GP5" s="516"/>
      <c r="GQ5" s="516"/>
      <c r="GR5" s="517"/>
      <c r="GS5" s="518"/>
      <c r="GT5" s="519"/>
      <c r="GU5" s="519"/>
      <c r="GV5" s="519"/>
      <c r="GW5" s="519"/>
      <c r="GX5" s="519"/>
      <c r="GY5" s="519"/>
      <c r="GZ5" s="519"/>
      <c r="HA5" s="519"/>
      <c r="HB5" s="519"/>
      <c r="HC5" s="520"/>
      <c r="HD5" s="521" t="s">
        <v>97</v>
      </c>
      <c r="HE5" s="522"/>
      <c r="HF5" s="522"/>
      <c r="HG5" s="522"/>
      <c r="HH5" s="522"/>
      <c r="HI5" s="522"/>
      <c r="HJ5" s="522"/>
      <c r="HK5" s="522"/>
      <c r="HL5" s="522"/>
      <c r="HM5" s="522"/>
      <c r="HN5" s="523"/>
      <c r="HO5" s="521" t="s">
        <v>98</v>
      </c>
      <c r="HP5" s="522"/>
      <c r="HQ5" s="522"/>
      <c r="HR5" s="522"/>
      <c r="HS5" s="522"/>
      <c r="HT5" s="522"/>
      <c r="HU5" s="522"/>
      <c r="HV5" s="522"/>
      <c r="HW5" s="522"/>
      <c r="HX5" s="522"/>
      <c r="HY5" s="523"/>
      <c r="HZ5" s="521" t="s">
        <v>99</v>
      </c>
      <c r="IA5" s="522"/>
      <c r="IB5" s="522"/>
      <c r="IC5" s="522"/>
      <c r="ID5" s="522"/>
      <c r="IE5" s="522"/>
      <c r="IF5" s="522"/>
      <c r="IG5" s="522"/>
      <c r="IH5" s="522"/>
      <c r="II5" s="522"/>
      <c r="IJ5" s="523"/>
      <c r="IK5" s="521" t="s">
        <v>100</v>
      </c>
      <c r="IL5" s="522"/>
      <c r="IM5" s="522"/>
      <c r="IN5" s="522"/>
      <c r="IO5" s="522"/>
      <c r="IP5" s="522"/>
      <c r="IQ5" s="522"/>
      <c r="IR5" s="522"/>
      <c r="IS5" s="522"/>
      <c r="IT5" s="522"/>
      <c r="IU5" s="523"/>
      <c r="IV5" s="521" t="s">
        <v>101</v>
      </c>
      <c r="IW5" s="522"/>
      <c r="IX5" s="522"/>
      <c r="IY5" s="522"/>
      <c r="IZ5" s="522"/>
      <c r="JA5" s="522"/>
      <c r="JB5" s="522"/>
      <c r="JC5" s="522"/>
      <c r="JD5" s="522"/>
      <c r="JE5" s="522"/>
      <c r="JF5" s="523"/>
      <c r="JG5" s="521" t="s">
        <v>102</v>
      </c>
      <c r="JH5" s="522"/>
      <c r="JI5" s="522"/>
      <c r="JJ5" s="522"/>
      <c r="JK5" s="522"/>
      <c r="JL5" s="522"/>
      <c r="JM5" s="522"/>
      <c r="JN5" s="522"/>
      <c r="JO5" s="522"/>
      <c r="JP5" s="522"/>
      <c r="JQ5" s="523"/>
      <c r="JR5" s="515"/>
      <c r="JS5" s="516"/>
      <c r="JT5" s="516"/>
      <c r="JU5" s="516"/>
      <c r="JV5" s="516"/>
      <c r="JW5" s="516"/>
      <c r="JX5" s="516"/>
      <c r="JY5" s="516"/>
      <c r="JZ5" s="516"/>
      <c r="KA5" s="516"/>
      <c r="KB5" s="517"/>
      <c r="KC5" s="515"/>
      <c r="KD5" s="516"/>
      <c r="KE5" s="516"/>
      <c r="KF5" s="516"/>
      <c r="KG5" s="516"/>
      <c r="KH5" s="516"/>
      <c r="KI5" s="516"/>
      <c r="KJ5" s="516"/>
      <c r="KK5" s="516"/>
      <c r="KL5" s="516"/>
      <c r="KM5" s="517"/>
    </row>
    <row r="6" spans="2:299" ht="30" customHeight="1" thickBot="1" x14ac:dyDescent="0.25">
      <c r="B6" s="353" t="s">
        <v>42</v>
      </c>
      <c r="C6" s="51" t="s">
        <v>43</v>
      </c>
      <c r="D6" s="47" t="s">
        <v>44</v>
      </c>
      <c r="E6" s="48" t="s">
        <v>45</v>
      </c>
      <c r="F6" s="52" t="s">
        <v>46</v>
      </c>
      <c r="G6" s="47" t="s">
        <v>47</v>
      </c>
      <c r="H6" s="47" t="s">
        <v>48</v>
      </c>
      <c r="I6" s="47" t="s">
        <v>49</v>
      </c>
      <c r="J6" s="47" t="s">
        <v>50</v>
      </c>
      <c r="K6" s="47" t="s">
        <v>51</v>
      </c>
      <c r="L6" s="48" t="s">
        <v>45</v>
      </c>
      <c r="M6" s="351"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351"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351"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352" t="s">
        <v>4</v>
      </c>
      <c r="C7" s="314">
        <v>3236</v>
      </c>
      <c r="D7" s="78">
        <v>3089</v>
      </c>
      <c r="E7" s="79">
        <v>6325</v>
      </c>
      <c r="F7" s="240"/>
      <c r="G7" s="78">
        <v>4274</v>
      </c>
      <c r="H7" s="78">
        <v>3916</v>
      </c>
      <c r="I7" s="78">
        <v>2371</v>
      </c>
      <c r="J7" s="78">
        <v>2122</v>
      </c>
      <c r="K7" s="78">
        <v>1310</v>
      </c>
      <c r="L7" s="80">
        <v>13993</v>
      </c>
      <c r="M7" s="81">
        <v>20318</v>
      </c>
      <c r="N7" s="66">
        <v>103</v>
      </c>
      <c r="O7" s="67">
        <v>113</v>
      </c>
      <c r="P7" s="68">
        <v>216</v>
      </c>
      <c r="Q7" s="243"/>
      <c r="R7" s="67">
        <v>97</v>
      </c>
      <c r="S7" s="67">
        <v>134</v>
      </c>
      <c r="T7" s="67">
        <v>74</v>
      </c>
      <c r="U7" s="67">
        <v>75</v>
      </c>
      <c r="V7" s="67">
        <v>79</v>
      </c>
      <c r="W7" s="68">
        <v>459</v>
      </c>
      <c r="X7" s="69">
        <v>675</v>
      </c>
      <c r="Y7" s="66">
        <v>243</v>
      </c>
      <c r="Z7" s="67">
        <v>252</v>
      </c>
      <c r="AA7" s="68">
        <v>495</v>
      </c>
      <c r="AB7" s="243"/>
      <c r="AC7" s="67">
        <v>258</v>
      </c>
      <c r="AD7" s="67">
        <v>311</v>
      </c>
      <c r="AE7" s="67">
        <v>198</v>
      </c>
      <c r="AF7" s="67">
        <v>168</v>
      </c>
      <c r="AG7" s="67">
        <v>128</v>
      </c>
      <c r="AH7" s="68">
        <v>1063</v>
      </c>
      <c r="AI7" s="69">
        <v>1558</v>
      </c>
      <c r="AJ7" s="66">
        <v>365</v>
      </c>
      <c r="AK7" s="67">
        <v>384</v>
      </c>
      <c r="AL7" s="68">
        <v>749</v>
      </c>
      <c r="AM7" s="243"/>
      <c r="AN7" s="67">
        <v>528</v>
      </c>
      <c r="AO7" s="67">
        <v>439</v>
      </c>
      <c r="AP7" s="67">
        <v>264</v>
      </c>
      <c r="AQ7" s="67">
        <v>262</v>
      </c>
      <c r="AR7" s="67">
        <v>183</v>
      </c>
      <c r="AS7" s="68">
        <v>1676</v>
      </c>
      <c r="AT7" s="69">
        <v>2425</v>
      </c>
      <c r="AU7" s="66">
        <v>729</v>
      </c>
      <c r="AV7" s="67">
        <v>716</v>
      </c>
      <c r="AW7" s="68">
        <v>1445</v>
      </c>
      <c r="AX7" s="243"/>
      <c r="AY7" s="67">
        <v>987</v>
      </c>
      <c r="AZ7" s="67">
        <v>830</v>
      </c>
      <c r="BA7" s="67">
        <v>471</v>
      </c>
      <c r="BB7" s="67">
        <v>405</v>
      </c>
      <c r="BC7" s="67">
        <v>279</v>
      </c>
      <c r="BD7" s="68">
        <v>2972</v>
      </c>
      <c r="BE7" s="69">
        <v>4417</v>
      </c>
      <c r="BF7" s="66">
        <v>997</v>
      </c>
      <c r="BG7" s="67">
        <v>888</v>
      </c>
      <c r="BH7" s="68">
        <v>1885</v>
      </c>
      <c r="BI7" s="243"/>
      <c r="BJ7" s="67">
        <v>1237</v>
      </c>
      <c r="BK7" s="67">
        <v>1044</v>
      </c>
      <c r="BL7" s="67">
        <v>625</v>
      </c>
      <c r="BM7" s="67">
        <v>551</v>
      </c>
      <c r="BN7" s="67">
        <v>303</v>
      </c>
      <c r="BO7" s="68">
        <v>3760</v>
      </c>
      <c r="BP7" s="69">
        <v>5645</v>
      </c>
      <c r="BQ7" s="66">
        <v>799</v>
      </c>
      <c r="BR7" s="67">
        <v>736</v>
      </c>
      <c r="BS7" s="68">
        <v>1535</v>
      </c>
      <c r="BT7" s="243"/>
      <c r="BU7" s="67">
        <v>1167</v>
      </c>
      <c r="BV7" s="67">
        <v>1158</v>
      </c>
      <c r="BW7" s="67">
        <v>739</v>
      </c>
      <c r="BX7" s="67">
        <v>661</v>
      </c>
      <c r="BY7" s="67">
        <v>338</v>
      </c>
      <c r="BZ7" s="68">
        <v>4063</v>
      </c>
      <c r="CA7" s="69">
        <v>5598</v>
      </c>
      <c r="CB7" s="66">
        <v>0</v>
      </c>
      <c r="CC7" s="67">
        <v>0</v>
      </c>
      <c r="CD7" s="68">
        <v>0</v>
      </c>
      <c r="CE7" s="243"/>
      <c r="CF7" s="67">
        <v>0</v>
      </c>
      <c r="CG7" s="67">
        <v>0</v>
      </c>
      <c r="CH7" s="67">
        <v>0</v>
      </c>
      <c r="CI7" s="67">
        <v>0</v>
      </c>
      <c r="CJ7" s="67">
        <v>0</v>
      </c>
      <c r="CK7" s="68">
        <v>0</v>
      </c>
      <c r="CL7" s="69">
        <v>0</v>
      </c>
      <c r="CM7" s="66">
        <v>3236</v>
      </c>
      <c r="CN7" s="67">
        <v>3089</v>
      </c>
      <c r="CO7" s="68">
        <v>6325</v>
      </c>
      <c r="CP7" s="243"/>
      <c r="CQ7" s="67">
        <v>4274</v>
      </c>
      <c r="CR7" s="67">
        <v>3916</v>
      </c>
      <c r="CS7" s="67">
        <v>2371</v>
      </c>
      <c r="CT7" s="67">
        <v>2122</v>
      </c>
      <c r="CU7" s="67">
        <v>1310</v>
      </c>
      <c r="CV7" s="68">
        <v>13993</v>
      </c>
      <c r="CW7" s="69">
        <v>20318</v>
      </c>
      <c r="CX7" s="122">
        <v>1187</v>
      </c>
      <c r="CY7" s="78">
        <v>1369</v>
      </c>
      <c r="CZ7" s="79">
        <v>2556</v>
      </c>
      <c r="DA7" s="240"/>
      <c r="DB7" s="78">
        <v>1756</v>
      </c>
      <c r="DC7" s="78">
        <v>1591</v>
      </c>
      <c r="DD7" s="78">
        <v>1122</v>
      </c>
      <c r="DE7" s="78">
        <v>1163</v>
      </c>
      <c r="DF7" s="78">
        <v>781</v>
      </c>
      <c r="DG7" s="80">
        <v>6413</v>
      </c>
      <c r="DH7" s="81">
        <v>8969</v>
      </c>
      <c r="DI7" s="66">
        <v>29</v>
      </c>
      <c r="DJ7" s="67">
        <v>37</v>
      </c>
      <c r="DK7" s="68">
        <v>66</v>
      </c>
      <c r="DL7" s="243"/>
      <c r="DM7" s="67">
        <v>17</v>
      </c>
      <c r="DN7" s="67">
        <v>25</v>
      </c>
      <c r="DO7" s="67">
        <v>25</v>
      </c>
      <c r="DP7" s="67">
        <v>12</v>
      </c>
      <c r="DQ7" s="67">
        <v>15</v>
      </c>
      <c r="DR7" s="68">
        <v>94</v>
      </c>
      <c r="DS7" s="69">
        <v>160</v>
      </c>
      <c r="DT7" s="66">
        <v>90</v>
      </c>
      <c r="DU7" s="67">
        <v>94</v>
      </c>
      <c r="DV7" s="68">
        <v>184</v>
      </c>
      <c r="DW7" s="243"/>
      <c r="DX7" s="67">
        <v>86</v>
      </c>
      <c r="DY7" s="67">
        <v>88</v>
      </c>
      <c r="DZ7" s="67">
        <v>54</v>
      </c>
      <c r="EA7" s="67">
        <v>51</v>
      </c>
      <c r="EB7" s="67">
        <v>35</v>
      </c>
      <c r="EC7" s="68">
        <v>314</v>
      </c>
      <c r="ED7" s="69">
        <v>498</v>
      </c>
      <c r="EE7" s="66">
        <v>175</v>
      </c>
      <c r="EF7" s="67">
        <v>197</v>
      </c>
      <c r="EG7" s="68">
        <v>372</v>
      </c>
      <c r="EH7" s="243"/>
      <c r="EI7" s="67">
        <v>196</v>
      </c>
      <c r="EJ7" s="67">
        <v>166</v>
      </c>
      <c r="EK7" s="67">
        <v>105</v>
      </c>
      <c r="EL7" s="67">
        <v>75</v>
      </c>
      <c r="EM7" s="67">
        <v>70</v>
      </c>
      <c r="EN7" s="68">
        <v>612</v>
      </c>
      <c r="EO7" s="69">
        <v>984</v>
      </c>
      <c r="EP7" s="66">
        <v>339</v>
      </c>
      <c r="EQ7" s="67">
        <v>307</v>
      </c>
      <c r="ER7" s="68">
        <v>646</v>
      </c>
      <c r="ES7" s="243"/>
      <c r="ET7" s="67">
        <v>373</v>
      </c>
      <c r="EU7" s="67">
        <v>276</v>
      </c>
      <c r="EV7" s="67">
        <v>153</v>
      </c>
      <c r="EW7" s="67">
        <v>147</v>
      </c>
      <c r="EX7" s="67">
        <v>101</v>
      </c>
      <c r="EY7" s="68">
        <v>1050</v>
      </c>
      <c r="EZ7" s="69">
        <v>1696</v>
      </c>
      <c r="FA7" s="66">
        <v>323</v>
      </c>
      <c r="FB7" s="67">
        <v>415</v>
      </c>
      <c r="FC7" s="68">
        <v>738</v>
      </c>
      <c r="FD7" s="243"/>
      <c r="FE7" s="67">
        <v>514</v>
      </c>
      <c r="FF7" s="67">
        <v>456</v>
      </c>
      <c r="FG7" s="67">
        <v>296</v>
      </c>
      <c r="FH7" s="67">
        <v>287</v>
      </c>
      <c r="FI7" s="67">
        <v>174</v>
      </c>
      <c r="FJ7" s="68">
        <v>1727</v>
      </c>
      <c r="FK7" s="69">
        <v>2465</v>
      </c>
      <c r="FL7" s="66">
        <v>231</v>
      </c>
      <c r="FM7" s="67">
        <v>319</v>
      </c>
      <c r="FN7" s="68">
        <v>550</v>
      </c>
      <c r="FO7" s="243"/>
      <c r="FP7" s="67">
        <v>570</v>
      </c>
      <c r="FQ7" s="67">
        <v>580</v>
      </c>
      <c r="FR7" s="67">
        <v>489</v>
      </c>
      <c r="FS7" s="67">
        <v>591</v>
      </c>
      <c r="FT7" s="67">
        <v>386</v>
      </c>
      <c r="FU7" s="68">
        <v>2616</v>
      </c>
      <c r="FV7" s="69">
        <v>3166</v>
      </c>
      <c r="FW7" s="66">
        <v>0</v>
      </c>
      <c r="FX7" s="67">
        <v>0</v>
      </c>
      <c r="FY7" s="68">
        <v>0</v>
      </c>
      <c r="FZ7" s="243"/>
      <c r="GA7" s="67">
        <v>0</v>
      </c>
      <c r="GB7" s="67">
        <v>0</v>
      </c>
      <c r="GC7" s="67">
        <v>0</v>
      </c>
      <c r="GD7" s="67">
        <v>0</v>
      </c>
      <c r="GE7" s="67">
        <v>0</v>
      </c>
      <c r="GF7" s="68">
        <v>0</v>
      </c>
      <c r="GG7" s="69">
        <v>0</v>
      </c>
      <c r="GH7" s="66">
        <v>1187</v>
      </c>
      <c r="GI7" s="67">
        <v>1369</v>
      </c>
      <c r="GJ7" s="68">
        <v>2556</v>
      </c>
      <c r="GK7" s="243"/>
      <c r="GL7" s="67">
        <v>1756</v>
      </c>
      <c r="GM7" s="67">
        <v>1591</v>
      </c>
      <c r="GN7" s="67">
        <v>1122</v>
      </c>
      <c r="GO7" s="67">
        <v>1163</v>
      </c>
      <c r="GP7" s="67">
        <v>781</v>
      </c>
      <c r="GQ7" s="68">
        <v>6413</v>
      </c>
      <c r="GR7" s="69">
        <v>8969</v>
      </c>
      <c r="GS7" s="122">
        <v>4423</v>
      </c>
      <c r="GT7" s="78">
        <v>4458</v>
      </c>
      <c r="GU7" s="79">
        <v>8881</v>
      </c>
      <c r="GV7" s="240"/>
      <c r="GW7" s="78">
        <v>6030</v>
      </c>
      <c r="GX7" s="78">
        <v>5507</v>
      </c>
      <c r="GY7" s="78">
        <v>3493</v>
      </c>
      <c r="GZ7" s="78">
        <v>3285</v>
      </c>
      <c r="HA7" s="78">
        <v>2091</v>
      </c>
      <c r="HB7" s="80">
        <v>20406</v>
      </c>
      <c r="HC7" s="81">
        <v>29287</v>
      </c>
      <c r="HD7" s="66">
        <v>132</v>
      </c>
      <c r="HE7" s="67">
        <v>150</v>
      </c>
      <c r="HF7" s="68">
        <v>282</v>
      </c>
      <c r="HG7" s="243"/>
      <c r="HH7" s="67">
        <v>114</v>
      </c>
      <c r="HI7" s="67">
        <v>159</v>
      </c>
      <c r="HJ7" s="67">
        <v>99</v>
      </c>
      <c r="HK7" s="67">
        <v>87</v>
      </c>
      <c r="HL7" s="67">
        <v>94</v>
      </c>
      <c r="HM7" s="68">
        <v>553</v>
      </c>
      <c r="HN7" s="69">
        <v>835</v>
      </c>
      <c r="HO7" s="66">
        <v>333</v>
      </c>
      <c r="HP7" s="67">
        <v>346</v>
      </c>
      <c r="HQ7" s="68">
        <v>679</v>
      </c>
      <c r="HR7" s="243"/>
      <c r="HS7" s="67">
        <v>344</v>
      </c>
      <c r="HT7" s="67">
        <v>399</v>
      </c>
      <c r="HU7" s="67">
        <v>252</v>
      </c>
      <c r="HV7" s="67">
        <v>219</v>
      </c>
      <c r="HW7" s="67">
        <v>163</v>
      </c>
      <c r="HX7" s="68">
        <v>1377</v>
      </c>
      <c r="HY7" s="69">
        <v>2056</v>
      </c>
      <c r="HZ7" s="66">
        <v>540</v>
      </c>
      <c r="IA7" s="67">
        <v>581</v>
      </c>
      <c r="IB7" s="68">
        <v>1121</v>
      </c>
      <c r="IC7" s="243"/>
      <c r="ID7" s="67">
        <v>724</v>
      </c>
      <c r="IE7" s="67">
        <v>605</v>
      </c>
      <c r="IF7" s="67">
        <v>369</v>
      </c>
      <c r="IG7" s="67">
        <v>337</v>
      </c>
      <c r="IH7" s="67">
        <v>253</v>
      </c>
      <c r="II7" s="68">
        <v>2288</v>
      </c>
      <c r="IJ7" s="69">
        <v>3409</v>
      </c>
      <c r="IK7" s="66">
        <v>1068</v>
      </c>
      <c r="IL7" s="67">
        <v>1023</v>
      </c>
      <c r="IM7" s="68">
        <v>2091</v>
      </c>
      <c r="IN7" s="243"/>
      <c r="IO7" s="67">
        <v>1360</v>
      </c>
      <c r="IP7" s="67">
        <v>1106</v>
      </c>
      <c r="IQ7" s="67">
        <v>624</v>
      </c>
      <c r="IR7" s="67">
        <v>552</v>
      </c>
      <c r="IS7" s="67">
        <v>380</v>
      </c>
      <c r="IT7" s="68">
        <v>4022</v>
      </c>
      <c r="IU7" s="69">
        <v>6113</v>
      </c>
      <c r="IV7" s="66">
        <v>1320</v>
      </c>
      <c r="IW7" s="67">
        <v>1303</v>
      </c>
      <c r="IX7" s="68">
        <v>2623</v>
      </c>
      <c r="IY7" s="243"/>
      <c r="IZ7" s="67">
        <v>1751</v>
      </c>
      <c r="JA7" s="67">
        <v>1500</v>
      </c>
      <c r="JB7" s="67">
        <v>921</v>
      </c>
      <c r="JC7" s="67">
        <v>838</v>
      </c>
      <c r="JD7" s="67">
        <v>477</v>
      </c>
      <c r="JE7" s="68">
        <v>5487</v>
      </c>
      <c r="JF7" s="69">
        <v>8110</v>
      </c>
      <c r="JG7" s="66">
        <v>1030</v>
      </c>
      <c r="JH7" s="67">
        <v>1055</v>
      </c>
      <c r="JI7" s="68">
        <v>2085</v>
      </c>
      <c r="JJ7" s="243"/>
      <c r="JK7" s="67">
        <v>1737</v>
      </c>
      <c r="JL7" s="67">
        <v>1738</v>
      </c>
      <c r="JM7" s="67">
        <v>1228</v>
      </c>
      <c r="JN7" s="67">
        <v>1252</v>
      </c>
      <c r="JO7" s="67">
        <v>724</v>
      </c>
      <c r="JP7" s="68">
        <v>6679</v>
      </c>
      <c r="JQ7" s="69">
        <v>8764</v>
      </c>
      <c r="JR7" s="66">
        <v>0</v>
      </c>
      <c r="JS7" s="67">
        <v>0</v>
      </c>
      <c r="JT7" s="68">
        <v>0</v>
      </c>
      <c r="JU7" s="243"/>
      <c r="JV7" s="67">
        <v>0</v>
      </c>
      <c r="JW7" s="67">
        <v>0</v>
      </c>
      <c r="JX7" s="67">
        <v>0</v>
      </c>
      <c r="JY7" s="67">
        <v>0</v>
      </c>
      <c r="JZ7" s="67">
        <v>0</v>
      </c>
      <c r="KA7" s="68">
        <v>0</v>
      </c>
      <c r="KB7" s="69">
        <v>0</v>
      </c>
      <c r="KC7" s="66">
        <v>4423</v>
      </c>
      <c r="KD7" s="67">
        <v>4458</v>
      </c>
      <c r="KE7" s="68">
        <v>8881</v>
      </c>
      <c r="KF7" s="243"/>
      <c r="KG7" s="67">
        <v>6030</v>
      </c>
      <c r="KH7" s="67">
        <v>5507</v>
      </c>
      <c r="KI7" s="67">
        <v>3493</v>
      </c>
      <c r="KJ7" s="67">
        <v>3285</v>
      </c>
      <c r="KK7" s="67">
        <v>2091</v>
      </c>
      <c r="KL7" s="68">
        <v>20406</v>
      </c>
      <c r="KM7" s="69">
        <v>29287</v>
      </c>
    </row>
    <row r="8" spans="2:299" ht="21" customHeight="1" x14ac:dyDescent="0.2">
      <c r="B8" s="126" t="s">
        <v>5</v>
      </c>
      <c r="C8" s="315">
        <v>1470</v>
      </c>
      <c r="D8" s="82">
        <v>1572</v>
      </c>
      <c r="E8" s="83">
        <v>3042</v>
      </c>
      <c r="F8" s="241"/>
      <c r="G8" s="82">
        <v>1611</v>
      </c>
      <c r="H8" s="82">
        <v>1884</v>
      </c>
      <c r="I8" s="82">
        <v>1069</v>
      </c>
      <c r="J8" s="82">
        <v>946</v>
      </c>
      <c r="K8" s="82">
        <v>556</v>
      </c>
      <c r="L8" s="84">
        <v>6066</v>
      </c>
      <c r="M8" s="85">
        <v>9108</v>
      </c>
      <c r="N8" s="70">
        <v>50</v>
      </c>
      <c r="O8" s="71">
        <v>52</v>
      </c>
      <c r="P8" s="72">
        <v>102</v>
      </c>
      <c r="Q8" s="244"/>
      <c r="R8" s="71">
        <v>31</v>
      </c>
      <c r="S8" s="71">
        <v>57</v>
      </c>
      <c r="T8" s="71">
        <v>31</v>
      </c>
      <c r="U8" s="71">
        <v>27</v>
      </c>
      <c r="V8" s="71">
        <v>29</v>
      </c>
      <c r="W8" s="72">
        <v>175</v>
      </c>
      <c r="X8" s="73">
        <v>277</v>
      </c>
      <c r="Y8" s="70">
        <v>94</v>
      </c>
      <c r="Z8" s="71">
        <v>126</v>
      </c>
      <c r="AA8" s="72">
        <v>220</v>
      </c>
      <c r="AB8" s="244"/>
      <c r="AC8" s="71">
        <v>75</v>
      </c>
      <c r="AD8" s="71">
        <v>126</v>
      </c>
      <c r="AE8" s="71">
        <v>84</v>
      </c>
      <c r="AF8" s="71">
        <v>82</v>
      </c>
      <c r="AG8" s="71">
        <v>55</v>
      </c>
      <c r="AH8" s="72">
        <v>422</v>
      </c>
      <c r="AI8" s="73">
        <v>642</v>
      </c>
      <c r="AJ8" s="70">
        <v>160</v>
      </c>
      <c r="AK8" s="71">
        <v>182</v>
      </c>
      <c r="AL8" s="72">
        <v>342</v>
      </c>
      <c r="AM8" s="244"/>
      <c r="AN8" s="71">
        <v>192</v>
      </c>
      <c r="AO8" s="71">
        <v>182</v>
      </c>
      <c r="AP8" s="71">
        <v>108</v>
      </c>
      <c r="AQ8" s="71">
        <v>120</v>
      </c>
      <c r="AR8" s="71">
        <v>69</v>
      </c>
      <c r="AS8" s="72">
        <v>671</v>
      </c>
      <c r="AT8" s="73">
        <v>1013</v>
      </c>
      <c r="AU8" s="70">
        <v>351</v>
      </c>
      <c r="AV8" s="71">
        <v>373</v>
      </c>
      <c r="AW8" s="72">
        <v>724</v>
      </c>
      <c r="AX8" s="244"/>
      <c r="AY8" s="71">
        <v>346</v>
      </c>
      <c r="AZ8" s="71">
        <v>397</v>
      </c>
      <c r="BA8" s="71">
        <v>208</v>
      </c>
      <c r="BB8" s="71">
        <v>179</v>
      </c>
      <c r="BC8" s="71">
        <v>122</v>
      </c>
      <c r="BD8" s="72">
        <v>1252</v>
      </c>
      <c r="BE8" s="73">
        <v>1976</v>
      </c>
      <c r="BF8" s="70">
        <v>457</v>
      </c>
      <c r="BG8" s="71">
        <v>459</v>
      </c>
      <c r="BH8" s="72">
        <v>916</v>
      </c>
      <c r="BI8" s="244"/>
      <c r="BJ8" s="71">
        <v>494</v>
      </c>
      <c r="BK8" s="71">
        <v>520</v>
      </c>
      <c r="BL8" s="71">
        <v>275</v>
      </c>
      <c r="BM8" s="71">
        <v>243</v>
      </c>
      <c r="BN8" s="71">
        <v>128</v>
      </c>
      <c r="BO8" s="72">
        <v>1660</v>
      </c>
      <c r="BP8" s="73">
        <v>2576</v>
      </c>
      <c r="BQ8" s="70">
        <v>358</v>
      </c>
      <c r="BR8" s="71">
        <v>380</v>
      </c>
      <c r="BS8" s="72">
        <v>738</v>
      </c>
      <c r="BT8" s="244"/>
      <c r="BU8" s="71">
        <v>473</v>
      </c>
      <c r="BV8" s="71">
        <v>602</v>
      </c>
      <c r="BW8" s="71">
        <v>363</v>
      </c>
      <c r="BX8" s="71">
        <v>295</v>
      </c>
      <c r="BY8" s="71">
        <v>153</v>
      </c>
      <c r="BZ8" s="72">
        <v>1886</v>
      </c>
      <c r="CA8" s="73">
        <v>2624</v>
      </c>
      <c r="CB8" s="70">
        <v>0</v>
      </c>
      <c r="CC8" s="71">
        <v>0</v>
      </c>
      <c r="CD8" s="72">
        <v>0</v>
      </c>
      <c r="CE8" s="244"/>
      <c r="CF8" s="71">
        <v>0</v>
      </c>
      <c r="CG8" s="71">
        <v>0</v>
      </c>
      <c r="CH8" s="71">
        <v>0</v>
      </c>
      <c r="CI8" s="71">
        <v>0</v>
      </c>
      <c r="CJ8" s="71">
        <v>0</v>
      </c>
      <c r="CK8" s="72">
        <v>0</v>
      </c>
      <c r="CL8" s="73">
        <v>0</v>
      </c>
      <c r="CM8" s="70">
        <v>1470</v>
      </c>
      <c r="CN8" s="71">
        <v>1572</v>
      </c>
      <c r="CO8" s="72">
        <v>3042</v>
      </c>
      <c r="CP8" s="244"/>
      <c r="CQ8" s="71">
        <v>1611</v>
      </c>
      <c r="CR8" s="71">
        <v>1884</v>
      </c>
      <c r="CS8" s="71">
        <v>1069</v>
      </c>
      <c r="CT8" s="71">
        <v>946</v>
      </c>
      <c r="CU8" s="71">
        <v>556</v>
      </c>
      <c r="CV8" s="72">
        <v>6066</v>
      </c>
      <c r="CW8" s="73">
        <v>9108</v>
      </c>
      <c r="CX8" s="123">
        <v>462</v>
      </c>
      <c r="CY8" s="82">
        <v>637</v>
      </c>
      <c r="CZ8" s="83">
        <v>1099</v>
      </c>
      <c r="DA8" s="241"/>
      <c r="DB8" s="82">
        <v>627</v>
      </c>
      <c r="DC8" s="82">
        <v>776</v>
      </c>
      <c r="DD8" s="82">
        <v>474</v>
      </c>
      <c r="DE8" s="82">
        <v>520</v>
      </c>
      <c r="DF8" s="82">
        <v>347</v>
      </c>
      <c r="DG8" s="84">
        <v>2744</v>
      </c>
      <c r="DH8" s="85">
        <v>3843</v>
      </c>
      <c r="DI8" s="70">
        <v>10</v>
      </c>
      <c r="DJ8" s="71">
        <v>14</v>
      </c>
      <c r="DK8" s="72">
        <v>24</v>
      </c>
      <c r="DL8" s="244"/>
      <c r="DM8" s="71">
        <v>9</v>
      </c>
      <c r="DN8" s="71">
        <v>15</v>
      </c>
      <c r="DO8" s="71">
        <v>12</v>
      </c>
      <c r="DP8" s="71">
        <v>6</v>
      </c>
      <c r="DQ8" s="71">
        <v>5</v>
      </c>
      <c r="DR8" s="72">
        <v>47</v>
      </c>
      <c r="DS8" s="73">
        <v>71</v>
      </c>
      <c r="DT8" s="70">
        <v>34</v>
      </c>
      <c r="DU8" s="71">
        <v>44</v>
      </c>
      <c r="DV8" s="72">
        <v>78</v>
      </c>
      <c r="DW8" s="244"/>
      <c r="DX8" s="71">
        <v>19</v>
      </c>
      <c r="DY8" s="71">
        <v>39</v>
      </c>
      <c r="DZ8" s="71">
        <v>23</v>
      </c>
      <c r="EA8" s="71">
        <v>27</v>
      </c>
      <c r="EB8" s="71">
        <v>15</v>
      </c>
      <c r="EC8" s="72">
        <v>123</v>
      </c>
      <c r="ED8" s="73">
        <v>201</v>
      </c>
      <c r="EE8" s="70">
        <v>67</v>
      </c>
      <c r="EF8" s="71">
        <v>96</v>
      </c>
      <c r="EG8" s="72">
        <v>163</v>
      </c>
      <c r="EH8" s="244"/>
      <c r="EI8" s="71">
        <v>65</v>
      </c>
      <c r="EJ8" s="71">
        <v>78</v>
      </c>
      <c r="EK8" s="71">
        <v>44</v>
      </c>
      <c r="EL8" s="71">
        <v>31</v>
      </c>
      <c r="EM8" s="71">
        <v>36</v>
      </c>
      <c r="EN8" s="72">
        <v>254</v>
      </c>
      <c r="EO8" s="73">
        <v>417</v>
      </c>
      <c r="EP8" s="70">
        <v>139</v>
      </c>
      <c r="EQ8" s="71">
        <v>133</v>
      </c>
      <c r="ER8" s="72">
        <v>272</v>
      </c>
      <c r="ES8" s="244"/>
      <c r="ET8" s="71">
        <v>131</v>
      </c>
      <c r="EU8" s="71">
        <v>128</v>
      </c>
      <c r="EV8" s="71">
        <v>65</v>
      </c>
      <c r="EW8" s="71">
        <v>67</v>
      </c>
      <c r="EX8" s="71">
        <v>38</v>
      </c>
      <c r="EY8" s="72">
        <v>429</v>
      </c>
      <c r="EZ8" s="73">
        <v>701</v>
      </c>
      <c r="FA8" s="70">
        <v>117</v>
      </c>
      <c r="FB8" s="71">
        <v>208</v>
      </c>
      <c r="FC8" s="72">
        <v>325</v>
      </c>
      <c r="FD8" s="244"/>
      <c r="FE8" s="71">
        <v>202</v>
      </c>
      <c r="FF8" s="71">
        <v>240</v>
      </c>
      <c r="FG8" s="71">
        <v>122</v>
      </c>
      <c r="FH8" s="71">
        <v>135</v>
      </c>
      <c r="FI8" s="71">
        <v>84</v>
      </c>
      <c r="FJ8" s="72">
        <v>783</v>
      </c>
      <c r="FK8" s="73">
        <v>1108</v>
      </c>
      <c r="FL8" s="70">
        <v>95</v>
      </c>
      <c r="FM8" s="71">
        <v>142</v>
      </c>
      <c r="FN8" s="72">
        <v>237</v>
      </c>
      <c r="FO8" s="244"/>
      <c r="FP8" s="71">
        <v>201</v>
      </c>
      <c r="FQ8" s="71">
        <v>276</v>
      </c>
      <c r="FR8" s="71">
        <v>208</v>
      </c>
      <c r="FS8" s="71">
        <v>254</v>
      </c>
      <c r="FT8" s="71">
        <v>169</v>
      </c>
      <c r="FU8" s="72">
        <v>1108</v>
      </c>
      <c r="FV8" s="73">
        <v>1345</v>
      </c>
      <c r="FW8" s="70">
        <v>0</v>
      </c>
      <c r="FX8" s="71">
        <v>0</v>
      </c>
      <c r="FY8" s="72">
        <v>0</v>
      </c>
      <c r="FZ8" s="244"/>
      <c r="GA8" s="71">
        <v>0</v>
      </c>
      <c r="GB8" s="71">
        <v>0</v>
      </c>
      <c r="GC8" s="71">
        <v>0</v>
      </c>
      <c r="GD8" s="71">
        <v>0</v>
      </c>
      <c r="GE8" s="71">
        <v>0</v>
      </c>
      <c r="GF8" s="72">
        <v>0</v>
      </c>
      <c r="GG8" s="73">
        <v>0</v>
      </c>
      <c r="GH8" s="70">
        <v>462</v>
      </c>
      <c r="GI8" s="71">
        <v>637</v>
      </c>
      <c r="GJ8" s="72">
        <v>1099</v>
      </c>
      <c r="GK8" s="244"/>
      <c r="GL8" s="71">
        <v>627</v>
      </c>
      <c r="GM8" s="71">
        <v>776</v>
      </c>
      <c r="GN8" s="71">
        <v>474</v>
      </c>
      <c r="GO8" s="71">
        <v>520</v>
      </c>
      <c r="GP8" s="71">
        <v>347</v>
      </c>
      <c r="GQ8" s="72">
        <v>2744</v>
      </c>
      <c r="GR8" s="73">
        <v>3843</v>
      </c>
      <c r="GS8" s="123">
        <v>1932</v>
      </c>
      <c r="GT8" s="82">
        <v>2209</v>
      </c>
      <c r="GU8" s="83">
        <v>4141</v>
      </c>
      <c r="GV8" s="241"/>
      <c r="GW8" s="82">
        <v>2238</v>
      </c>
      <c r="GX8" s="82">
        <v>2660</v>
      </c>
      <c r="GY8" s="82">
        <v>1543</v>
      </c>
      <c r="GZ8" s="82">
        <v>1466</v>
      </c>
      <c r="HA8" s="82">
        <v>903</v>
      </c>
      <c r="HB8" s="84">
        <v>8810</v>
      </c>
      <c r="HC8" s="85">
        <v>12951</v>
      </c>
      <c r="HD8" s="70">
        <v>60</v>
      </c>
      <c r="HE8" s="71">
        <v>66</v>
      </c>
      <c r="HF8" s="72">
        <v>126</v>
      </c>
      <c r="HG8" s="244"/>
      <c r="HH8" s="71">
        <v>40</v>
      </c>
      <c r="HI8" s="71">
        <v>72</v>
      </c>
      <c r="HJ8" s="71">
        <v>43</v>
      </c>
      <c r="HK8" s="71">
        <v>33</v>
      </c>
      <c r="HL8" s="71">
        <v>34</v>
      </c>
      <c r="HM8" s="72">
        <v>222</v>
      </c>
      <c r="HN8" s="73">
        <v>348</v>
      </c>
      <c r="HO8" s="70">
        <v>128</v>
      </c>
      <c r="HP8" s="71">
        <v>170</v>
      </c>
      <c r="HQ8" s="72">
        <v>298</v>
      </c>
      <c r="HR8" s="244"/>
      <c r="HS8" s="71">
        <v>94</v>
      </c>
      <c r="HT8" s="71">
        <v>165</v>
      </c>
      <c r="HU8" s="71">
        <v>107</v>
      </c>
      <c r="HV8" s="71">
        <v>109</v>
      </c>
      <c r="HW8" s="71">
        <v>70</v>
      </c>
      <c r="HX8" s="72">
        <v>545</v>
      </c>
      <c r="HY8" s="73">
        <v>843</v>
      </c>
      <c r="HZ8" s="70">
        <v>227</v>
      </c>
      <c r="IA8" s="71">
        <v>278</v>
      </c>
      <c r="IB8" s="72">
        <v>505</v>
      </c>
      <c r="IC8" s="244"/>
      <c r="ID8" s="71">
        <v>257</v>
      </c>
      <c r="IE8" s="71">
        <v>260</v>
      </c>
      <c r="IF8" s="71">
        <v>152</v>
      </c>
      <c r="IG8" s="71">
        <v>151</v>
      </c>
      <c r="IH8" s="71">
        <v>105</v>
      </c>
      <c r="II8" s="72">
        <v>925</v>
      </c>
      <c r="IJ8" s="73">
        <v>1430</v>
      </c>
      <c r="IK8" s="70">
        <v>490</v>
      </c>
      <c r="IL8" s="71">
        <v>506</v>
      </c>
      <c r="IM8" s="72">
        <v>996</v>
      </c>
      <c r="IN8" s="244"/>
      <c r="IO8" s="71">
        <v>477</v>
      </c>
      <c r="IP8" s="71">
        <v>525</v>
      </c>
      <c r="IQ8" s="71">
        <v>273</v>
      </c>
      <c r="IR8" s="71">
        <v>246</v>
      </c>
      <c r="IS8" s="71">
        <v>160</v>
      </c>
      <c r="IT8" s="72">
        <v>1681</v>
      </c>
      <c r="IU8" s="73">
        <v>2677</v>
      </c>
      <c r="IV8" s="70">
        <v>574</v>
      </c>
      <c r="IW8" s="71">
        <v>667</v>
      </c>
      <c r="IX8" s="72">
        <v>1241</v>
      </c>
      <c r="IY8" s="244"/>
      <c r="IZ8" s="71">
        <v>696</v>
      </c>
      <c r="JA8" s="71">
        <v>760</v>
      </c>
      <c r="JB8" s="71">
        <v>397</v>
      </c>
      <c r="JC8" s="71">
        <v>378</v>
      </c>
      <c r="JD8" s="71">
        <v>212</v>
      </c>
      <c r="JE8" s="72">
        <v>2443</v>
      </c>
      <c r="JF8" s="73">
        <v>3684</v>
      </c>
      <c r="JG8" s="70">
        <v>453</v>
      </c>
      <c r="JH8" s="71">
        <v>522</v>
      </c>
      <c r="JI8" s="72">
        <v>975</v>
      </c>
      <c r="JJ8" s="244"/>
      <c r="JK8" s="71">
        <v>674</v>
      </c>
      <c r="JL8" s="71">
        <v>878</v>
      </c>
      <c r="JM8" s="71">
        <v>571</v>
      </c>
      <c r="JN8" s="71">
        <v>549</v>
      </c>
      <c r="JO8" s="71">
        <v>322</v>
      </c>
      <c r="JP8" s="72">
        <v>2994</v>
      </c>
      <c r="JQ8" s="73">
        <v>3969</v>
      </c>
      <c r="JR8" s="70">
        <v>0</v>
      </c>
      <c r="JS8" s="71">
        <v>0</v>
      </c>
      <c r="JT8" s="72">
        <v>0</v>
      </c>
      <c r="JU8" s="244"/>
      <c r="JV8" s="71">
        <v>0</v>
      </c>
      <c r="JW8" s="71">
        <v>0</v>
      </c>
      <c r="JX8" s="71">
        <v>0</v>
      </c>
      <c r="JY8" s="71">
        <v>0</v>
      </c>
      <c r="JZ8" s="71">
        <v>0</v>
      </c>
      <c r="KA8" s="72">
        <v>0</v>
      </c>
      <c r="KB8" s="73">
        <v>0</v>
      </c>
      <c r="KC8" s="70">
        <v>1932</v>
      </c>
      <c r="KD8" s="71">
        <v>2209</v>
      </c>
      <c r="KE8" s="72">
        <v>4141</v>
      </c>
      <c r="KF8" s="244"/>
      <c r="KG8" s="71">
        <v>2238</v>
      </c>
      <c r="KH8" s="71">
        <v>2660</v>
      </c>
      <c r="KI8" s="71">
        <v>1543</v>
      </c>
      <c r="KJ8" s="71">
        <v>1466</v>
      </c>
      <c r="KK8" s="71">
        <v>903</v>
      </c>
      <c r="KL8" s="72">
        <v>8810</v>
      </c>
      <c r="KM8" s="73">
        <v>12951</v>
      </c>
    </row>
    <row r="9" spans="2:299" ht="21" customHeight="1" x14ac:dyDescent="0.2">
      <c r="B9" s="126" t="s">
        <v>6</v>
      </c>
      <c r="C9" s="315">
        <v>426</v>
      </c>
      <c r="D9" s="82">
        <v>375</v>
      </c>
      <c r="E9" s="83">
        <v>801</v>
      </c>
      <c r="F9" s="241"/>
      <c r="G9" s="82">
        <v>737</v>
      </c>
      <c r="H9" s="82">
        <v>528</v>
      </c>
      <c r="I9" s="82">
        <v>387</v>
      </c>
      <c r="J9" s="82">
        <v>339</v>
      </c>
      <c r="K9" s="82">
        <v>220</v>
      </c>
      <c r="L9" s="84">
        <v>2211</v>
      </c>
      <c r="M9" s="85">
        <v>3012</v>
      </c>
      <c r="N9" s="70">
        <v>14</v>
      </c>
      <c r="O9" s="71">
        <v>22</v>
      </c>
      <c r="P9" s="72">
        <v>36</v>
      </c>
      <c r="Q9" s="244"/>
      <c r="R9" s="71">
        <v>17</v>
      </c>
      <c r="S9" s="71">
        <v>21</v>
      </c>
      <c r="T9" s="71">
        <v>10</v>
      </c>
      <c r="U9" s="71">
        <v>16</v>
      </c>
      <c r="V9" s="71">
        <v>16</v>
      </c>
      <c r="W9" s="72">
        <v>80</v>
      </c>
      <c r="X9" s="73">
        <v>116</v>
      </c>
      <c r="Y9" s="70">
        <v>37</v>
      </c>
      <c r="Z9" s="71">
        <v>26</v>
      </c>
      <c r="AA9" s="72">
        <v>63</v>
      </c>
      <c r="AB9" s="244"/>
      <c r="AC9" s="71">
        <v>53</v>
      </c>
      <c r="AD9" s="71">
        <v>44</v>
      </c>
      <c r="AE9" s="71">
        <v>36</v>
      </c>
      <c r="AF9" s="71">
        <v>24</v>
      </c>
      <c r="AG9" s="71">
        <v>17</v>
      </c>
      <c r="AH9" s="72">
        <v>174</v>
      </c>
      <c r="AI9" s="73">
        <v>237</v>
      </c>
      <c r="AJ9" s="70">
        <v>51</v>
      </c>
      <c r="AK9" s="71">
        <v>56</v>
      </c>
      <c r="AL9" s="72">
        <v>107</v>
      </c>
      <c r="AM9" s="244"/>
      <c r="AN9" s="71">
        <v>93</v>
      </c>
      <c r="AO9" s="71">
        <v>59</v>
      </c>
      <c r="AP9" s="71">
        <v>52</v>
      </c>
      <c r="AQ9" s="71">
        <v>40</v>
      </c>
      <c r="AR9" s="71">
        <v>40</v>
      </c>
      <c r="AS9" s="72">
        <v>284</v>
      </c>
      <c r="AT9" s="73">
        <v>391</v>
      </c>
      <c r="AU9" s="70">
        <v>79</v>
      </c>
      <c r="AV9" s="71">
        <v>82</v>
      </c>
      <c r="AW9" s="72">
        <v>161</v>
      </c>
      <c r="AX9" s="244"/>
      <c r="AY9" s="71">
        <v>173</v>
      </c>
      <c r="AZ9" s="71">
        <v>105</v>
      </c>
      <c r="BA9" s="71">
        <v>72</v>
      </c>
      <c r="BB9" s="71">
        <v>62</v>
      </c>
      <c r="BC9" s="71">
        <v>41</v>
      </c>
      <c r="BD9" s="72">
        <v>453</v>
      </c>
      <c r="BE9" s="73">
        <v>614</v>
      </c>
      <c r="BF9" s="70">
        <v>137</v>
      </c>
      <c r="BG9" s="71">
        <v>94</v>
      </c>
      <c r="BH9" s="72">
        <v>231</v>
      </c>
      <c r="BI9" s="244"/>
      <c r="BJ9" s="71">
        <v>195</v>
      </c>
      <c r="BK9" s="71">
        <v>137</v>
      </c>
      <c r="BL9" s="71">
        <v>96</v>
      </c>
      <c r="BM9" s="71">
        <v>91</v>
      </c>
      <c r="BN9" s="71">
        <v>53</v>
      </c>
      <c r="BO9" s="72">
        <v>572</v>
      </c>
      <c r="BP9" s="73">
        <v>803</v>
      </c>
      <c r="BQ9" s="70">
        <v>108</v>
      </c>
      <c r="BR9" s="71">
        <v>95</v>
      </c>
      <c r="BS9" s="72">
        <v>203</v>
      </c>
      <c r="BT9" s="244"/>
      <c r="BU9" s="71">
        <v>206</v>
      </c>
      <c r="BV9" s="71">
        <v>162</v>
      </c>
      <c r="BW9" s="71">
        <v>121</v>
      </c>
      <c r="BX9" s="71">
        <v>106</v>
      </c>
      <c r="BY9" s="71">
        <v>53</v>
      </c>
      <c r="BZ9" s="72">
        <v>648</v>
      </c>
      <c r="CA9" s="73">
        <v>851</v>
      </c>
      <c r="CB9" s="70">
        <v>0</v>
      </c>
      <c r="CC9" s="71">
        <v>0</v>
      </c>
      <c r="CD9" s="72">
        <v>0</v>
      </c>
      <c r="CE9" s="244"/>
      <c r="CF9" s="71">
        <v>0</v>
      </c>
      <c r="CG9" s="71">
        <v>0</v>
      </c>
      <c r="CH9" s="71">
        <v>0</v>
      </c>
      <c r="CI9" s="71">
        <v>0</v>
      </c>
      <c r="CJ9" s="71">
        <v>0</v>
      </c>
      <c r="CK9" s="72">
        <v>0</v>
      </c>
      <c r="CL9" s="73">
        <v>0</v>
      </c>
      <c r="CM9" s="70">
        <v>426</v>
      </c>
      <c r="CN9" s="71">
        <v>375</v>
      </c>
      <c r="CO9" s="72">
        <v>801</v>
      </c>
      <c r="CP9" s="244"/>
      <c r="CQ9" s="71">
        <v>737</v>
      </c>
      <c r="CR9" s="71">
        <v>528</v>
      </c>
      <c r="CS9" s="71">
        <v>387</v>
      </c>
      <c r="CT9" s="71">
        <v>339</v>
      </c>
      <c r="CU9" s="71">
        <v>220</v>
      </c>
      <c r="CV9" s="72">
        <v>2211</v>
      </c>
      <c r="CW9" s="73">
        <v>3012</v>
      </c>
      <c r="CX9" s="123">
        <v>209</v>
      </c>
      <c r="CY9" s="82">
        <v>217</v>
      </c>
      <c r="CZ9" s="83">
        <v>426</v>
      </c>
      <c r="DA9" s="241"/>
      <c r="DB9" s="82">
        <v>388</v>
      </c>
      <c r="DC9" s="82">
        <v>259</v>
      </c>
      <c r="DD9" s="82">
        <v>192</v>
      </c>
      <c r="DE9" s="82">
        <v>203</v>
      </c>
      <c r="DF9" s="82">
        <v>138</v>
      </c>
      <c r="DG9" s="84">
        <v>1180</v>
      </c>
      <c r="DH9" s="85">
        <v>1606</v>
      </c>
      <c r="DI9" s="70">
        <v>3</v>
      </c>
      <c r="DJ9" s="71">
        <v>7</v>
      </c>
      <c r="DK9" s="72">
        <v>10</v>
      </c>
      <c r="DL9" s="244"/>
      <c r="DM9" s="71">
        <v>2</v>
      </c>
      <c r="DN9" s="71">
        <v>6</v>
      </c>
      <c r="DO9" s="71">
        <v>5</v>
      </c>
      <c r="DP9" s="71">
        <v>3</v>
      </c>
      <c r="DQ9" s="71">
        <v>3</v>
      </c>
      <c r="DR9" s="72">
        <v>19</v>
      </c>
      <c r="DS9" s="73">
        <v>29</v>
      </c>
      <c r="DT9" s="70">
        <v>10</v>
      </c>
      <c r="DU9" s="71">
        <v>17</v>
      </c>
      <c r="DV9" s="72">
        <v>27</v>
      </c>
      <c r="DW9" s="244"/>
      <c r="DX9" s="71">
        <v>22</v>
      </c>
      <c r="DY9" s="71">
        <v>20</v>
      </c>
      <c r="DZ9" s="71">
        <v>9</v>
      </c>
      <c r="EA9" s="71">
        <v>10</v>
      </c>
      <c r="EB9" s="71">
        <v>3</v>
      </c>
      <c r="EC9" s="72">
        <v>64</v>
      </c>
      <c r="ED9" s="73">
        <v>91</v>
      </c>
      <c r="EE9" s="70">
        <v>30</v>
      </c>
      <c r="EF9" s="71">
        <v>23</v>
      </c>
      <c r="EG9" s="72">
        <v>53</v>
      </c>
      <c r="EH9" s="244"/>
      <c r="EI9" s="71">
        <v>52</v>
      </c>
      <c r="EJ9" s="71">
        <v>26</v>
      </c>
      <c r="EK9" s="71">
        <v>17</v>
      </c>
      <c r="EL9" s="71">
        <v>19</v>
      </c>
      <c r="EM9" s="71">
        <v>16</v>
      </c>
      <c r="EN9" s="72">
        <v>130</v>
      </c>
      <c r="EO9" s="73">
        <v>183</v>
      </c>
      <c r="EP9" s="70">
        <v>57</v>
      </c>
      <c r="EQ9" s="71">
        <v>43</v>
      </c>
      <c r="ER9" s="72">
        <v>100</v>
      </c>
      <c r="ES9" s="244"/>
      <c r="ET9" s="71">
        <v>81</v>
      </c>
      <c r="EU9" s="71">
        <v>56</v>
      </c>
      <c r="EV9" s="71">
        <v>25</v>
      </c>
      <c r="EW9" s="71">
        <v>22</v>
      </c>
      <c r="EX9" s="71">
        <v>22</v>
      </c>
      <c r="EY9" s="72">
        <v>206</v>
      </c>
      <c r="EZ9" s="73">
        <v>306</v>
      </c>
      <c r="FA9" s="70">
        <v>63</v>
      </c>
      <c r="FB9" s="71">
        <v>73</v>
      </c>
      <c r="FC9" s="72">
        <v>136</v>
      </c>
      <c r="FD9" s="244"/>
      <c r="FE9" s="71">
        <v>111</v>
      </c>
      <c r="FF9" s="71">
        <v>68</v>
      </c>
      <c r="FG9" s="71">
        <v>53</v>
      </c>
      <c r="FH9" s="71">
        <v>51</v>
      </c>
      <c r="FI9" s="71">
        <v>30</v>
      </c>
      <c r="FJ9" s="72">
        <v>313</v>
      </c>
      <c r="FK9" s="73">
        <v>449</v>
      </c>
      <c r="FL9" s="70">
        <v>46</v>
      </c>
      <c r="FM9" s="71">
        <v>54</v>
      </c>
      <c r="FN9" s="72">
        <v>100</v>
      </c>
      <c r="FO9" s="244"/>
      <c r="FP9" s="71">
        <v>120</v>
      </c>
      <c r="FQ9" s="71">
        <v>83</v>
      </c>
      <c r="FR9" s="71">
        <v>83</v>
      </c>
      <c r="FS9" s="71">
        <v>98</v>
      </c>
      <c r="FT9" s="71">
        <v>64</v>
      </c>
      <c r="FU9" s="72">
        <v>448</v>
      </c>
      <c r="FV9" s="73">
        <v>548</v>
      </c>
      <c r="FW9" s="70">
        <v>0</v>
      </c>
      <c r="FX9" s="71">
        <v>0</v>
      </c>
      <c r="FY9" s="72">
        <v>0</v>
      </c>
      <c r="FZ9" s="244"/>
      <c r="GA9" s="71">
        <v>0</v>
      </c>
      <c r="GB9" s="71">
        <v>0</v>
      </c>
      <c r="GC9" s="71">
        <v>0</v>
      </c>
      <c r="GD9" s="71">
        <v>0</v>
      </c>
      <c r="GE9" s="71">
        <v>0</v>
      </c>
      <c r="GF9" s="72">
        <v>0</v>
      </c>
      <c r="GG9" s="73">
        <v>0</v>
      </c>
      <c r="GH9" s="70">
        <v>209</v>
      </c>
      <c r="GI9" s="71">
        <v>217</v>
      </c>
      <c r="GJ9" s="72">
        <v>426</v>
      </c>
      <c r="GK9" s="244"/>
      <c r="GL9" s="71">
        <v>388</v>
      </c>
      <c r="GM9" s="71">
        <v>259</v>
      </c>
      <c r="GN9" s="71">
        <v>192</v>
      </c>
      <c r="GO9" s="71">
        <v>203</v>
      </c>
      <c r="GP9" s="71">
        <v>138</v>
      </c>
      <c r="GQ9" s="72">
        <v>1180</v>
      </c>
      <c r="GR9" s="73">
        <v>1606</v>
      </c>
      <c r="GS9" s="123">
        <v>635</v>
      </c>
      <c r="GT9" s="82">
        <v>592</v>
      </c>
      <c r="GU9" s="83">
        <v>1227</v>
      </c>
      <c r="GV9" s="241"/>
      <c r="GW9" s="82">
        <v>1125</v>
      </c>
      <c r="GX9" s="82">
        <v>787</v>
      </c>
      <c r="GY9" s="82">
        <v>579</v>
      </c>
      <c r="GZ9" s="82">
        <v>542</v>
      </c>
      <c r="HA9" s="82">
        <v>358</v>
      </c>
      <c r="HB9" s="84">
        <v>3391</v>
      </c>
      <c r="HC9" s="85">
        <v>4618</v>
      </c>
      <c r="HD9" s="70">
        <v>17</v>
      </c>
      <c r="HE9" s="71">
        <v>29</v>
      </c>
      <c r="HF9" s="72">
        <v>46</v>
      </c>
      <c r="HG9" s="244"/>
      <c r="HH9" s="71">
        <v>19</v>
      </c>
      <c r="HI9" s="71">
        <v>27</v>
      </c>
      <c r="HJ9" s="71">
        <v>15</v>
      </c>
      <c r="HK9" s="71">
        <v>19</v>
      </c>
      <c r="HL9" s="71">
        <v>19</v>
      </c>
      <c r="HM9" s="72">
        <v>99</v>
      </c>
      <c r="HN9" s="73">
        <v>145</v>
      </c>
      <c r="HO9" s="70">
        <v>47</v>
      </c>
      <c r="HP9" s="71">
        <v>43</v>
      </c>
      <c r="HQ9" s="72">
        <v>90</v>
      </c>
      <c r="HR9" s="244"/>
      <c r="HS9" s="71">
        <v>75</v>
      </c>
      <c r="HT9" s="71">
        <v>64</v>
      </c>
      <c r="HU9" s="71">
        <v>45</v>
      </c>
      <c r="HV9" s="71">
        <v>34</v>
      </c>
      <c r="HW9" s="71">
        <v>20</v>
      </c>
      <c r="HX9" s="72">
        <v>238</v>
      </c>
      <c r="HY9" s="73">
        <v>328</v>
      </c>
      <c r="HZ9" s="70">
        <v>81</v>
      </c>
      <c r="IA9" s="71">
        <v>79</v>
      </c>
      <c r="IB9" s="72">
        <v>160</v>
      </c>
      <c r="IC9" s="244"/>
      <c r="ID9" s="71">
        <v>145</v>
      </c>
      <c r="IE9" s="71">
        <v>85</v>
      </c>
      <c r="IF9" s="71">
        <v>69</v>
      </c>
      <c r="IG9" s="71">
        <v>59</v>
      </c>
      <c r="IH9" s="71">
        <v>56</v>
      </c>
      <c r="II9" s="72">
        <v>414</v>
      </c>
      <c r="IJ9" s="73">
        <v>574</v>
      </c>
      <c r="IK9" s="70">
        <v>136</v>
      </c>
      <c r="IL9" s="71">
        <v>125</v>
      </c>
      <c r="IM9" s="72">
        <v>261</v>
      </c>
      <c r="IN9" s="244"/>
      <c r="IO9" s="71">
        <v>254</v>
      </c>
      <c r="IP9" s="71">
        <v>161</v>
      </c>
      <c r="IQ9" s="71">
        <v>97</v>
      </c>
      <c r="IR9" s="71">
        <v>84</v>
      </c>
      <c r="IS9" s="71">
        <v>63</v>
      </c>
      <c r="IT9" s="72">
        <v>659</v>
      </c>
      <c r="IU9" s="73">
        <v>920</v>
      </c>
      <c r="IV9" s="70">
        <v>200</v>
      </c>
      <c r="IW9" s="71">
        <v>167</v>
      </c>
      <c r="IX9" s="72">
        <v>367</v>
      </c>
      <c r="IY9" s="244"/>
      <c r="IZ9" s="71">
        <v>306</v>
      </c>
      <c r="JA9" s="71">
        <v>205</v>
      </c>
      <c r="JB9" s="71">
        <v>149</v>
      </c>
      <c r="JC9" s="71">
        <v>142</v>
      </c>
      <c r="JD9" s="71">
        <v>83</v>
      </c>
      <c r="JE9" s="72">
        <v>885</v>
      </c>
      <c r="JF9" s="73">
        <v>1252</v>
      </c>
      <c r="JG9" s="70">
        <v>154</v>
      </c>
      <c r="JH9" s="71">
        <v>149</v>
      </c>
      <c r="JI9" s="72">
        <v>303</v>
      </c>
      <c r="JJ9" s="244"/>
      <c r="JK9" s="71">
        <v>326</v>
      </c>
      <c r="JL9" s="71">
        <v>245</v>
      </c>
      <c r="JM9" s="71">
        <v>204</v>
      </c>
      <c r="JN9" s="71">
        <v>204</v>
      </c>
      <c r="JO9" s="71">
        <v>117</v>
      </c>
      <c r="JP9" s="72">
        <v>1096</v>
      </c>
      <c r="JQ9" s="73">
        <v>1399</v>
      </c>
      <c r="JR9" s="70">
        <v>0</v>
      </c>
      <c r="JS9" s="71">
        <v>0</v>
      </c>
      <c r="JT9" s="72">
        <v>0</v>
      </c>
      <c r="JU9" s="244"/>
      <c r="JV9" s="71">
        <v>0</v>
      </c>
      <c r="JW9" s="71">
        <v>0</v>
      </c>
      <c r="JX9" s="71">
        <v>0</v>
      </c>
      <c r="JY9" s="71">
        <v>0</v>
      </c>
      <c r="JZ9" s="71">
        <v>0</v>
      </c>
      <c r="KA9" s="72">
        <v>0</v>
      </c>
      <c r="KB9" s="73">
        <v>0</v>
      </c>
      <c r="KC9" s="70">
        <v>635</v>
      </c>
      <c r="KD9" s="71">
        <v>592</v>
      </c>
      <c r="KE9" s="72">
        <v>1227</v>
      </c>
      <c r="KF9" s="244"/>
      <c r="KG9" s="71">
        <v>1125</v>
      </c>
      <c r="KH9" s="71">
        <v>787</v>
      </c>
      <c r="KI9" s="71">
        <v>579</v>
      </c>
      <c r="KJ9" s="71">
        <v>542</v>
      </c>
      <c r="KK9" s="71">
        <v>358</v>
      </c>
      <c r="KL9" s="72">
        <v>3391</v>
      </c>
      <c r="KM9" s="73">
        <v>4618</v>
      </c>
    </row>
    <row r="10" spans="2:299" ht="21" customHeight="1" x14ac:dyDescent="0.2">
      <c r="B10" s="126" t="s">
        <v>14</v>
      </c>
      <c r="C10" s="315">
        <v>190</v>
      </c>
      <c r="D10" s="82">
        <v>199</v>
      </c>
      <c r="E10" s="83">
        <v>389</v>
      </c>
      <c r="F10" s="241"/>
      <c r="G10" s="82">
        <v>260</v>
      </c>
      <c r="H10" s="82">
        <v>262</v>
      </c>
      <c r="I10" s="82">
        <v>154</v>
      </c>
      <c r="J10" s="82">
        <v>138</v>
      </c>
      <c r="K10" s="82">
        <v>83</v>
      </c>
      <c r="L10" s="84">
        <v>897</v>
      </c>
      <c r="M10" s="85">
        <v>1286</v>
      </c>
      <c r="N10" s="70">
        <v>6</v>
      </c>
      <c r="O10" s="71">
        <v>7</v>
      </c>
      <c r="P10" s="72">
        <v>13</v>
      </c>
      <c r="Q10" s="244"/>
      <c r="R10" s="71">
        <v>7</v>
      </c>
      <c r="S10" s="71">
        <v>14</v>
      </c>
      <c r="T10" s="71">
        <v>3</v>
      </c>
      <c r="U10" s="71">
        <v>8</v>
      </c>
      <c r="V10" s="71">
        <v>11</v>
      </c>
      <c r="W10" s="72">
        <v>43</v>
      </c>
      <c r="X10" s="73">
        <v>56</v>
      </c>
      <c r="Y10" s="70">
        <v>20</v>
      </c>
      <c r="Z10" s="71">
        <v>21</v>
      </c>
      <c r="AA10" s="72">
        <v>41</v>
      </c>
      <c r="AB10" s="244"/>
      <c r="AC10" s="71">
        <v>18</v>
      </c>
      <c r="AD10" s="71">
        <v>19</v>
      </c>
      <c r="AE10" s="71">
        <v>16</v>
      </c>
      <c r="AF10" s="71">
        <v>9</v>
      </c>
      <c r="AG10" s="71">
        <v>7</v>
      </c>
      <c r="AH10" s="72">
        <v>69</v>
      </c>
      <c r="AI10" s="73">
        <v>110</v>
      </c>
      <c r="AJ10" s="70">
        <v>24</v>
      </c>
      <c r="AK10" s="71">
        <v>33</v>
      </c>
      <c r="AL10" s="72">
        <v>57</v>
      </c>
      <c r="AM10" s="244"/>
      <c r="AN10" s="71">
        <v>35</v>
      </c>
      <c r="AO10" s="71">
        <v>41</v>
      </c>
      <c r="AP10" s="71">
        <v>12</v>
      </c>
      <c r="AQ10" s="71">
        <v>16</v>
      </c>
      <c r="AR10" s="71">
        <v>12</v>
      </c>
      <c r="AS10" s="72">
        <v>116</v>
      </c>
      <c r="AT10" s="73">
        <v>173</v>
      </c>
      <c r="AU10" s="70">
        <v>43</v>
      </c>
      <c r="AV10" s="71">
        <v>40</v>
      </c>
      <c r="AW10" s="72">
        <v>83</v>
      </c>
      <c r="AX10" s="244"/>
      <c r="AY10" s="71">
        <v>60</v>
      </c>
      <c r="AZ10" s="71">
        <v>56</v>
      </c>
      <c r="BA10" s="71">
        <v>37</v>
      </c>
      <c r="BB10" s="71">
        <v>30</v>
      </c>
      <c r="BC10" s="71">
        <v>16</v>
      </c>
      <c r="BD10" s="72">
        <v>199</v>
      </c>
      <c r="BE10" s="73">
        <v>282</v>
      </c>
      <c r="BF10" s="70">
        <v>58</v>
      </c>
      <c r="BG10" s="71">
        <v>51</v>
      </c>
      <c r="BH10" s="72">
        <v>109</v>
      </c>
      <c r="BI10" s="244"/>
      <c r="BJ10" s="71">
        <v>83</v>
      </c>
      <c r="BK10" s="71">
        <v>67</v>
      </c>
      <c r="BL10" s="71">
        <v>49</v>
      </c>
      <c r="BM10" s="71">
        <v>35</v>
      </c>
      <c r="BN10" s="71">
        <v>18</v>
      </c>
      <c r="BO10" s="72">
        <v>252</v>
      </c>
      <c r="BP10" s="73">
        <v>361</v>
      </c>
      <c r="BQ10" s="70">
        <v>39</v>
      </c>
      <c r="BR10" s="71">
        <v>47</v>
      </c>
      <c r="BS10" s="72">
        <v>86</v>
      </c>
      <c r="BT10" s="244"/>
      <c r="BU10" s="71">
        <v>57</v>
      </c>
      <c r="BV10" s="71">
        <v>65</v>
      </c>
      <c r="BW10" s="71">
        <v>37</v>
      </c>
      <c r="BX10" s="71">
        <v>40</v>
      </c>
      <c r="BY10" s="71">
        <v>19</v>
      </c>
      <c r="BZ10" s="72">
        <v>218</v>
      </c>
      <c r="CA10" s="73">
        <v>304</v>
      </c>
      <c r="CB10" s="70">
        <v>0</v>
      </c>
      <c r="CC10" s="71">
        <v>0</v>
      </c>
      <c r="CD10" s="72">
        <v>0</v>
      </c>
      <c r="CE10" s="244"/>
      <c r="CF10" s="71">
        <v>0</v>
      </c>
      <c r="CG10" s="71">
        <v>0</v>
      </c>
      <c r="CH10" s="71">
        <v>0</v>
      </c>
      <c r="CI10" s="71">
        <v>0</v>
      </c>
      <c r="CJ10" s="71">
        <v>0</v>
      </c>
      <c r="CK10" s="72">
        <v>0</v>
      </c>
      <c r="CL10" s="73">
        <v>0</v>
      </c>
      <c r="CM10" s="70">
        <v>190</v>
      </c>
      <c r="CN10" s="71">
        <v>199</v>
      </c>
      <c r="CO10" s="72">
        <v>389</v>
      </c>
      <c r="CP10" s="244"/>
      <c r="CQ10" s="71">
        <v>260</v>
      </c>
      <c r="CR10" s="71">
        <v>262</v>
      </c>
      <c r="CS10" s="71">
        <v>154</v>
      </c>
      <c r="CT10" s="71">
        <v>138</v>
      </c>
      <c r="CU10" s="71">
        <v>83</v>
      </c>
      <c r="CV10" s="72">
        <v>897</v>
      </c>
      <c r="CW10" s="73">
        <v>1286</v>
      </c>
      <c r="CX10" s="123">
        <v>56</v>
      </c>
      <c r="CY10" s="82">
        <v>92</v>
      </c>
      <c r="CZ10" s="83">
        <v>148</v>
      </c>
      <c r="DA10" s="241"/>
      <c r="DB10" s="82">
        <v>98</v>
      </c>
      <c r="DC10" s="82">
        <v>116</v>
      </c>
      <c r="DD10" s="82">
        <v>79</v>
      </c>
      <c r="DE10" s="82">
        <v>65</v>
      </c>
      <c r="DF10" s="82">
        <v>52</v>
      </c>
      <c r="DG10" s="84">
        <v>410</v>
      </c>
      <c r="DH10" s="85">
        <v>558</v>
      </c>
      <c r="DI10" s="70">
        <v>0</v>
      </c>
      <c r="DJ10" s="71">
        <v>3</v>
      </c>
      <c r="DK10" s="72">
        <v>3</v>
      </c>
      <c r="DL10" s="244"/>
      <c r="DM10" s="71">
        <v>0</v>
      </c>
      <c r="DN10" s="71">
        <v>2</v>
      </c>
      <c r="DO10" s="71">
        <v>0</v>
      </c>
      <c r="DP10" s="71">
        <v>0</v>
      </c>
      <c r="DQ10" s="71">
        <v>2</v>
      </c>
      <c r="DR10" s="72">
        <v>4</v>
      </c>
      <c r="DS10" s="73">
        <v>7</v>
      </c>
      <c r="DT10" s="70">
        <v>6</v>
      </c>
      <c r="DU10" s="71">
        <v>8</v>
      </c>
      <c r="DV10" s="72">
        <v>14</v>
      </c>
      <c r="DW10" s="244"/>
      <c r="DX10" s="71">
        <v>6</v>
      </c>
      <c r="DY10" s="71">
        <v>5</v>
      </c>
      <c r="DZ10" s="71">
        <v>5</v>
      </c>
      <c r="EA10" s="71">
        <v>0</v>
      </c>
      <c r="EB10" s="71">
        <v>0</v>
      </c>
      <c r="EC10" s="72">
        <v>16</v>
      </c>
      <c r="ED10" s="73">
        <v>30</v>
      </c>
      <c r="EE10" s="70">
        <v>11</v>
      </c>
      <c r="EF10" s="71">
        <v>12</v>
      </c>
      <c r="EG10" s="72">
        <v>23</v>
      </c>
      <c r="EH10" s="244"/>
      <c r="EI10" s="71">
        <v>10</v>
      </c>
      <c r="EJ10" s="71">
        <v>12</v>
      </c>
      <c r="EK10" s="71">
        <v>11</v>
      </c>
      <c r="EL10" s="71">
        <v>2</v>
      </c>
      <c r="EM10" s="71">
        <v>4</v>
      </c>
      <c r="EN10" s="72">
        <v>39</v>
      </c>
      <c r="EO10" s="73">
        <v>62</v>
      </c>
      <c r="EP10" s="70">
        <v>17</v>
      </c>
      <c r="EQ10" s="71">
        <v>24</v>
      </c>
      <c r="ER10" s="72">
        <v>41</v>
      </c>
      <c r="ES10" s="244"/>
      <c r="ET10" s="71">
        <v>21</v>
      </c>
      <c r="EU10" s="71">
        <v>20</v>
      </c>
      <c r="EV10" s="71">
        <v>12</v>
      </c>
      <c r="EW10" s="71">
        <v>11</v>
      </c>
      <c r="EX10" s="71">
        <v>10</v>
      </c>
      <c r="EY10" s="72">
        <v>74</v>
      </c>
      <c r="EZ10" s="73">
        <v>115</v>
      </c>
      <c r="FA10" s="70">
        <v>15</v>
      </c>
      <c r="FB10" s="71">
        <v>30</v>
      </c>
      <c r="FC10" s="72">
        <v>45</v>
      </c>
      <c r="FD10" s="244"/>
      <c r="FE10" s="71">
        <v>22</v>
      </c>
      <c r="FF10" s="71">
        <v>28</v>
      </c>
      <c r="FG10" s="71">
        <v>14</v>
      </c>
      <c r="FH10" s="71">
        <v>19</v>
      </c>
      <c r="FI10" s="71">
        <v>13</v>
      </c>
      <c r="FJ10" s="72">
        <v>96</v>
      </c>
      <c r="FK10" s="73">
        <v>141</v>
      </c>
      <c r="FL10" s="70">
        <v>7</v>
      </c>
      <c r="FM10" s="71">
        <v>15</v>
      </c>
      <c r="FN10" s="72">
        <v>22</v>
      </c>
      <c r="FO10" s="244"/>
      <c r="FP10" s="71">
        <v>39</v>
      </c>
      <c r="FQ10" s="71">
        <v>49</v>
      </c>
      <c r="FR10" s="71">
        <v>37</v>
      </c>
      <c r="FS10" s="71">
        <v>33</v>
      </c>
      <c r="FT10" s="71">
        <v>23</v>
      </c>
      <c r="FU10" s="72">
        <v>181</v>
      </c>
      <c r="FV10" s="73">
        <v>203</v>
      </c>
      <c r="FW10" s="70">
        <v>0</v>
      </c>
      <c r="FX10" s="71">
        <v>0</v>
      </c>
      <c r="FY10" s="72">
        <v>0</v>
      </c>
      <c r="FZ10" s="244"/>
      <c r="GA10" s="71">
        <v>0</v>
      </c>
      <c r="GB10" s="71">
        <v>0</v>
      </c>
      <c r="GC10" s="71">
        <v>0</v>
      </c>
      <c r="GD10" s="71">
        <v>0</v>
      </c>
      <c r="GE10" s="71">
        <v>0</v>
      </c>
      <c r="GF10" s="72">
        <v>0</v>
      </c>
      <c r="GG10" s="73">
        <v>0</v>
      </c>
      <c r="GH10" s="70">
        <v>56</v>
      </c>
      <c r="GI10" s="71">
        <v>92</v>
      </c>
      <c r="GJ10" s="72">
        <v>148</v>
      </c>
      <c r="GK10" s="244"/>
      <c r="GL10" s="71">
        <v>98</v>
      </c>
      <c r="GM10" s="71">
        <v>116</v>
      </c>
      <c r="GN10" s="71">
        <v>79</v>
      </c>
      <c r="GO10" s="71">
        <v>65</v>
      </c>
      <c r="GP10" s="71">
        <v>52</v>
      </c>
      <c r="GQ10" s="72">
        <v>410</v>
      </c>
      <c r="GR10" s="73">
        <v>558</v>
      </c>
      <c r="GS10" s="123">
        <v>246</v>
      </c>
      <c r="GT10" s="82">
        <v>291</v>
      </c>
      <c r="GU10" s="83">
        <v>537</v>
      </c>
      <c r="GV10" s="241"/>
      <c r="GW10" s="82">
        <v>358</v>
      </c>
      <c r="GX10" s="82">
        <v>378</v>
      </c>
      <c r="GY10" s="82">
        <v>233</v>
      </c>
      <c r="GZ10" s="82">
        <v>203</v>
      </c>
      <c r="HA10" s="82">
        <v>135</v>
      </c>
      <c r="HB10" s="84">
        <v>1307</v>
      </c>
      <c r="HC10" s="85">
        <v>1844</v>
      </c>
      <c r="HD10" s="70">
        <v>6</v>
      </c>
      <c r="HE10" s="71">
        <v>10</v>
      </c>
      <c r="HF10" s="72">
        <v>16</v>
      </c>
      <c r="HG10" s="244"/>
      <c r="HH10" s="71">
        <v>7</v>
      </c>
      <c r="HI10" s="71">
        <v>16</v>
      </c>
      <c r="HJ10" s="71">
        <v>3</v>
      </c>
      <c r="HK10" s="71">
        <v>8</v>
      </c>
      <c r="HL10" s="71">
        <v>13</v>
      </c>
      <c r="HM10" s="72">
        <v>47</v>
      </c>
      <c r="HN10" s="73">
        <v>63</v>
      </c>
      <c r="HO10" s="70">
        <v>26</v>
      </c>
      <c r="HP10" s="71">
        <v>29</v>
      </c>
      <c r="HQ10" s="72">
        <v>55</v>
      </c>
      <c r="HR10" s="244"/>
      <c r="HS10" s="71">
        <v>24</v>
      </c>
      <c r="HT10" s="71">
        <v>24</v>
      </c>
      <c r="HU10" s="71">
        <v>21</v>
      </c>
      <c r="HV10" s="71">
        <v>9</v>
      </c>
      <c r="HW10" s="71">
        <v>7</v>
      </c>
      <c r="HX10" s="72">
        <v>85</v>
      </c>
      <c r="HY10" s="73">
        <v>140</v>
      </c>
      <c r="HZ10" s="70">
        <v>35</v>
      </c>
      <c r="IA10" s="71">
        <v>45</v>
      </c>
      <c r="IB10" s="72">
        <v>80</v>
      </c>
      <c r="IC10" s="244"/>
      <c r="ID10" s="71">
        <v>45</v>
      </c>
      <c r="IE10" s="71">
        <v>53</v>
      </c>
      <c r="IF10" s="71">
        <v>23</v>
      </c>
      <c r="IG10" s="71">
        <v>18</v>
      </c>
      <c r="IH10" s="71">
        <v>16</v>
      </c>
      <c r="II10" s="72">
        <v>155</v>
      </c>
      <c r="IJ10" s="73">
        <v>235</v>
      </c>
      <c r="IK10" s="70">
        <v>60</v>
      </c>
      <c r="IL10" s="71">
        <v>64</v>
      </c>
      <c r="IM10" s="72">
        <v>124</v>
      </c>
      <c r="IN10" s="244"/>
      <c r="IO10" s="71">
        <v>81</v>
      </c>
      <c r="IP10" s="71">
        <v>76</v>
      </c>
      <c r="IQ10" s="71">
        <v>49</v>
      </c>
      <c r="IR10" s="71">
        <v>41</v>
      </c>
      <c r="IS10" s="71">
        <v>26</v>
      </c>
      <c r="IT10" s="72">
        <v>273</v>
      </c>
      <c r="IU10" s="73">
        <v>397</v>
      </c>
      <c r="IV10" s="70">
        <v>73</v>
      </c>
      <c r="IW10" s="71">
        <v>81</v>
      </c>
      <c r="IX10" s="72">
        <v>154</v>
      </c>
      <c r="IY10" s="244"/>
      <c r="IZ10" s="71">
        <v>105</v>
      </c>
      <c r="JA10" s="71">
        <v>95</v>
      </c>
      <c r="JB10" s="71">
        <v>63</v>
      </c>
      <c r="JC10" s="71">
        <v>54</v>
      </c>
      <c r="JD10" s="71">
        <v>31</v>
      </c>
      <c r="JE10" s="72">
        <v>348</v>
      </c>
      <c r="JF10" s="73">
        <v>502</v>
      </c>
      <c r="JG10" s="70">
        <v>46</v>
      </c>
      <c r="JH10" s="71">
        <v>62</v>
      </c>
      <c r="JI10" s="72">
        <v>108</v>
      </c>
      <c r="JJ10" s="244"/>
      <c r="JK10" s="71">
        <v>96</v>
      </c>
      <c r="JL10" s="71">
        <v>114</v>
      </c>
      <c r="JM10" s="71">
        <v>74</v>
      </c>
      <c r="JN10" s="71">
        <v>73</v>
      </c>
      <c r="JO10" s="71">
        <v>42</v>
      </c>
      <c r="JP10" s="72">
        <v>399</v>
      </c>
      <c r="JQ10" s="73">
        <v>507</v>
      </c>
      <c r="JR10" s="70">
        <v>0</v>
      </c>
      <c r="JS10" s="71">
        <v>0</v>
      </c>
      <c r="JT10" s="72">
        <v>0</v>
      </c>
      <c r="JU10" s="244"/>
      <c r="JV10" s="71">
        <v>0</v>
      </c>
      <c r="JW10" s="71">
        <v>0</v>
      </c>
      <c r="JX10" s="71">
        <v>0</v>
      </c>
      <c r="JY10" s="71">
        <v>0</v>
      </c>
      <c r="JZ10" s="71">
        <v>0</v>
      </c>
      <c r="KA10" s="72">
        <v>0</v>
      </c>
      <c r="KB10" s="73">
        <v>0</v>
      </c>
      <c r="KC10" s="70">
        <v>246</v>
      </c>
      <c r="KD10" s="71">
        <v>291</v>
      </c>
      <c r="KE10" s="72">
        <v>537</v>
      </c>
      <c r="KF10" s="244"/>
      <c r="KG10" s="71">
        <v>358</v>
      </c>
      <c r="KH10" s="71">
        <v>378</v>
      </c>
      <c r="KI10" s="71">
        <v>233</v>
      </c>
      <c r="KJ10" s="71">
        <v>203</v>
      </c>
      <c r="KK10" s="71">
        <v>135</v>
      </c>
      <c r="KL10" s="72">
        <v>1307</v>
      </c>
      <c r="KM10" s="73">
        <v>1844</v>
      </c>
    </row>
    <row r="11" spans="2:299" ht="21" customHeight="1" x14ac:dyDescent="0.2">
      <c r="B11" s="126" t="s">
        <v>7</v>
      </c>
      <c r="C11" s="315">
        <v>98</v>
      </c>
      <c r="D11" s="82">
        <v>87</v>
      </c>
      <c r="E11" s="83">
        <v>185</v>
      </c>
      <c r="F11" s="241"/>
      <c r="G11" s="82">
        <v>235</v>
      </c>
      <c r="H11" s="82">
        <v>147</v>
      </c>
      <c r="I11" s="82">
        <v>80</v>
      </c>
      <c r="J11" s="82">
        <v>78</v>
      </c>
      <c r="K11" s="82">
        <v>34</v>
      </c>
      <c r="L11" s="84">
        <v>574</v>
      </c>
      <c r="M11" s="85">
        <v>759</v>
      </c>
      <c r="N11" s="70">
        <v>6</v>
      </c>
      <c r="O11" s="71">
        <v>1</v>
      </c>
      <c r="P11" s="72">
        <v>7</v>
      </c>
      <c r="Q11" s="244"/>
      <c r="R11" s="71">
        <v>2</v>
      </c>
      <c r="S11" s="71">
        <v>5</v>
      </c>
      <c r="T11" s="71">
        <v>6</v>
      </c>
      <c r="U11" s="71">
        <v>2</v>
      </c>
      <c r="V11" s="71">
        <v>2</v>
      </c>
      <c r="W11" s="72">
        <v>17</v>
      </c>
      <c r="X11" s="73">
        <v>24</v>
      </c>
      <c r="Y11" s="70">
        <v>9</v>
      </c>
      <c r="Z11" s="71">
        <v>6</v>
      </c>
      <c r="AA11" s="72">
        <v>15</v>
      </c>
      <c r="AB11" s="244"/>
      <c r="AC11" s="71">
        <v>14</v>
      </c>
      <c r="AD11" s="71">
        <v>14</v>
      </c>
      <c r="AE11" s="71">
        <v>10</v>
      </c>
      <c r="AF11" s="71">
        <v>8</v>
      </c>
      <c r="AG11" s="71">
        <v>5</v>
      </c>
      <c r="AH11" s="72">
        <v>51</v>
      </c>
      <c r="AI11" s="73">
        <v>66</v>
      </c>
      <c r="AJ11" s="70">
        <v>5</v>
      </c>
      <c r="AK11" s="71">
        <v>9</v>
      </c>
      <c r="AL11" s="72">
        <v>14</v>
      </c>
      <c r="AM11" s="244"/>
      <c r="AN11" s="71">
        <v>35</v>
      </c>
      <c r="AO11" s="71">
        <v>13</v>
      </c>
      <c r="AP11" s="71">
        <v>11</v>
      </c>
      <c r="AQ11" s="71">
        <v>12</v>
      </c>
      <c r="AR11" s="71">
        <v>4</v>
      </c>
      <c r="AS11" s="72">
        <v>75</v>
      </c>
      <c r="AT11" s="73">
        <v>89</v>
      </c>
      <c r="AU11" s="70">
        <v>25</v>
      </c>
      <c r="AV11" s="71">
        <v>18</v>
      </c>
      <c r="AW11" s="72">
        <v>43</v>
      </c>
      <c r="AX11" s="244"/>
      <c r="AY11" s="71">
        <v>61</v>
      </c>
      <c r="AZ11" s="71">
        <v>34</v>
      </c>
      <c r="BA11" s="71">
        <v>15</v>
      </c>
      <c r="BB11" s="71">
        <v>12</v>
      </c>
      <c r="BC11" s="71">
        <v>11</v>
      </c>
      <c r="BD11" s="72">
        <v>133</v>
      </c>
      <c r="BE11" s="73">
        <v>176</v>
      </c>
      <c r="BF11" s="70">
        <v>28</v>
      </c>
      <c r="BG11" s="71">
        <v>32</v>
      </c>
      <c r="BH11" s="72">
        <v>60</v>
      </c>
      <c r="BI11" s="244"/>
      <c r="BJ11" s="71">
        <v>61</v>
      </c>
      <c r="BK11" s="71">
        <v>40</v>
      </c>
      <c r="BL11" s="71">
        <v>17</v>
      </c>
      <c r="BM11" s="71">
        <v>21</v>
      </c>
      <c r="BN11" s="71">
        <v>10</v>
      </c>
      <c r="BO11" s="72">
        <v>149</v>
      </c>
      <c r="BP11" s="73">
        <v>209</v>
      </c>
      <c r="BQ11" s="70">
        <v>25</v>
      </c>
      <c r="BR11" s="71">
        <v>21</v>
      </c>
      <c r="BS11" s="72">
        <v>46</v>
      </c>
      <c r="BT11" s="244"/>
      <c r="BU11" s="71">
        <v>62</v>
      </c>
      <c r="BV11" s="71">
        <v>41</v>
      </c>
      <c r="BW11" s="71">
        <v>21</v>
      </c>
      <c r="BX11" s="71">
        <v>23</v>
      </c>
      <c r="BY11" s="71">
        <v>2</v>
      </c>
      <c r="BZ11" s="72">
        <v>149</v>
      </c>
      <c r="CA11" s="73">
        <v>195</v>
      </c>
      <c r="CB11" s="70">
        <v>0</v>
      </c>
      <c r="CC11" s="71">
        <v>0</v>
      </c>
      <c r="CD11" s="72">
        <v>0</v>
      </c>
      <c r="CE11" s="244"/>
      <c r="CF11" s="71">
        <v>0</v>
      </c>
      <c r="CG11" s="71">
        <v>0</v>
      </c>
      <c r="CH11" s="71">
        <v>0</v>
      </c>
      <c r="CI11" s="71">
        <v>0</v>
      </c>
      <c r="CJ11" s="71">
        <v>0</v>
      </c>
      <c r="CK11" s="72">
        <v>0</v>
      </c>
      <c r="CL11" s="73">
        <v>0</v>
      </c>
      <c r="CM11" s="70">
        <v>98</v>
      </c>
      <c r="CN11" s="71">
        <v>87</v>
      </c>
      <c r="CO11" s="72">
        <v>185</v>
      </c>
      <c r="CP11" s="244"/>
      <c r="CQ11" s="71">
        <v>235</v>
      </c>
      <c r="CR11" s="71">
        <v>147</v>
      </c>
      <c r="CS11" s="71">
        <v>80</v>
      </c>
      <c r="CT11" s="71">
        <v>78</v>
      </c>
      <c r="CU11" s="71">
        <v>34</v>
      </c>
      <c r="CV11" s="72">
        <v>574</v>
      </c>
      <c r="CW11" s="73">
        <v>759</v>
      </c>
      <c r="CX11" s="123">
        <v>35</v>
      </c>
      <c r="CY11" s="82">
        <v>43</v>
      </c>
      <c r="CZ11" s="83">
        <v>78</v>
      </c>
      <c r="DA11" s="241"/>
      <c r="DB11" s="82">
        <v>65</v>
      </c>
      <c r="DC11" s="82">
        <v>36</v>
      </c>
      <c r="DD11" s="82">
        <v>29</v>
      </c>
      <c r="DE11" s="82">
        <v>35</v>
      </c>
      <c r="DF11" s="82">
        <v>16</v>
      </c>
      <c r="DG11" s="84">
        <v>181</v>
      </c>
      <c r="DH11" s="85">
        <v>259</v>
      </c>
      <c r="DI11" s="70">
        <v>0</v>
      </c>
      <c r="DJ11" s="71">
        <v>0</v>
      </c>
      <c r="DK11" s="72">
        <v>0</v>
      </c>
      <c r="DL11" s="244"/>
      <c r="DM11" s="71">
        <v>0</v>
      </c>
      <c r="DN11" s="71">
        <v>1</v>
      </c>
      <c r="DO11" s="71">
        <v>3</v>
      </c>
      <c r="DP11" s="71">
        <v>0</v>
      </c>
      <c r="DQ11" s="71">
        <v>1</v>
      </c>
      <c r="DR11" s="72">
        <v>5</v>
      </c>
      <c r="DS11" s="73">
        <v>5</v>
      </c>
      <c r="DT11" s="70">
        <v>1</v>
      </c>
      <c r="DU11" s="71">
        <v>2</v>
      </c>
      <c r="DV11" s="72">
        <v>3</v>
      </c>
      <c r="DW11" s="244"/>
      <c r="DX11" s="71">
        <v>6</v>
      </c>
      <c r="DY11" s="71">
        <v>3</v>
      </c>
      <c r="DZ11" s="71">
        <v>2</v>
      </c>
      <c r="EA11" s="71">
        <v>5</v>
      </c>
      <c r="EB11" s="71">
        <v>2</v>
      </c>
      <c r="EC11" s="72">
        <v>18</v>
      </c>
      <c r="ED11" s="73">
        <v>21</v>
      </c>
      <c r="EE11" s="70">
        <v>4</v>
      </c>
      <c r="EF11" s="71">
        <v>5</v>
      </c>
      <c r="EG11" s="72">
        <v>9</v>
      </c>
      <c r="EH11" s="244"/>
      <c r="EI11" s="71">
        <v>5</v>
      </c>
      <c r="EJ11" s="71">
        <v>7</v>
      </c>
      <c r="EK11" s="71">
        <v>4</v>
      </c>
      <c r="EL11" s="71">
        <v>7</v>
      </c>
      <c r="EM11" s="71">
        <v>1</v>
      </c>
      <c r="EN11" s="72">
        <v>24</v>
      </c>
      <c r="EO11" s="73">
        <v>33</v>
      </c>
      <c r="EP11" s="70">
        <v>13</v>
      </c>
      <c r="EQ11" s="71">
        <v>10</v>
      </c>
      <c r="ER11" s="72">
        <v>23</v>
      </c>
      <c r="ES11" s="244"/>
      <c r="ET11" s="71">
        <v>21</v>
      </c>
      <c r="EU11" s="71">
        <v>8</v>
      </c>
      <c r="EV11" s="71">
        <v>3</v>
      </c>
      <c r="EW11" s="71">
        <v>2</v>
      </c>
      <c r="EX11" s="71">
        <v>2</v>
      </c>
      <c r="EY11" s="72">
        <v>36</v>
      </c>
      <c r="EZ11" s="73">
        <v>59</v>
      </c>
      <c r="FA11" s="70">
        <v>10</v>
      </c>
      <c r="FB11" s="71">
        <v>17</v>
      </c>
      <c r="FC11" s="72">
        <v>27</v>
      </c>
      <c r="FD11" s="244"/>
      <c r="FE11" s="71">
        <v>19</v>
      </c>
      <c r="FF11" s="71">
        <v>4</v>
      </c>
      <c r="FG11" s="71">
        <v>7</v>
      </c>
      <c r="FH11" s="71">
        <v>8</v>
      </c>
      <c r="FI11" s="71">
        <v>4</v>
      </c>
      <c r="FJ11" s="72">
        <v>42</v>
      </c>
      <c r="FK11" s="73">
        <v>69</v>
      </c>
      <c r="FL11" s="70">
        <v>7</v>
      </c>
      <c r="FM11" s="71">
        <v>9</v>
      </c>
      <c r="FN11" s="72">
        <v>16</v>
      </c>
      <c r="FO11" s="244"/>
      <c r="FP11" s="71">
        <v>14</v>
      </c>
      <c r="FQ11" s="71">
        <v>13</v>
      </c>
      <c r="FR11" s="71">
        <v>10</v>
      </c>
      <c r="FS11" s="71">
        <v>13</v>
      </c>
      <c r="FT11" s="71">
        <v>6</v>
      </c>
      <c r="FU11" s="72">
        <v>56</v>
      </c>
      <c r="FV11" s="73">
        <v>72</v>
      </c>
      <c r="FW11" s="70">
        <v>0</v>
      </c>
      <c r="FX11" s="71">
        <v>0</v>
      </c>
      <c r="FY11" s="72">
        <v>0</v>
      </c>
      <c r="FZ11" s="244"/>
      <c r="GA11" s="71">
        <v>0</v>
      </c>
      <c r="GB11" s="71">
        <v>0</v>
      </c>
      <c r="GC11" s="71">
        <v>0</v>
      </c>
      <c r="GD11" s="71">
        <v>0</v>
      </c>
      <c r="GE11" s="71">
        <v>0</v>
      </c>
      <c r="GF11" s="72">
        <v>0</v>
      </c>
      <c r="GG11" s="73">
        <v>0</v>
      </c>
      <c r="GH11" s="70">
        <v>35</v>
      </c>
      <c r="GI11" s="71">
        <v>43</v>
      </c>
      <c r="GJ11" s="72">
        <v>78</v>
      </c>
      <c r="GK11" s="244"/>
      <c r="GL11" s="71">
        <v>65</v>
      </c>
      <c r="GM11" s="71">
        <v>36</v>
      </c>
      <c r="GN11" s="71">
        <v>29</v>
      </c>
      <c r="GO11" s="71">
        <v>35</v>
      </c>
      <c r="GP11" s="71">
        <v>16</v>
      </c>
      <c r="GQ11" s="72">
        <v>181</v>
      </c>
      <c r="GR11" s="73">
        <v>259</v>
      </c>
      <c r="GS11" s="123">
        <v>133</v>
      </c>
      <c r="GT11" s="82">
        <v>130</v>
      </c>
      <c r="GU11" s="83">
        <v>263</v>
      </c>
      <c r="GV11" s="241"/>
      <c r="GW11" s="82">
        <v>300</v>
      </c>
      <c r="GX11" s="82">
        <v>183</v>
      </c>
      <c r="GY11" s="82">
        <v>109</v>
      </c>
      <c r="GZ11" s="82">
        <v>113</v>
      </c>
      <c r="HA11" s="82">
        <v>50</v>
      </c>
      <c r="HB11" s="84">
        <v>755</v>
      </c>
      <c r="HC11" s="85">
        <v>1018</v>
      </c>
      <c r="HD11" s="70">
        <v>6</v>
      </c>
      <c r="HE11" s="71">
        <v>1</v>
      </c>
      <c r="HF11" s="72">
        <v>7</v>
      </c>
      <c r="HG11" s="244"/>
      <c r="HH11" s="71">
        <v>2</v>
      </c>
      <c r="HI11" s="71">
        <v>6</v>
      </c>
      <c r="HJ11" s="71">
        <v>9</v>
      </c>
      <c r="HK11" s="71">
        <v>2</v>
      </c>
      <c r="HL11" s="71">
        <v>3</v>
      </c>
      <c r="HM11" s="72">
        <v>22</v>
      </c>
      <c r="HN11" s="73">
        <v>29</v>
      </c>
      <c r="HO11" s="70">
        <v>10</v>
      </c>
      <c r="HP11" s="71">
        <v>8</v>
      </c>
      <c r="HQ11" s="72">
        <v>18</v>
      </c>
      <c r="HR11" s="244"/>
      <c r="HS11" s="71">
        <v>20</v>
      </c>
      <c r="HT11" s="71">
        <v>17</v>
      </c>
      <c r="HU11" s="71">
        <v>12</v>
      </c>
      <c r="HV11" s="71">
        <v>13</v>
      </c>
      <c r="HW11" s="71">
        <v>7</v>
      </c>
      <c r="HX11" s="72">
        <v>69</v>
      </c>
      <c r="HY11" s="73">
        <v>87</v>
      </c>
      <c r="HZ11" s="70">
        <v>9</v>
      </c>
      <c r="IA11" s="71">
        <v>14</v>
      </c>
      <c r="IB11" s="72">
        <v>23</v>
      </c>
      <c r="IC11" s="244"/>
      <c r="ID11" s="71">
        <v>40</v>
      </c>
      <c r="IE11" s="71">
        <v>20</v>
      </c>
      <c r="IF11" s="71">
        <v>15</v>
      </c>
      <c r="IG11" s="71">
        <v>19</v>
      </c>
      <c r="IH11" s="71">
        <v>5</v>
      </c>
      <c r="II11" s="72">
        <v>99</v>
      </c>
      <c r="IJ11" s="73">
        <v>122</v>
      </c>
      <c r="IK11" s="70">
        <v>38</v>
      </c>
      <c r="IL11" s="71">
        <v>28</v>
      </c>
      <c r="IM11" s="72">
        <v>66</v>
      </c>
      <c r="IN11" s="244"/>
      <c r="IO11" s="71">
        <v>82</v>
      </c>
      <c r="IP11" s="71">
        <v>42</v>
      </c>
      <c r="IQ11" s="71">
        <v>18</v>
      </c>
      <c r="IR11" s="71">
        <v>14</v>
      </c>
      <c r="IS11" s="71">
        <v>13</v>
      </c>
      <c r="IT11" s="72">
        <v>169</v>
      </c>
      <c r="IU11" s="73">
        <v>235</v>
      </c>
      <c r="IV11" s="70">
        <v>38</v>
      </c>
      <c r="IW11" s="71">
        <v>49</v>
      </c>
      <c r="IX11" s="72">
        <v>87</v>
      </c>
      <c r="IY11" s="244"/>
      <c r="IZ11" s="71">
        <v>80</v>
      </c>
      <c r="JA11" s="71">
        <v>44</v>
      </c>
      <c r="JB11" s="71">
        <v>24</v>
      </c>
      <c r="JC11" s="71">
        <v>29</v>
      </c>
      <c r="JD11" s="71">
        <v>14</v>
      </c>
      <c r="JE11" s="72">
        <v>191</v>
      </c>
      <c r="JF11" s="73">
        <v>278</v>
      </c>
      <c r="JG11" s="70">
        <v>32</v>
      </c>
      <c r="JH11" s="71">
        <v>30</v>
      </c>
      <c r="JI11" s="72">
        <v>62</v>
      </c>
      <c r="JJ11" s="244"/>
      <c r="JK11" s="71">
        <v>76</v>
      </c>
      <c r="JL11" s="71">
        <v>54</v>
      </c>
      <c r="JM11" s="71">
        <v>31</v>
      </c>
      <c r="JN11" s="71">
        <v>36</v>
      </c>
      <c r="JO11" s="71">
        <v>8</v>
      </c>
      <c r="JP11" s="72">
        <v>205</v>
      </c>
      <c r="JQ11" s="73">
        <v>267</v>
      </c>
      <c r="JR11" s="70">
        <v>0</v>
      </c>
      <c r="JS11" s="71">
        <v>0</v>
      </c>
      <c r="JT11" s="72">
        <v>0</v>
      </c>
      <c r="JU11" s="244"/>
      <c r="JV11" s="71">
        <v>0</v>
      </c>
      <c r="JW11" s="71">
        <v>0</v>
      </c>
      <c r="JX11" s="71">
        <v>0</v>
      </c>
      <c r="JY11" s="71">
        <v>0</v>
      </c>
      <c r="JZ11" s="71">
        <v>0</v>
      </c>
      <c r="KA11" s="72">
        <v>0</v>
      </c>
      <c r="KB11" s="73">
        <v>0</v>
      </c>
      <c r="KC11" s="70">
        <v>133</v>
      </c>
      <c r="KD11" s="71">
        <v>130</v>
      </c>
      <c r="KE11" s="72">
        <v>263</v>
      </c>
      <c r="KF11" s="244"/>
      <c r="KG11" s="71">
        <v>300</v>
      </c>
      <c r="KH11" s="71">
        <v>183</v>
      </c>
      <c r="KI11" s="71">
        <v>109</v>
      </c>
      <c r="KJ11" s="71">
        <v>113</v>
      </c>
      <c r="KK11" s="71">
        <v>50</v>
      </c>
      <c r="KL11" s="72">
        <v>755</v>
      </c>
      <c r="KM11" s="73">
        <v>1018</v>
      </c>
    </row>
    <row r="12" spans="2:299" ht="21" customHeight="1" x14ac:dyDescent="0.2">
      <c r="B12" s="126" t="s">
        <v>8</v>
      </c>
      <c r="C12" s="315">
        <v>50</v>
      </c>
      <c r="D12" s="82">
        <v>34</v>
      </c>
      <c r="E12" s="83">
        <v>84</v>
      </c>
      <c r="F12" s="241"/>
      <c r="G12" s="82">
        <v>110</v>
      </c>
      <c r="H12" s="82">
        <v>83</v>
      </c>
      <c r="I12" s="82">
        <v>47</v>
      </c>
      <c r="J12" s="82">
        <v>51</v>
      </c>
      <c r="K12" s="82">
        <v>25</v>
      </c>
      <c r="L12" s="84">
        <v>316</v>
      </c>
      <c r="M12" s="85">
        <v>400</v>
      </c>
      <c r="N12" s="70">
        <v>4</v>
      </c>
      <c r="O12" s="71">
        <v>1</v>
      </c>
      <c r="P12" s="72">
        <v>5</v>
      </c>
      <c r="Q12" s="244"/>
      <c r="R12" s="71">
        <v>3</v>
      </c>
      <c r="S12" s="71">
        <v>2</v>
      </c>
      <c r="T12" s="71">
        <v>1</v>
      </c>
      <c r="U12" s="71">
        <v>3</v>
      </c>
      <c r="V12" s="71">
        <v>4</v>
      </c>
      <c r="W12" s="72">
        <v>13</v>
      </c>
      <c r="X12" s="73">
        <v>18</v>
      </c>
      <c r="Y12" s="70">
        <v>4</v>
      </c>
      <c r="Z12" s="71">
        <v>5</v>
      </c>
      <c r="AA12" s="72">
        <v>9</v>
      </c>
      <c r="AB12" s="244"/>
      <c r="AC12" s="71">
        <v>9</v>
      </c>
      <c r="AD12" s="71">
        <v>13</v>
      </c>
      <c r="AE12" s="71">
        <v>7</v>
      </c>
      <c r="AF12" s="71">
        <v>5</v>
      </c>
      <c r="AG12" s="71">
        <v>1</v>
      </c>
      <c r="AH12" s="72">
        <v>35</v>
      </c>
      <c r="AI12" s="73">
        <v>44</v>
      </c>
      <c r="AJ12" s="70">
        <v>6</v>
      </c>
      <c r="AK12" s="71">
        <v>6</v>
      </c>
      <c r="AL12" s="72">
        <v>12</v>
      </c>
      <c r="AM12" s="244"/>
      <c r="AN12" s="71">
        <v>15</v>
      </c>
      <c r="AO12" s="71">
        <v>9</v>
      </c>
      <c r="AP12" s="71">
        <v>6</v>
      </c>
      <c r="AQ12" s="71">
        <v>6</v>
      </c>
      <c r="AR12" s="71">
        <v>5</v>
      </c>
      <c r="AS12" s="72">
        <v>41</v>
      </c>
      <c r="AT12" s="73">
        <v>53</v>
      </c>
      <c r="AU12" s="70">
        <v>10</v>
      </c>
      <c r="AV12" s="71">
        <v>5</v>
      </c>
      <c r="AW12" s="72">
        <v>15</v>
      </c>
      <c r="AX12" s="244"/>
      <c r="AY12" s="71">
        <v>22</v>
      </c>
      <c r="AZ12" s="71">
        <v>16</v>
      </c>
      <c r="BA12" s="71">
        <v>7</v>
      </c>
      <c r="BB12" s="71">
        <v>11</v>
      </c>
      <c r="BC12" s="71">
        <v>1</v>
      </c>
      <c r="BD12" s="72">
        <v>57</v>
      </c>
      <c r="BE12" s="73">
        <v>72</v>
      </c>
      <c r="BF12" s="70">
        <v>13</v>
      </c>
      <c r="BG12" s="71">
        <v>5</v>
      </c>
      <c r="BH12" s="72">
        <v>18</v>
      </c>
      <c r="BI12" s="244"/>
      <c r="BJ12" s="71">
        <v>34</v>
      </c>
      <c r="BK12" s="71">
        <v>22</v>
      </c>
      <c r="BL12" s="71">
        <v>13</v>
      </c>
      <c r="BM12" s="71">
        <v>10</v>
      </c>
      <c r="BN12" s="71">
        <v>6</v>
      </c>
      <c r="BO12" s="72">
        <v>85</v>
      </c>
      <c r="BP12" s="73">
        <v>103</v>
      </c>
      <c r="BQ12" s="70">
        <v>13</v>
      </c>
      <c r="BR12" s="71">
        <v>12</v>
      </c>
      <c r="BS12" s="72">
        <v>25</v>
      </c>
      <c r="BT12" s="244"/>
      <c r="BU12" s="71">
        <v>27</v>
      </c>
      <c r="BV12" s="71">
        <v>21</v>
      </c>
      <c r="BW12" s="71">
        <v>13</v>
      </c>
      <c r="BX12" s="71">
        <v>16</v>
      </c>
      <c r="BY12" s="71">
        <v>8</v>
      </c>
      <c r="BZ12" s="72">
        <v>85</v>
      </c>
      <c r="CA12" s="73">
        <v>110</v>
      </c>
      <c r="CB12" s="70">
        <v>0</v>
      </c>
      <c r="CC12" s="71">
        <v>0</v>
      </c>
      <c r="CD12" s="72">
        <v>0</v>
      </c>
      <c r="CE12" s="244"/>
      <c r="CF12" s="71">
        <v>0</v>
      </c>
      <c r="CG12" s="71">
        <v>0</v>
      </c>
      <c r="CH12" s="71">
        <v>0</v>
      </c>
      <c r="CI12" s="71">
        <v>0</v>
      </c>
      <c r="CJ12" s="71">
        <v>0</v>
      </c>
      <c r="CK12" s="72">
        <v>0</v>
      </c>
      <c r="CL12" s="73">
        <v>0</v>
      </c>
      <c r="CM12" s="70">
        <v>50</v>
      </c>
      <c r="CN12" s="71">
        <v>34</v>
      </c>
      <c r="CO12" s="72">
        <v>84</v>
      </c>
      <c r="CP12" s="244"/>
      <c r="CQ12" s="71">
        <v>110</v>
      </c>
      <c r="CR12" s="71">
        <v>83</v>
      </c>
      <c r="CS12" s="71">
        <v>47</v>
      </c>
      <c r="CT12" s="71">
        <v>51</v>
      </c>
      <c r="CU12" s="71">
        <v>25</v>
      </c>
      <c r="CV12" s="72">
        <v>316</v>
      </c>
      <c r="CW12" s="73">
        <v>400</v>
      </c>
      <c r="CX12" s="123">
        <v>23</v>
      </c>
      <c r="CY12" s="82">
        <v>30</v>
      </c>
      <c r="CZ12" s="83">
        <v>53</v>
      </c>
      <c r="DA12" s="241"/>
      <c r="DB12" s="82">
        <v>45</v>
      </c>
      <c r="DC12" s="82">
        <v>31</v>
      </c>
      <c r="DD12" s="82">
        <v>21</v>
      </c>
      <c r="DE12" s="82">
        <v>23</v>
      </c>
      <c r="DF12" s="82">
        <v>12</v>
      </c>
      <c r="DG12" s="84">
        <v>132</v>
      </c>
      <c r="DH12" s="85">
        <v>185</v>
      </c>
      <c r="DI12" s="70">
        <v>1</v>
      </c>
      <c r="DJ12" s="71">
        <v>1</v>
      </c>
      <c r="DK12" s="72">
        <v>2</v>
      </c>
      <c r="DL12" s="244"/>
      <c r="DM12" s="71">
        <v>0</v>
      </c>
      <c r="DN12" s="71">
        <v>0</v>
      </c>
      <c r="DO12" s="71">
        <v>1</v>
      </c>
      <c r="DP12" s="71">
        <v>2</v>
      </c>
      <c r="DQ12" s="71">
        <v>0</v>
      </c>
      <c r="DR12" s="72">
        <v>3</v>
      </c>
      <c r="DS12" s="73">
        <v>5</v>
      </c>
      <c r="DT12" s="70">
        <v>4</v>
      </c>
      <c r="DU12" s="71">
        <v>2</v>
      </c>
      <c r="DV12" s="72">
        <v>6</v>
      </c>
      <c r="DW12" s="244"/>
      <c r="DX12" s="71">
        <v>4</v>
      </c>
      <c r="DY12" s="71">
        <v>1</v>
      </c>
      <c r="DZ12" s="71">
        <v>2</v>
      </c>
      <c r="EA12" s="71">
        <v>1</v>
      </c>
      <c r="EB12" s="71">
        <v>1</v>
      </c>
      <c r="EC12" s="72">
        <v>9</v>
      </c>
      <c r="ED12" s="73">
        <v>15</v>
      </c>
      <c r="EE12" s="70">
        <v>3</v>
      </c>
      <c r="EF12" s="71">
        <v>5</v>
      </c>
      <c r="EG12" s="72">
        <v>8</v>
      </c>
      <c r="EH12" s="244"/>
      <c r="EI12" s="71">
        <v>5</v>
      </c>
      <c r="EJ12" s="71">
        <v>3</v>
      </c>
      <c r="EK12" s="71">
        <v>2</v>
      </c>
      <c r="EL12" s="71">
        <v>1</v>
      </c>
      <c r="EM12" s="71">
        <v>1</v>
      </c>
      <c r="EN12" s="72">
        <v>12</v>
      </c>
      <c r="EO12" s="73">
        <v>20</v>
      </c>
      <c r="EP12" s="70">
        <v>6</v>
      </c>
      <c r="EQ12" s="71">
        <v>11</v>
      </c>
      <c r="ER12" s="72">
        <v>17</v>
      </c>
      <c r="ES12" s="244"/>
      <c r="ET12" s="71">
        <v>6</v>
      </c>
      <c r="EU12" s="71">
        <v>5</v>
      </c>
      <c r="EV12" s="71">
        <v>1</v>
      </c>
      <c r="EW12" s="71">
        <v>5</v>
      </c>
      <c r="EX12" s="71">
        <v>0</v>
      </c>
      <c r="EY12" s="72">
        <v>17</v>
      </c>
      <c r="EZ12" s="73">
        <v>34</v>
      </c>
      <c r="FA12" s="70">
        <v>6</v>
      </c>
      <c r="FB12" s="71">
        <v>4</v>
      </c>
      <c r="FC12" s="72">
        <v>10</v>
      </c>
      <c r="FD12" s="244"/>
      <c r="FE12" s="71">
        <v>16</v>
      </c>
      <c r="FF12" s="71">
        <v>8</v>
      </c>
      <c r="FG12" s="71">
        <v>8</v>
      </c>
      <c r="FH12" s="71">
        <v>3</v>
      </c>
      <c r="FI12" s="71">
        <v>4</v>
      </c>
      <c r="FJ12" s="72">
        <v>39</v>
      </c>
      <c r="FK12" s="73">
        <v>49</v>
      </c>
      <c r="FL12" s="70">
        <v>3</v>
      </c>
      <c r="FM12" s="71">
        <v>7</v>
      </c>
      <c r="FN12" s="72">
        <v>10</v>
      </c>
      <c r="FO12" s="244"/>
      <c r="FP12" s="71">
        <v>14</v>
      </c>
      <c r="FQ12" s="71">
        <v>14</v>
      </c>
      <c r="FR12" s="71">
        <v>7</v>
      </c>
      <c r="FS12" s="71">
        <v>11</v>
      </c>
      <c r="FT12" s="71">
        <v>6</v>
      </c>
      <c r="FU12" s="72">
        <v>52</v>
      </c>
      <c r="FV12" s="73">
        <v>62</v>
      </c>
      <c r="FW12" s="70">
        <v>0</v>
      </c>
      <c r="FX12" s="71">
        <v>0</v>
      </c>
      <c r="FY12" s="72">
        <v>0</v>
      </c>
      <c r="FZ12" s="244"/>
      <c r="GA12" s="71">
        <v>0</v>
      </c>
      <c r="GB12" s="71">
        <v>0</v>
      </c>
      <c r="GC12" s="71">
        <v>0</v>
      </c>
      <c r="GD12" s="71">
        <v>0</v>
      </c>
      <c r="GE12" s="71">
        <v>0</v>
      </c>
      <c r="GF12" s="72">
        <v>0</v>
      </c>
      <c r="GG12" s="73">
        <v>0</v>
      </c>
      <c r="GH12" s="70">
        <v>23</v>
      </c>
      <c r="GI12" s="71">
        <v>30</v>
      </c>
      <c r="GJ12" s="72">
        <v>53</v>
      </c>
      <c r="GK12" s="244"/>
      <c r="GL12" s="71">
        <v>45</v>
      </c>
      <c r="GM12" s="71">
        <v>31</v>
      </c>
      <c r="GN12" s="71">
        <v>21</v>
      </c>
      <c r="GO12" s="71">
        <v>23</v>
      </c>
      <c r="GP12" s="71">
        <v>12</v>
      </c>
      <c r="GQ12" s="72">
        <v>132</v>
      </c>
      <c r="GR12" s="73">
        <v>185</v>
      </c>
      <c r="GS12" s="123">
        <v>73</v>
      </c>
      <c r="GT12" s="82">
        <v>64</v>
      </c>
      <c r="GU12" s="83">
        <v>137</v>
      </c>
      <c r="GV12" s="241"/>
      <c r="GW12" s="82">
        <v>155</v>
      </c>
      <c r="GX12" s="82">
        <v>114</v>
      </c>
      <c r="GY12" s="82">
        <v>68</v>
      </c>
      <c r="GZ12" s="82">
        <v>74</v>
      </c>
      <c r="HA12" s="82">
        <v>37</v>
      </c>
      <c r="HB12" s="84">
        <v>448</v>
      </c>
      <c r="HC12" s="85">
        <v>585</v>
      </c>
      <c r="HD12" s="70">
        <v>5</v>
      </c>
      <c r="HE12" s="71">
        <v>2</v>
      </c>
      <c r="HF12" s="72">
        <v>7</v>
      </c>
      <c r="HG12" s="244"/>
      <c r="HH12" s="71">
        <v>3</v>
      </c>
      <c r="HI12" s="71">
        <v>2</v>
      </c>
      <c r="HJ12" s="71">
        <v>2</v>
      </c>
      <c r="HK12" s="71">
        <v>5</v>
      </c>
      <c r="HL12" s="71">
        <v>4</v>
      </c>
      <c r="HM12" s="72">
        <v>16</v>
      </c>
      <c r="HN12" s="73">
        <v>23</v>
      </c>
      <c r="HO12" s="70">
        <v>8</v>
      </c>
      <c r="HP12" s="71">
        <v>7</v>
      </c>
      <c r="HQ12" s="72">
        <v>15</v>
      </c>
      <c r="HR12" s="244"/>
      <c r="HS12" s="71">
        <v>13</v>
      </c>
      <c r="HT12" s="71">
        <v>14</v>
      </c>
      <c r="HU12" s="71">
        <v>9</v>
      </c>
      <c r="HV12" s="71">
        <v>6</v>
      </c>
      <c r="HW12" s="71">
        <v>2</v>
      </c>
      <c r="HX12" s="72">
        <v>44</v>
      </c>
      <c r="HY12" s="73">
        <v>59</v>
      </c>
      <c r="HZ12" s="70">
        <v>9</v>
      </c>
      <c r="IA12" s="71">
        <v>11</v>
      </c>
      <c r="IB12" s="72">
        <v>20</v>
      </c>
      <c r="IC12" s="244"/>
      <c r="ID12" s="71">
        <v>20</v>
      </c>
      <c r="IE12" s="71">
        <v>12</v>
      </c>
      <c r="IF12" s="71">
        <v>8</v>
      </c>
      <c r="IG12" s="71">
        <v>7</v>
      </c>
      <c r="IH12" s="71">
        <v>6</v>
      </c>
      <c r="II12" s="72">
        <v>53</v>
      </c>
      <c r="IJ12" s="73">
        <v>73</v>
      </c>
      <c r="IK12" s="70">
        <v>16</v>
      </c>
      <c r="IL12" s="71">
        <v>16</v>
      </c>
      <c r="IM12" s="72">
        <v>32</v>
      </c>
      <c r="IN12" s="244"/>
      <c r="IO12" s="71">
        <v>28</v>
      </c>
      <c r="IP12" s="71">
        <v>21</v>
      </c>
      <c r="IQ12" s="71">
        <v>8</v>
      </c>
      <c r="IR12" s="71">
        <v>16</v>
      </c>
      <c r="IS12" s="71">
        <v>1</v>
      </c>
      <c r="IT12" s="72">
        <v>74</v>
      </c>
      <c r="IU12" s="73">
        <v>106</v>
      </c>
      <c r="IV12" s="70">
        <v>19</v>
      </c>
      <c r="IW12" s="71">
        <v>9</v>
      </c>
      <c r="IX12" s="72">
        <v>28</v>
      </c>
      <c r="IY12" s="244"/>
      <c r="IZ12" s="71">
        <v>50</v>
      </c>
      <c r="JA12" s="71">
        <v>30</v>
      </c>
      <c r="JB12" s="71">
        <v>21</v>
      </c>
      <c r="JC12" s="71">
        <v>13</v>
      </c>
      <c r="JD12" s="71">
        <v>10</v>
      </c>
      <c r="JE12" s="72">
        <v>124</v>
      </c>
      <c r="JF12" s="73">
        <v>152</v>
      </c>
      <c r="JG12" s="70">
        <v>16</v>
      </c>
      <c r="JH12" s="71">
        <v>19</v>
      </c>
      <c r="JI12" s="72">
        <v>35</v>
      </c>
      <c r="JJ12" s="244"/>
      <c r="JK12" s="71">
        <v>41</v>
      </c>
      <c r="JL12" s="71">
        <v>35</v>
      </c>
      <c r="JM12" s="71">
        <v>20</v>
      </c>
      <c r="JN12" s="71">
        <v>27</v>
      </c>
      <c r="JO12" s="71">
        <v>14</v>
      </c>
      <c r="JP12" s="72">
        <v>137</v>
      </c>
      <c r="JQ12" s="73">
        <v>172</v>
      </c>
      <c r="JR12" s="70">
        <v>0</v>
      </c>
      <c r="JS12" s="71">
        <v>0</v>
      </c>
      <c r="JT12" s="72">
        <v>0</v>
      </c>
      <c r="JU12" s="244"/>
      <c r="JV12" s="71">
        <v>0</v>
      </c>
      <c r="JW12" s="71">
        <v>0</v>
      </c>
      <c r="JX12" s="71">
        <v>0</v>
      </c>
      <c r="JY12" s="71">
        <v>0</v>
      </c>
      <c r="JZ12" s="71">
        <v>0</v>
      </c>
      <c r="KA12" s="72">
        <v>0</v>
      </c>
      <c r="KB12" s="73">
        <v>0</v>
      </c>
      <c r="KC12" s="70">
        <v>73</v>
      </c>
      <c r="KD12" s="71">
        <v>64</v>
      </c>
      <c r="KE12" s="72">
        <v>137</v>
      </c>
      <c r="KF12" s="244"/>
      <c r="KG12" s="71">
        <v>155</v>
      </c>
      <c r="KH12" s="71">
        <v>114</v>
      </c>
      <c r="KI12" s="71">
        <v>68</v>
      </c>
      <c r="KJ12" s="71">
        <v>74</v>
      </c>
      <c r="KK12" s="71">
        <v>37</v>
      </c>
      <c r="KL12" s="72">
        <v>448</v>
      </c>
      <c r="KM12" s="73">
        <v>585</v>
      </c>
    </row>
    <row r="13" spans="2:299" ht="21" customHeight="1" x14ac:dyDescent="0.2">
      <c r="B13" s="126" t="s">
        <v>9</v>
      </c>
      <c r="C13" s="315">
        <v>186</v>
      </c>
      <c r="D13" s="82">
        <v>108</v>
      </c>
      <c r="E13" s="83">
        <v>294</v>
      </c>
      <c r="F13" s="241"/>
      <c r="G13" s="82">
        <v>215</v>
      </c>
      <c r="H13" s="82">
        <v>138</v>
      </c>
      <c r="I13" s="82">
        <v>83</v>
      </c>
      <c r="J13" s="82">
        <v>85</v>
      </c>
      <c r="K13" s="82">
        <v>56</v>
      </c>
      <c r="L13" s="84">
        <v>577</v>
      </c>
      <c r="M13" s="85">
        <v>871</v>
      </c>
      <c r="N13" s="70">
        <v>4</v>
      </c>
      <c r="O13" s="71">
        <v>2</v>
      </c>
      <c r="P13" s="72">
        <v>6</v>
      </c>
      <c r="Q13" s="244"/>
      <c r="R13" s="71">
        <v>2</v>
      </c>
      <c r="S13" s="71">
        <v>3</v>
      </c>
      <c r="T13" s="71">
        <v>1</v>
      </c>
      <c r="U13" s="71">
        <v>3</v>
      </c>
      <c r="V13" s="71">
        <v>4</v>
      </c>
      <c r="W13" s="72">
        <v>13</v>
      </c>
      <c r="X13" s="73">
        <v>19</v>
      </c>
      <c r="Y13" s="70">
        <v>9</v>
      </c>
      <c r="Z13" s="71">
        <v>7</v>
      </c>
      <c r="AA13" s="72">
        <v>16</v>
      </c>
      <c r="AB13" s="244"/>
      <c r="AC13" s="71">
        <v>3</v>
      </c>
      <c r="AD13" s="71">
        <v>7</v>
      </c>
      <c r="AE13" s="71">
        <v>1</v>
      </c>
      <c r="AF13" s="71">
        <v>3</v>
      </c>
      <c r="AG13" s="71">
        <v>6</v>
      </c>
      <c r="AH13" s="72">
        <v>20</v>
      </c>
      <c r="AI13" s="73">
        <v>36</v>
      </c>
      <c r="AJ13" s="70">
        <v>20</v>
      </c>
      <c r="AK13" s="71">
        <v>11</v>
      </c>
      <c r="AL13" s="72">
        <v>31</v>
      </c>
      <c r="AM13" s="244"/>
      <c r="AN13" s="71">
        <v>18</v>
      </c>
      <c r="AO13" s="71">
        <v>15</v>
      </c>
      <c r="AP13" s="71">
        <v>8</v>
      </c>
      <c r="AQ13" s="71">
        <v>8</v>
      </c>
      <c r="AR13" s="71">
        <v>2</v>
      </c>
      <c r="AS13" s="72">
        <v>51</v>
      </c>
      <c r="AT13" s="73">
        <v>82</v>
      </c>
      <c r="AU13" s="70">
        <v>43</v>
      </c>
      <c r="AV13" s="71">
        <v>14</v>
      </c>
      <c r="AW13" s="72">
        <v>57</v>
      </c>
      <c r="AX13" s="244"/>
      <c r="AY13" s="71">
        <v>54</v>
      </c>
      <c r="AZ13" s="71">
        <v>22</v>
      </c>
      <c r="BA13" s="71">
        <v>14</v>
      </c>
      <c r="BB13" s="71">
        <v>9</v>
      </c>
      <c r="BC13" s="71">
        <v>15</v>
      </c>
      <c r="BD13" s="72">
        <v>114</v>
      </c>
      <c r="BE13" s="73">
        <v>171</v>
      </c>
      <c r="BF13" s="70">
        <v>61</v>
      </c>
      <c r="BG13" s="71">
        <v>46</v>
      </c>
      <c r="BH13" s="72">
        <v>107</v>
      </c>
      <c r="BI13" s="244"/>
      <c r="BJ13" s="71">
        <v>72</v>
      </c>
      <c r="BK13" s="71">
        <v>51</v>
      </c>
      <c r="BL13" s="71">
        <v>25</v>
      </c>
      <c r="BM13" s="71">
        <v>32</v>
      </c>
      <c r="BN13" s="71">
        <v>13</v>
      </c>
      <c r="BO13" s="72">
        <v>193</v>
      </c>
      <c r="BP13" s="73">
        <v>300</v>
      </c>
      <c r="BQ13" s="70">
        <v>49</v>
      </c>
      <c r="BR13" s="71">
        <v>28</v>
      </c>
      <c r="BS13" s="72">
        <v>77</v>
      </c>
      <c r="BT13" s="244"/>
      <c r="BU13" s="71">
        <v>66</v>
      </c>
      <c r="BV13" s="71">
        <v>40</v>
      </c>
      <c r="BW13" s="71">
        <v>34</v>
      </c>
      <c r="BX13" s="71">
        <v>30</v>
      </c>
      <c r="BY13" s="71">
        <v>16</v>
      </c>
      <c r="BZ13" s="72">
        <v>186</v>
      </c>
      <c r="CA13" s="73">
        <v>263</v>
      </c>
      <c r="CB13" s="70">
        <v>0</v>
      </c>
      <c r="CC13" s="71">
        <v>0</v>
      </c>
      <c r="CD13" s="72">
        <v>0</v>
      </c>
      <c r="CE13" s="244"/>
      <c r="CF13" s="71">
        <v>0</v>
      </c>
      <c r="CG13" s="71">
        <v>0</v>
      </c>
      <c r="CH13" s="71">
        <v>0</v>
      </c>
      <c r="CI13" s="71">
        <v>0</v>
      </c>
      <c r="CJ13" s="71">
        <v>0</v>
      </c>
      <c r="CK13" s="72">
        <v>0</v>
      </c>
      <c r="CL13" s="73">
        <v>0</v>
      </c>
      <c r="CM13" s="70">
        <v>186</v>
      </c>
      <c r="CN13" s="71">
        <v>108</v>
      </c>
      <c r="CO13" s="72">
        <v>294</v>
      </c>
      <c r="CP13" s="244"/>
      <c r="CQ13" s="71">
        <v>215</v>
      </c>
      <c r="CR13" s="71">
        <v>138</v>
      </c>
      <c r="CS13" s="71">
        <v>83</v>
      </c>
      <c r="CT13" s="71">
        <v>85</v>
      </c>
      <c r="CU13" s="71">
        <v>56</v>
      </c>
      <c r="CV13" s="72">
        <v>577</v>
      </c>
      <c r="CW13" s="73">
        <v>871</v>
      </c>
      <c r="CX13" s="123">
        <v>71</v>
      </c>
      <c r="CY13" s="82">
        <v>41</v>
      </c>
      <c r="CZ13" s="83">
        <v>112</v>
      </c>
      <c r="DA13" s="241"/>
      <c r="DB13" s="82">
        <v>70</v>
      </c>
      <c r="DC13" s="82">
        <v>40</v>
      </c>
      <c r="DD13" s="82">
        <v>47</v>
      </c>
      <c r="DE13" s="82">
        <v>46</v>
      </c>
      <c r="DF13" s="82">
        <v>28</v>
      </c>
      <c r="DG13" s="84">
        <v>231</v>
      </c>
      <c r="DH13" s="85">
        <v>343</v>
      </c>
      <c r="DI13" s="70">
        <v>0</v>
      </c>
      <c r="DJ13" s="71">
        <v>0</v>
      </c>
      <c r="DK13" s="72">
        <v>0</v>
      </c>
      <c r="DL13" s="244"/>
      <c r="DM13" s="71">
        <v>0</v>
      </c>
      <c r="DN13" s="71">
        <v>0</v>
      </c>
      <c r="DO13" s="71">
        <v>0</v>
      </c>
      <c r="DP13" s="71">
        <v>0</v>
      </c>
      <c r="DQ13" s="71">
        <v>0</v>
      </c>
      <c r="DR13" s="72">
        <v>0</v>
      </c>
      <c r="DS13" s="73">
        <v>0</v>
      </c>
      <c r="DT13" s="70">
        <v>8</v>
      </c>
      <c r="DU13" s="71">
        <v>3</v>
      </c>
      <c r="DV13" s="72">
        <v>11</v>
      </c>
      <c r="DW13" s="244"/>
      <c r="DX13" s="71">
        <v>5</v>
      </c>
      <c r="DY13" s="71">
        <v>1</v>
      </c>
      <c r="DZ13" s="71">
        <v>2</v>
      </c>
      <c r="EA13" s="71">
        <v>2</v>
      </c>
      <c r="EB13" s="71">
        <v>0</v>
      </c>
      <c r="EC13" s="72">
        <v>10</v>
      </c>
      <c r="ED13" s="73">
        <v>21</v>
      </c>
      <c r="EE13" s="70">
        <v>8</v>
      </c>
      <c r="EF13" s="71">
        <v>8</v>
      </c>
      <c r="EG13" s="72">
        <v>16</v>
      </c>
      <c r="EH13" s="244"/>
      <c r="EI13" s="71">
        <v>9</v>
      </c>
      <c r="EJ13" s="71">
        <v>6</v>
      </c>
      <c r="EK13" s="71">
        <v>2</v>
      </c>
      <c r="EL13" s="71">
        <v>4</v>
      </c>
      <c r="EM13" s="71">
        <v>1</v>
      </c>
      <c r="EN13" s="72">
        <v>22</v>
      </c>
      <c r="EO13" s="73">
        <v>38</v>
      </c>
      <c r="EP13" s="70">
        <v>23</v>
      </c>
      <c r="EQ13" s="71">
        <v>7</v>
      </c>
      <c r="ER13" s="72">
        <v>30</v>
      </c>
      <c r="ES13" s="244"/>
      <c r="ET13" s="71">
        <v>11</v>
      </c>
      <c r="EU13" s="71">
        <v>5</v>
      </c>
      <c r="EV13" s="71">
        <v>9</v>
      </c>
      <c r="EW13" s="71">
        <v>8</v>
      </c>
      <c r="EX13" s="71">
        <v>3</v>
      </c>
      <c r="EY13" s="72">
        <v>36</v>
      </c>
      <c r="EZ13" s="73">
        <v>66</v>
      </c>
      <c r="FA13" s="70">
        <v>23</v>
      </c>
      <c r="FB13" s="71">
        <v>9</v>
      </c>
      <c r="FC13" s="72">
        <v>32</v>
      </c>
      <c r="FD13" s="244"/>
      <c r="FE13" s="71">
        <v>12</v>
      </c>
      <c r="FF13" s="71">
        <v>13</v>
      </c>
      <c r="FG13" s="71">
        <v>15</v>
      </c>
      <c r="FH13" s="71">
        <v>9</v>
      </c>
      <c r="FI13" s="71">
        <v>5</v>
      </c>
      <c r="FJ13" s="72">
        <v>54</v>
      </c>
      <c r="FK13" s="73">
        <v>86</v>
      </c>
      <c r="FL13" s="70">
        <v>9</v>
      </c>
      <c r="FM13" s="71">
        <v>14</v>
      </c>
      <c r="FN13" s="72">
        <v>23</v>
      </c>
      <c r="FO13" s="244"/>
      <c r="FP13" s="71">
        <v>33</v>
      </c>
      <c r="FQ13" s="71">
        <v>15</v>
      </c>
      <c r="FR13" s="71">
        <v>19</v>
      </c>
      <c r="FS13" s="71">
        <v>23</v>
      </c>
      <c r="FT13" s="71">
        <v>19</v>
      </c>
      <c r="FU13" s="72">
        <v>109</v>
      </c>
      <c r="FV13" s="73">
        <v>132</v>
      </c>
      <c r="FW13" s="70">
        <v>0</v>
      </c>
      <c r="FX13" s="71">
        <v>0</v>
      </c>
      <c r="FY13" s="72">
        <v>0</v>
      </c>
      <c r="FZ13" s="244"/>
      <c r="GA13" s="71">
        <v>0</v>
      </c>
      <c r="GB13" s="71">
        <v>0</v>
      </c>
      <c r="GC13" s="71">
        <v>0</v>
      </c>
      <c r="GD13" s="71">
        <v>0</v>
      </c>
      <c r="GE13" s="71">
        <v>0</v>
      </c>
      <c r="GF13" s="72">
        <v>0</v>
      </c>
      <c r="GG13" s="73">
        <v>0</v>
      </c>
      <c r="GH13" s="70">
        <v>71</v>
      </c>
      <c r="GI13" s="71">
        <v>41</v>
      </c>
      <c r="GJ13" s="72">
        <v>112</v>
      </c>
      <c r="GK13" s="244"/>
      <c r="GL13" s="71">
        <v>70</v>
      </c>
      <c r="GM13" s="71">
        <v>40</v>
      </c>
      <c r="GN13" s="71">
        <v>47</v>
      </c>
      <c r="GO13" s="71">
        <v>46</v>
      </c>
      <c r="GP13" s="71">
        <v>28</v>
      </c>
      <c r="GQ13" s="72">
        <v>231</v>
      </c>
      <c r="GR13" s="73">
        <v>343</v>
      </c>
      <c r="GS13" s="123">
        <v>257</v>
      </c>
      <c r="GT13" s="82">
        <v>149</v>
      </c>
      <c r="GU13" s="83">
        <v>406</v>
      </c>
      <c r="GV13" s="241"/>
      <c r="GW13" s="82">
        <v>285</v>
      </c>
      <c r="GX13" s="82">
        <v>178</v>
      </c>
      <c r="GY13" s="82">
        <v>130</v>
      </c>
      <c r="GZ13" s="82">
        <v>131</v>
      </c>
      <c r="HA13" s="82">
        <v>84</v>
      </c>
      <c r="HB13" s="84">
        <v>808</v>
      </c>
      <c r="HC13" s="85">
        <v>1214</v>
      </c>
      <c r="HD13" s="70">
        <v>4</v>
      </c>
      <c r="HE13" s="71">
        <v>2</v>
      </c>
      <c r="HF13" s="72">
        <v>6</v>
      </c>
      <c r="HG13" s="244"/>
      <c r="HH13" s="71">
        <v>2</v>
      </c>
      <c r="HI13" s="71">
        <v>3</v>
      </c>
      <c r="HJ13" s="71">
        <v>1</v>
      </c>
      <c r="HK13" s="71">
        <v>3</v>
      </c>
      <c r="HL13" s="71">
        <v>4</v>
      </c>
      <c r="HM13" s="72">
        <v>13</v>
      </c>
      <c r="HN13" s="73">
        <v>19</v>
      </c>
      <c r="HO13" s="70">
        <v>17</v>
      </c>
      <c r="HP13" s="71">
        <v>10</v>
      </c>
      <c r="HQ13" s="72">
        <v>27</v>
      </c>
      <c r="HR13" s="244"/>
      <c r="HS13" s="71">
        <v>8</v>
      </c>
      <c r="HT13" s="71">
        <v>8</v>
      </c>
      <c r="HU13" s="71">
        <v>3</v>
      </c>
      <c r="HV13" s="71">
        <v>5</v>
      </c>
      <c r="HW13" s="71">
        <v>6</v>
      </c>
      <c r="HX13" s="72">
        <v>30</v>
      </c>
      <c r="HY13" s="73">
        <v>57</v>
      </c>
      <c r="HZ13" s="70">
        <v>28</v>
      </c>
      <c r="IA13" s="71">
        <v>19</v>
      </c>
      <c r="IB13" s="72">
        <v>47</v>
      </c>
      <c r="IC13" s="244"/>
      <c r="ID13" s="71">
        <v>27</v>
      </c>
      <c r="IE13" s="71">
        <v>21</v>
      </c>
      <c r="IF13" s="71">
        <v>10</v>
      </c>
      <c r="IG13" s="71">
        <v>12</v>
      </c>
      <c r="IH13" s="71">
        <v>3</v>
      </c>
      <c r="II13" s="72">
        <v>73</v>
      </c>
      <c r="IJ13" s="73">
        <v>120</v>
      </c>
      <c r="IK13" s="70">
        <v>66</v>
      </c>
      <c r="IL13" s="71">
        <v>21</v>
      </c>
      <c r="IM13" s="72">
        <v>87</v>
      </c>
      <c r="IN13" s="244"/>
      <c r="IO13" s="71">
        <v>65</v>
      </c>
      <c r="IP13" s="71">
        <v>27</v>
      </c>
      <c r="IQ13" s="71">
        <v>23</v>
      </c>
      <c r="IR13" s="71">
        <v>17</v>
      </c>
      <c r="IS13" s="71">
        <v>18</v>
      </c>
      <c r="IT13" s="72">
        <v>150</v>
      </c>
      <c r="IU13" s="73">
        <v>237</v>
      </c>
      <c r="IV13" s="70">
        <v>84</v>
      </c>
      <c r="IW13" s="71">
        <v>55</v>
      </c>
      <c r="IX13" s="72">
        <v>139</v>
      </c>
      <c r="IY13" s="244"/>
      <c r="IZ13" s="71">
        <v>84</v>
      </c>
      <c r="JA13" s="71">
        <v>64</v>
      </c>
      <c r="JB13" s="71">
        <v>40</v>
      </c>
      <c r="JC13" s="71">
        <v>41</v>
      </c>
      <c r="JD13" s="71">
        <v>18</v>
      </c>
      <c r="JE13" s="72">
        <v>247</v>
      </c>
      <c r="JF13" s="73">
        <v>386</v>
      </c>
      <c r="JG13" s="70">
        <v>58</v>
      </c>
      <c r="JH13" s="71">
        <v>42</v>
      </c>
      <c r="JI13" s="72">
        <v>100</v>
      </c>
      <c r="JJ13" s="244"/>
      <c r="JK13" s="71">
        <v>99</v>
      </c>
      <c r="JL13" s="71">
        <v>55</v>
      </c>
      <c r="JM13" s="71">
        <v>53</v>
      </c>
      <c r="JN13" s="71">
        <v>53</v>
      </c>
      <c r="JO13" s="71">
        <v>35</v>
      </c>
      <c r="JP13" s="72">
        <v>295</v>
      </c>
      <c r="JQ13" s="73">
        <v>395</v>
      </c>
      <c r="JR13" s="70">
        <v>0</v>
      </c>
      <c r="JS13" s="71">
        <v>0</v>
      </c>
      <c r="JT13" s="72">
        <v>0</v>
      </c>
      <c r="JU13" s="244"/>
      <c r="JV13" s="71">
        <v>0</v>
      </c>
      <c r="JW13" s="71">
        <v>0</v>
      </c>
      <c r="JX13" s="71">
        <v>0</v>
      </c>
      <c r="JY13" s="71">
        <v>0</v>
      </c>
      <c r="JZ13" s="71">
        <v>0</v>
      </c>
      <c r="KA13" s="72">
        <v>0</v>
      </c>
      <c r="KB13" s="73">
        <v>0</v>
      </c>
      <c r="KC13" s="70">
        <v>257</v>
      </c>
      <c r="KD13" s="71">
        <v>149</v>
      </c>
      <c r="KE13" s="72">
        <v>406</v>
      </c>
      <c r="KF13" s="244"/>
      <c r="KG13" s="71">
        <v>285</v>
      </c>
      <c r="KH13" s="71">
        <v>178</v>
      </c>
      <c r="KI13" s="71">
        <v>130</v>
      </c>
      <c r="KJ13" s="71">
        <v>131</v>
      </c>
      <c r="KK13" s="71">
        <v>84</v>
      </c>
      <c r="KL13" s="72">
        <v>808</v>
      </c>
      <c r="KM13" s="73">
        <v>1214</v>
      </c>
    </row>
    <row r="14" spans="2:299" ht="21" customHeight="1" x14ac:dyDescent="0.2">
      <c r="B14" s="126" t="s">
        <v>10</v>
      </c>
      <c r="C14" s="315">
        <v>280</v>
      </c>
      <c r="D14" s="82">
        <v>181</v>
      </c>
      <c r="E14" s="83">
        <v>461</v>
      </c>
      <c r="F14" s="241"/>
      <c r="G14" s="82">
        <v>248</v>
      </c>
      <c r="H14" s="82">
        <v>163</v>
      </c>
      <c r="I14" s="82">
        <v>94</v>
      </c>
      <c r="J14" s="82">
        <v>75</v>
      </c>
      <c r="K14" s="82">
        <v>87</v>
      </c>
      <c r="L14" s="84">
        <v>667</v>
      </c>
      <c r="M14" s="85">
        <v>1128</v>
      </c>
      <c r="N14" s="70">
        <v>4</v>
      </c>
      <c r="O14" s="71">
        <v>6</v>
      </c>
      <c r="P14" s="72">
        <v>10</v>
      </c>
      <c r="Q14" s="244"/>
      <c r="R14" s="71">
        <v>7</v>
      </c>
      <c r="S14" s="71">
        <v>8</v>
      </c>
      <c r="T14" s="71">
        <v>3</v>
      </c>
      <c r="U14" s="71">
        <v>1</v>
      </c>
      <c r="V14" s="71">
        <v>3</v>
      </c>
      <c r="W14" s="72">
        <v>22</v>
      </c>
      <c r="X14" s="73">
        <v>32</v>
      </c>
      <c r="Y14" s="70">
        <v>23</v>
      </c>
      <c r="Z14" s="71">
        <v>16</v>
      </c>
      <c r="AA14" s="72">
        <v>39</v>
      </c>
      <c r="AB14" s="244"/>
      <c r="AC14" s="71">
        <v>21</v>
      </c>
      <c r="AD14" s="71">
        <v>12</v>
      </c>
      <c r="AE14" s="71">
        <v>7</v>
      </c>
      <c r="AF14" s="71">
        <v>5</v>
      </c>
      <c r="AG14" s="71">
        <v>15</v>
      </c>
      <c r="AH14" s="72">
        <v>60</v>
      </c>
      <c r="AI14" s="73">
        <v>99</v>
      </c>
      <c r="AJ14" s="70">
        <v>27</v>
      </c>
      <c r="AK14" s="71">
        <v>28</v>
      </c>
      <c r="AL14" s="72">
        <v>55</v>
      </c>
      <c r="AM14" s="244"/>
      <c r="AN14" s="71">
        <v>30</v>
      </c>
      <c r="AO14" s="71">
        <v>22</v>
      </c>
      <c r="AP14" s="71">
        <v>10</v>
      </c>
      <c r="AQ14" s="71">
        <v>7</v>
      </c>
      <c r="AR14" s="71">
        <v>13</v>
      </c>
      <c r="AS14" s="72">
        <v>82</v>
      </c>
      <c r="AT14" s="73">
        <v>137</v>
      </c>
      <c r="AU14" s="70">
        <v>63</v>
      </c>
      <c r="AV14" s="71">
        <v>37</v>
      </c>
      <c r="AW14" s="72">
        <v>100</v>
      </c>
      <c r="AX14" s="244"/>
      <c r="AY14" s="71">
        <v>56</v>
      </c>
      <c r="AZ14" s="71">
        <v>30</v>
      </c>
      <c r="BA14" s="71">
        <v>14</v>
      </c>
      <c r="BB14" s="71">
        <v>15</v>
      </c>
      <c r="BC14" s="71">
        <v>17</v>
      </c>
      <c r="BD14" s="72">
        <v>132</v>
      </c>
      <c r="BE14" s="73">
        <v>232</v>
      </c>
      <c r="BF14" s="70">
        <v>86</v>
      </c>
      <c r="BG14" s="71">
        <v>53</v>
      </c>
      <c r="BH14" s="72">
        <v>139</v>
      </c>
      <c r="BI14" s="244"/>
      <c r="BJ14" s="71">
        <v>71</v>
      </c>
      <c r="BK14" s="71">
        <v>37</v>
      </c>
      <c r="BL14" s="71">
        <v>30</v>
      </c>
      <c r="BM14" s="71">
        <v>16</v>
      </c>
      <c r="BN14" s="71">
        <v>13</v>
      </c>
      <c r="BO14" s="72">
        <v>167</v>
      </c>
      <c r="BP14" s="73">
        <v>306</v>
      </c>
      <c r="BQ14" s="70">
        <v>77</v>
      </c>
      <c r="BR14" s="71">
        <v>41</v>
      </c>
      <c r="BS14" s="72">
        <v>118</v>
      </c>
      <c r="BT14" s="244"/>
      <c r="BU14" s="71">
        <v>63</v>
      </c>
      <c r="BV14" s="71">
        <v>54</v>
      </c>
      <c r="BW14" s="71">
        <v>30</v>
      </c>
      <c r="BX14" s="71">
        <v>31</v>
      </c>
      <c r="BY14" s="71">
        <v>26</v>
      </c>
      <c r="BZ14" s="72">
        <v>204</v>
      </c>
      <c r="CA14" s="73">
        <v>322</v>
      </c>
      <c r="CB14" s="70">
        <v>0</v>
      </c>
      <c r="CC14" s="71">
        <v>0</v>
      </c>
      <c r="CD14" s="72">
        <v>0</v>
      </c>
      <c r="CE14" s="244"/>
      <c r="CF14" s="71">
        <v>0</v>
      </c>
      <c r="CG14" s="71">
        <v>0</v>
      </c>
      <c r="CH14" s="71">
        <v>0</v>
      </c>
      <c r="CI14" s="71">
        <v>0</v>
      </c>
      <c r="CJ14" s="71">
        <v>0</v>
      </c>
      <c r="CK14" s="72">
        <v>0</v>
      </c>
      <c r="CL14" s="73">
        <v>0</v>
      </c>
      <c r="CM14" s="70">
        <v>280</v>
      </c>
      <c r="CN14" s="71">
        <v>181</v>
      </c>
      <c r="CO14" s="72">
        <v>461</v>
      </c>
      <c r="CP14" s="244"/>
      <c r="CQ14" s="71">
        <v>248</v>
      </c>
      <c r="CR14" s="71">
        <v>163</v>
      </c>
      <c r="CS14" s="71">
        <v>94</v>
      </c>
      <c r="CT14" s="71">
        <v>75</v>
      </c>
      <c r="CU14" s="71">
        <v>87</v>
      </c>
      <c r="CV14" s="72">
        <v>667</v>
      </c>
      <c r="CW14" s="73">
        <v>1128</v>
      </c>
      <c r="CX14" s="123">
        <v>103</v>
      </c>
      <c r="CY14" s="82">
        <v>78</v>
      </c>
      <c r="CZ14" s="83">
        <v>181</v>
      </c>
      <c r="DA14" s="241"/>
      <c r="DB14" s="82">
        <v>117</v>
      </c>
      <c r="DC14" s="82">
        <v>54</v>
      </c>
      <c r="DD14" s="82">
        <v>47</v>
      </c>
      <c r="DE14" s="82">
        <v>41</v>
      </c>
      <c r="DF14" s="82">
        <v>34</v>
      </c>
      <c r="DG14" s="84">
        <v>293</v>
      </c>
      <c r="DH14" s="85">
        <v>474</v>
      </c>
      <c r="DI14" s="70">
        <v>6</v>
      </c>
      <c r="DJ14" s="71">
        <v>4</v>
      </c>
      <c r="DK14" s="72">
        <v>10</v>
      </c>
      <c r="DL14" s="244"/>
      <c r="DM14" s="71">
        <v>1</v>
      </c>
      <c r="DN14" s="71">
        <v>0</v>
      </c>
      <c r="DO14" s="71">
        <v>2</v>
      </c>
      <c r="DP14" s="71">
        <v>0</v>
      </c>
      <c r="DQ14" s="71">
        <v>1</v>
      </c>
      <c r="DR14" s="72">
        <v>4</v>
      </c>
      <c r="DS14" s="73">
        <v>14</v>
      </c>
      <c r="DT14" s="70">
        <v>9</v>
      </c>
      <c r="DU14" s="71">
        <v>4</v>
      </c>
      <c r="DV14" s="72">
        <v>13</v>
      </c>
      <c r="DW14" s="244"/>
      <c r="DX14" s="71">
        <v>5</v>
      </c>
      <c r="DY14" s="71">
        <v>1</v>
      </c>
      <c r="DZ14" s="71">
        <v>1</v>
      </c>
      <c r="EA14" s="71">
        <v>0</v>
      </c>
      <c r="EB14" s="71">
        <v>3</v>
      </c>
      <c r="EC14" s="72">
        <v>10</v>
      </c>
      <c r="ED14" s="73">
        <v>23</v>
      </c>
      <c r="EE14" s="70">
        <v>12</v>
      </c>
      <c r="EF14" s="71">
        <v>11</v>
      </c>
      <c r="EG14" s="72">
        <v>23</v>
      </c>
      <c r="EH14" s="244"/>
      <c r="EI14" s="71">
        <v>10</v>
      </c>
      <c r="EJ14" s="71">
        <v>6</v>
      </c>
      <c r="EK14" s="71">
        <v>6</v>
      </c>
      <c r="EL14" s="71">
        <v>0</v>
      </c>
      <c r="EM14" s="71">
        <v>0</v>
      </c>
      <c r="EN14" s="72">
        <v>22</v>
      </c>
      <c r="EO14" s="73">
        <v>45</v>
      </c>
      <c r="EP14" s="70">
        <v>26</v>
      </c>
      <c r="EQ14" s="71">
        <v>21</v>
      </c>
      <c r="ER14" s="72">
        <v>47</v>
      </c>
      <c r="ES14" s="244"/>
      <c r="ET14" s="71">
        <v>22</v>
      </c>
      <c r="EU14" s="71">
        <v>6</v>
      </c>
      <c r="EV14" s="71">
        <v>5</v>
      </c>
      <c r="EW14" s="71">
        <v>2</v>
      </c>
      <c r="EX14" s="71">
        <v>5</v>
      </c>
      <c r="EY14" s="72">
        <v>40</v>
      </c>
      <c r="EZ14" s="73">
        <v>87</v>
      </c>
      <c r="FA14" s="70">
        <v>29</v>
      </c>
      <c r="FB14" s="71">
        <v>20</v>
      </c>
      <c r="FC14" s="72">
        <v>49</v>
      </c>
      <c r="FD14" s="244"/>
      <c r="FE14" s="71">
        <v>30</v>
      </c>
      <c r="FF14" s="71">
        <v>15</v>
      </c>
      <c r="FG14" s="71">
        <v>10</v>
      </c>
      <c r="FH14" s="71">
        <v>9</v>
      </c>
      <c r="FI14" s="71">
        <v>5</v>
      </c>
      <c r="FJ14" s="72">
        <v>69</v>
      </c>
      <c r="FK14" s="73">
        <v>118</v>
      </c>
      <c r="FL14" s="70">
        <v>21</v>
      </c>
      <c r="FM14" s="71">
        <v>18</v>
      </c>
      <c r="FN14" s="72">
        <v>39</v>
      </c>
      <c r="FO14" s="244"/>
      <c r="FP14" s="71">
        <v>49</v>
      </c>
      <c r="FQ14" s="71">
        <v>26</v>
      </c>
      <c r="FR14" s="71">
        <v>23</v>
      </c>
      <c r="FS14" s="71">
        <v>30</v>
      </c>
      <c r="FT14" s="71">
        <v>20</v>
      </c>
      <c r="FU14" s="72">
        <v>148</v>
      </c>
      <c r="FV14" s="73">
        <v>187</v>
      </c>
      <c r="FW14" s="70">
        <v>0</v>
      </c>
      <c r="FX14" s="71">
        <v>0</v>
      </c>
      <c r="FY14" s="72">
        <v>0</v>
      </c>
      <c r="FZ14" s="244"/>
      <c r="GA14" s="71">
        <v>0</v>
      </c>
      <c r="GB14" s="71">
        <v>0</v>
      </c>
      <c r="GC14" s="71">
        <v>0</v>
      </c>
      <c r="GD14" s="71">
        <v>0</v>
      </c>
      <c r="GE14" s="71">
        <v>0</v>
      </c>
      <c r="GF14" s="72">
        <v>0</v>
      </c>
      <c r="GG14" s="73">
        <v>0</v>
      </c>
      <c r="GH14" s="70">
        <v>103</v>
      </c>
      <c r="GI14" s="71">
        <v>78</v>
      </c>
      <c r="GJ14" s="72">
        <v>181</v>
      </c>
      <c r="GK14" s="244"/>
      <c r="GL14" s="71">
        <v>117</v>
      </c>
      <c r="GM14" s="71">
        <v>54</v>
      </c>
      <c r="GN14" s="71">
        <v>47</v>
      </c>
      <c r="GO14" s="71">
        <v>41</v>
      </c>
      <c r="GP14" s="71">
        <v>34</v>
      </c>
      <c r="GQ14" s="72">
        <v>293</v>
      </c>
      <c r="GR14" s="73">
        <v>474</v>
      </c>
      <c r="GS14" s="123">
        <v>383</v>
      </c>
      <c r="GT14" s="82">
        <v>259</v>
      </c>
      <c r="GU14" s="83">
        <v>642</v>
      </c>
      <c r="GV14" s="241"/>
      <c r="GW14" s="82">
        <v>365</v>
      </c>
      <c r="GX14" s="82">
        <v>217</v>
      </c>
      <c r="GY14" s="82">
        <v>141</v>
      </c>
      <c r="GZ14" s="82">
        <v>116</v>
      </c>
      <c r="HA14" s="82">
        <v>121</v>
      </c>
      <c r="HB14" s="84">
        <v>960</v>
      </c>
      <c r="HC14" s="85">
        <v>1602</v>
      </c>
      <c r="HD14" s="70">
        <v>10</v>
      </c>
      <c r="HE14" s="71">
        <v>10</v>
      </c>
      <c r="HF14" s="72">
        <v>20</v>
      </c>
      <c r="HG14" s="244"/>
      <c r="HH14" s="71">
        <v>8</v>
      </c>
      <c r="HI14" s="71">
        <v>8</v>
      </c>
      <c r="HJ14" s="71">
        <v>5</v>
      </c>
      <c r="HK14" s="71">
        <v>1</v>
      </c>
      <c r="HL14" s="71">
        <v>4</v>
      </c>
      <c r="HM14" s="72">
        <v>26</v>
      </c>
      <c r="HN14" s="73">
        <v>46</v>
      </c>
      <c r="HO14" s="70">
        <v>32</v>
      </c>
      <c r="HP14" s="71">
        <v>20</v>
      </c>
      <c r="HQ14" s="72">
        <v>52</v>
      </c>
      <c r="HR14" s="244"/>
      <c r="HS14" s="71">
        <v>26</v>
      </c>
      <c r="HT14" s="71">
        <v>13</v>
      </c>
      <c r="HU14" s="71">
        <v>8</v>
      </c>
      <c r="HV14" s="71">
        <v>5</v>
      </c>
      <c r="HW14" s="71">
        <v>18</v>
      </c>
      <c r="HX14" s="72">
        <v>70</v>
      </c>
      <c r="HY14" s="73">
        <v>122</v>
      </c>
      <c r="HZ14" s="70">
        <v>39</v>
      </c>
      <c r="IA14" s="71">
        <v>39</v>
      </c>
      <c r="IB14" s="72">
        <v>78</v>
      </c>
      <c r="IC14" s="244"/>
      <c r="ID14" s="71">
        <v>40</v>
      </c>
      <c r="IE14" s="71">
        <v>28</v>
      </c>
      <c r="IF14" s="71">
        <v>16</v>
      </c>
      <c r="IG14" s="71">
        <v>7</v>
      </c>
      <c r="IH14" s="71">
        <v>13</v>
      </c>
      <c r="II14" s="72">
        <v>104</v>
      </c>
      <c r="IJ14" s="73">
        <v>182</v>
      </c>
      <c r="IK14" s="70">
        <v>89</v>
      </c>
      <c r="IL14" s="71">
        <v>58</v>
      </c>
      <c r="IM14" s="72">
        <v>147</v>
      </c>
      <c r="IN14" s="244"/>
      <c r="IO14" s="71">
        <v>78</v>
      </c>
      <c r="IP14" s="71">
        <v>36</v>
      </c>
      <c r="IQ14" s="71">
        <v>19</v>
      </c>
      <c r="IR14" s="71">
        <v>17</v>
      </c>
      <c r="IS14" s="71">
        <v>22</v>
      </c>
      <c r="IT14" s="72">
        <v>172</v>
      </c>
      <c r="IU14" s="73">
        <v>319</v>
      </c>
      <c r="IV14" s="70">
        <v>115</v>
      </c>
      <c r="IW14" s="71">
        <v>73</v>
      </c>
      <c r="IX14" s="72">
        <v>188</v>
      </c>
      <c r="IY14" s="244"/>
      <c r="IZ14" s="71">
        <v>101</v>
      </c>
      <c r="JA14" s="71">
        <v>52</v>
      </c>
      <c r="JB14" s="71">
        <v>40</v>
      </c>
      <c r="JC14" s="71">
        <v>25</v>
      </c>
      <c r="JD14" s="71">
        <v>18</v>
      </c>
      <c r="JE14" s="72">
        <v>236</v>
      </c>
      <c r="JF14" s="73">
        <v>424</v>
      </c>
      <c r="JG14" s="70">
        <v>98</v>
      </c>
      <c r="JH14" s="71">
        <v>59</v>
      </c>
      <c r="JI14" s="72">
        <v>157</v>
      </c>
      <c r="JJ14" s="244"/>
      <c r="JK14" s="71">
        <v>112</v>
      </c>
      <c r="JL14" s="71">
        <v>80</v>
      </c>
      <c r="JM14" s="71">
        <v>53</v>
      </c>
      <c r="JN14" s="71">
        <v>61</v>
      </c>
      <c r="JO14" s="71">
        <v>46</v>
      </c>
      <c r="JP14" s="72">
        <v>352</v>
      </c>
      <c r="JQ14" s="73">
        <v>509</v>
      </c>
      <c r="JR14" s="70">
        <v>0</v>
      </c>
      <c r="JS14" s="71">
        <v>0</v>
      </c>
      <c r="JT14" s="72">
        <v>0</v>
      </c>
      <c r="JU14" s="244"/>
      <c r="JV14" s="71">
        <v>0</v>
      </c>
      <c r="JW14" s="71">
        <v>0</v>
      </c>
      <c r="JX14" s="71">
        <v>0</v>
      </c>
      <c r="JY14" s="71">
        <v>0</v>
      </c>
      <c r="JZ14" s="71">
        <v>0</v>
      </c>
      <c r="KA14" s="72">
        <v>0</v>
      </c>
      <c r="KB14" s="73">
        <v>0</v>
      </c>
      <c r="KC14" s="70">
        <v>383</v>
      </c>
      <c r="KD14" s="71">
        <v>259</v>
      </c>
      <c r="KE14" s="72">
        <v>642</v>
      </c>
      <c r="KF14" s="244"/>
      <c r="KG14" s="71">
        <v>365</v>
      </c>
      <c r="KH14" s="71">
        <v>217</v>
      </c>
      <c r="KI14" s="71">
        <v>141</v>
      </c>
      <c r="KJ14" s="71">
        <v>116</v>
      </c>
      <c r="KK14" s="71">
        <v>121</v>
      </c>
      <c r="KL14" s="72">
        <v>960</v>
      </c>
      <c r="KM14" s="73">
        <v>1602</v>
      </c>
    </row>
    <row r="15" spans="2:299" ht="21" customHeight="1" x14ac:dyDescent="0.2">
      <c r="B15" s="126" t="s">
        <v>11</v>
      </c>
      <c r="C15" s="315">
        <v>40</v>
      </c>
      <c r="D15" s="82">
        <v>38</v>
      </c>
      <c r="E15" s="83">
        <v>78</v>
      </c>
      <c r="F15" s="241"/>
      <c r="G15" s="82">
        <v>101</v>
      </c>
      <c r="H15" s="82">
        <v>42</v>
      </c>
      <c r="I15" s="82">
        <v>36</v>
      </c>
      <c r="J15" s="82">
        <v>35</v>
      </c>
      <c r="K15" s="82">
        <v>15</v>
      </c>
      <c r="L15" s="84">
        <v>229</v>
      </c>
      <c r="M15" s="85">
        <v>307</v>
      </c>
      <c r="N15" s="70">
        <v>1</v>
      </c>
      <c r="O15" s="71">
        <v>3</v>
      </c>
      <c r="P15" s="72">
        <v>4</v>
      </c>
      <c r="Q15" s="244"/>
      <c r="R15" s="71">
        <v>4</v>
      </c>
      <c r="S15" s="71">
        <v>0</v>
      </c>
      <c r="T15" s="71">
        <v>2</v>
      </c>
      <c r="U15" s="71">
        <v>1</v>
      </c>
      <c r="V15" s="71">
        <v>0</v>
      </c>
      <c r="W15" s="72">
        <v>7</v>
      </c>
      <c r="X15" s="73">
        <v>11</v>
      </c>
      <c r="Y15" s="70">
        <v>2</v>
      </c>
      <c r="Z15" s="71">
        <v>1</v>
      </c>
      <c r="AA15" s="72">
        <v>3</v>
      </c>
      <c r="AB15" s="244"/>
      <c r="AC15" s="71">
        <v>8</v>
      </c>
      <c r="AD15" s="71">
        <v>3</v>
      </c>
      <c r="AE15" s="71">
        <v>3</v>
      </c>
      <c r="AF15" s="71">
        <v>2</v>
      </c>
      <c r="AG15" s="71">
        <v>1</v>
      </c>
      <c r="AH15" s="72">
        <v>17</v>
      </c>
      <c r="AI15" s="73">
        <v>20</v>
      </c>
      <c r="AJ15" s="70">
        <v>5</v>
      </c>
      <c r="AK15" s="71">
        <v>5</v>
      </c>
      <c r="AL15" s="72">
        <v>10</v>
      </c>
      <c r="AM15" s="244"/>
      <c r="AN15" s="71">
        <v>21</v>
      </c>
      <c r="AO15" s="71">
        <v>8</v>
      </c>
      <c r="AP15" s="71">
        <v>5</v>
      </c>
      <c r="AQ15" s="71">
        <v>6</v>
      </c>
      <c r="AR15" s="71">
        <v>2</v>
      </c>
      <c r="AS15" s="72">
        <v>42</v>
      </c>
      <c r="AT15" s="73">
        <v>52</v>
      </c>
      <c r="AU15" s="70">
        <v>7</v>
      </c>
      <c r="AV15" s="71">
        <v>6</v>
      </c>
      <c r="AW15" s="72">
        <v>13</v>
      </c>
      <c r="AX15" s="244"/>
      <c r="AY15" s="71">
        <v>20</v>
      </c>
      <c r="AZ15" s="71">
        <v>13</v>
      </c>
      <c r="BA15" s="71">
        <v>11</v>
      </c>
      <c r="BB15" s="71">
        <v>10</v>
      </c>
      <c r="BC15" s="71">
        <v>3</v>
      </c>
      <c r="BD15" s="72">
        <v>57</v>
      </c>
      <c r="BE15" s="73">
        <v>70</v>
      </c>
      <c r="BF15" s="70">
        <v>17</v>
      </c>
      <c r="BG15" s="71">
        <v>15</v>
      </c>
      <c r="BH15" s="72">
        <v>32</v>
      </c>
      <c r="BI15" s="244"/>
      <c r="BJ15" s="71">
        <v>27</v>
      </c>
      <c r="BK15" s="71">
        <v>8</v>
      </c>
      <c r="BL15" s="71">
        <v>3</v>
      </c>
      <c r="BM15" s="71">
        <v>9</v>
      </c>
      <c r="BN15" s="71">
        <v>5</v>
      </c>
      <c r="BO15" s="72">
        <v>52</v>
      </c>
      <c r="BP15" s="73">
        <v>84</v>
      </c>
      <c r="BQ15" s="70">
        <v>8</v>
      </c>
      <c r="BR15" s="71">
        <v>8</v>
      </c>
      <c r="BS15" s="72">
        <v>16</v>
      </c>
      <c r="BT15" s="244"/>
      <c r="BU15" s="71">
        <v>21</v>
      </c>
      <c r="BV15" s="71">
        <v>10</v>
      </c>
      <c r="BW15" s="71">
        <v>12</v>
      </c>
      <c r="BX15" s="71">
        <v>7</v>
      </c>
      <c r="BY15" s="71">
        <v>4</v>
      </c>
      <c r="BZ15" s="72">
        <v>54</v>
      </c>
      <c r="CA15" s="73">
        <v>70</v>
      </c>
      <c r="CB15" s="70">
        <v>0</v>
      </c>
      <c r="CC15" s="71">
        <v>0</v>
      </c>
      <c r="CD15" s="72">
        <v>0</v>
      </c>
      <c r="CE15" s="244"/>
      <c r="CF15" s="71">
        <v>0</v>
      </c>
      <c r="CG15" s="71">
        <v>0</v>
      </c>
      <c r="CH15" s="71">
        <v>0</v>
      </c>
      <c r="CI15" s="71">
        <v>0</v>
      </c>
      <c r="CJ15" s="71">
        <v>0</v>
      </c>
      <c r="CK15" s="72">
        <v>0</v>
      </c>
      <c r="CL15" s="73">
        <v>0</v>
      </c>
      <c r="CM15" s="70">
        <v>40</v>
      </c>
      <c r="CN15" s="71">
        <v>38</v>
      </c>
      <c r="CO15" s="72">
        <v>78</v>
      </c>
      <c r="CP15" s="244"/>
      <c r="CQ15" s="71">
        <v>101</v>
      </c>
      <c r="CR15" s="71">
        <v>42</v>
      </c>
      <c r="CS15" s="71">
        <v>36</v>
      </c>
      <c r="CT15" s="71">
        <v>35</v>
      </c>
      <c r="CU15" s="71">
        <v>15</v>
      </c>
      <c r="CV15" s="72">
        <v>229</v>
      </c>
      <c r="CW15" s="73">
        <v>307</v>
      </c>
      <c r="CX15" s="123">
        <v>22</v>
      </c>
      <c r="CY15" s="82">
        <v>17</v>
      </c>
      <c r="CZ15" s="83">
        <v>39</v>
      </c>
      <c r="DA15" s="241"/>
      <c r="DB15" s="82">
        <v>44</v>
      </c>
      <c r="DC15" s="82">
        <v>26</v>
      </c>
      <c r="DD15" s="82">
        <v>26</v>
      </c>
      <c r="DE15" s="82">
        <v>30</v>
      </c>
      <c r="DF15" s="82">
        <v>14</v>
      </c>
      <c r="DG15" s="84">
        <v>140</v>
      </c>
      <c r="DH15" s="85">
        <v>179</v>
      </c>
      <c r="DI15" s="70">
        <v>0</v>
      </c>
      <c r="DJ15" s="71">
        <v>1</v>
      </c>
      <c r="DK15" s="72">
        <v>1</v>
      </c>
      <c r="DL15" s="244"/>
      <c r="DM15" s="71">
        <v>1</v>
      </c>
      <c r="DN15" s="71">
        <v>0</v>
      </c>
      <c r="DO15" s="71">
        <v>0</v>
      </c>
      <c r="DP15" s="71">
        <v>0</v>
      </c>
      <c r="DQ15" s="71">
        <v>0</v>
      </c>
      <c r="DR15" s="72">
        <v>1</v>
      </c>
      <c r="DS15" s="73">
        <v>2</v>
      </c>
      <c r="DT15" s="70">
        <v>0</v>
      </c>
      <c r="DU15" s="71">
        <v>1</v>
      </c>
      <c r="DV15" s="72">
        <v>1</v>
      </c>
      <c r="DW15" s="244"/>
      <c r="DX15" s="71">
        <v>4</v>
      </c>
      <c r="DY15" s="71">
        <v>2</v>
      </c>
      <c r="DZ15" s="71">
        <v>0</v>
      </c>
      <c r="EA15" s="71">
        <v>1</v>
      </c>
      <c r="EB15" s="71">
        <v>1</v>
      </c>
      <c r="EC15" s="72">
        <v>8</v>
      </c>
      <c r="ED15" s="73">
        <v>9</v>
      </c>
      <c r="EE15" s="70">
        <v>5</v>
      </c>
      <c r="EF15" s="71">
        <v>3</v>
      </c>
      <c r="EG15" s="72">
        <v>8</v>
      </c>
      <c r="EH15" s="244"/>
      <c r="EI15" s="71">
        <v>5</v>
      </c>
      <c r="EJ15" s="71">
        <v>2</v>
      </c>
      <c r="EK15" s="71">
        <v>3</v>
      </c>
      <c r="EL15" s="71">
        <v>3</v>
      </c>
      <c r="EM15" s="71">
        <v>0</v>
      </c>
      <c r="EN15" s="72">
        <v>13</v>
      </c>
      <c r="EO15" s="73">
        <v>21</v>
      </c>
      <c r="EP15" s="70">
        <v>1</v>
      </c>
      <c r="EQ15" s="71">
        <v>2</v>
      </c>
      <c r="ER15" s="72">
        <v>3</v>
      </c>
      <c r="ES15" s="244"/>
      <c r="ET15" s="71">
        <v>6</v>
      </c>
      <c r="EU15" s="71">
        <v>6</v>
      </c>
      <c r="EV15" s="71">
        <v>1</v>
      </c>
      <c r="EW15" s="71">
        <v>3</v>
      </c>
      <c r="EX15" s="71">
        <v>2</v>
      </c>
      <c r="EY15" s="72">
        <v>18</v>
      </c>
      <c r="EZ15" s="73">
        <v>21</v>
      </c>
      <c r="FA15" s="70">
        <v>11</v>
      </c>
      <c r="FB15" s="71">
        <v>3</v>
      </c>
      <c r="FC15" s="72">
        <v>14</v>
      </c>
      <c r="FD15" s="244"/>
      <c r="FE15" s="71">
        <v>16</v>
      </c>
      <c r="FF15" s="71">
        <v>11</v>
      </c>
      <c r="FG15" s="71">
        <v>8</v>
      </c>
      <c r="FH15" s="71">
        <v>11</v>
      </c>
      <c r="FI15" s="71">
        <v>4</v>
      </c>
      <c r="FJ15" s="72">
        <v>50</v>
      </c>
      <c r="FK15" s="73">
        <v>64</v>
      </c>
      <c r="FL15" s="70">
        <v>5</v>
      </c>
      <c r="FM15" s="71">
        <v>7</v>
      </c>
      <c r="FN15" s="72">
        <v>12</v>
      </c>
      <c r="FO15" s="244"/>
      <c r="FP15" s="71">
        <v>12</v>
      </c>
      <c r="FQ15" s="71">
        <v>5</v>
      </c>
      <c r="FR15" s="71">
        <v>14</v>
      </c>
      <c r="FS15" s="71">
        <v>12</v>
      </c>
      <c r="FT15" s="71">
        <v>7</v>
      </c>
      <c r="FU15" s="72">
        <v>50</v>
      </c>
      <c r="FV15" s="73">
        <v>62</v>
      </c>
      <c r="FW15" s="70">
        <v>0</v>
      </c>
      <c r="FX15" s="71">
        <v>0</v>
      </c>
      <c r="FY15" s="72">
        <v>0</v>
      </c>
      <c r="FZ15" s="244"/>
      <c r="GA15" s="71">
        <v>0</v>
      </c>
      <c r="GB15" s="71">
        <v>0</v>
      </c>
      <c r="GC15" s="71">
        <v>0</v>
      </c>
      <c r="GD15" s="71">
        <v>0</v>
      </c>
      <c r="GE15" s="71">
        <v>0</v>
      </c>
      <c r="GF15" s="72">
        <v>0</v>
      </c>
      <c r="GG15" s="73">
        <v>0</v>
      </c>
      <c r="GH15" s="70">
        <v>22</v>
      </c>
      <c r="GI15" s="71">
        <v>17</v>
      </c>
      <c r="GJ15" s="72">
        <v>39</v>
      </c>
      <c r="GK15" s="244"/>
      <c r="GL15" s="71">
        <v>44</v>
      </c>
      <c r="GM15" s="71">
        <v>26</v>
      </c>
      <c r="GN15" s="71">
        <v>26</v>
      </c>
      <c r="GO15" s="71">
        <v>30</v>
      </c>
      <c r="GP15" s="71">
        <v>14</v>
      </c>
      <c r="GQ15" s="72">
        <v>140</v>
      </c>
      <c r="GR15" s="73">
        <v>179</v>
      </c>
      <c r="GS15" s="123">
        <v>62</v>
      </c>
      <c r="GT15" s="82">
        <v>55</v>
      </c>
      <c r="GU15" s="83">
        <v>117</v>
      </c>
      <c r="GV15" s="241"/>
      <c r="GW15" s="82">
        <v>145</v>
      </c>
      <c r="GX15" s="82">
        <v>68</v>
      </c>
      <c r="GY15" s="82">
        <v>62</v>
      </c>
      <c r="GZ15" s="82">
        <v>65</v>
      </c>
      <c r="HA15" s="82">
        <v>29</v>
      </c>
      <c r="HB15" s="84">
        <v>369</v>
      </c>
      <c r="HC15" s="85">
        <v>486</v>
      </c>
      <c r="HD15" s="70">
        <v>1</v>
      </c>
      <c r="HE15" s="71">
        <v>4</v>
      </c>
      <c r="HF15" s="72">
        <v>5</v>
      </c>
      <c r="HG15" s="244"/>
      <c r="HH15" s="71">
        <v>5</v>
      </c>
      <c r="HI15" s="71">
        <v>0</v>
      </c>
      <c r="HJ15" s="71">
        <v>2</v>
      </c>
      <c r="HK15" s="71">
        <v>1</v>
      </c>
      <c r="HL15" s="71">
        <v>0</v>
      </c>
      <c r="HM15" s="72">
        <v>8</v>
      </c>
      <c r="HN15" s="73">
        <v>13</v>
      </c>
      <c r="HO15" s="70">
        <v>2</v>
      </c>
      <c r="HP15" s="71">
        <v>2</v>
      </c>
      <c r="HQ15" s="72">
        <v>4</v>
      </c>
      <c r="HR15" s="244"/>
      <c r="HS15" s="71">
        <v>12</v>
      </c>
      <c r="HT15" s="71">
        <v>5</v>
      </c>
      <c r="HU15" s="71">
        <v>3</v>
      </c>
      <c r="HV15" s="71">
        <v>3</v>
      </c>
      <c r="HW15" s="71">
        <v>2</v>
      </c>
      <c r="HX15" s="72">
        <v>25</v>
      </c>
      <c r="HY15" s="73">
        <v>29</v>
      </c>
      <c r="HZ15" s="70">
        <v>10</v>
      </c>
      <c r="IA15" s="71">
        <v>8</v>
      </c>
      <c r="IB15" s="72">
        <v>18</v>
      </c>
      <c r="IC15" s="244"/>
      <c r="ID15" s="71">
        <v>26</v>
      </c>
      <c r="IE15" s="71">
        <v>10</v>
      </c>
      <c r="IF15" s="71">
        <v>8</v>
      </c>
      <c r="IG15" s="71">
        <v>9</v>
      </c>
      <c r="IH15" s="71">
        <v>2</v>
      </c>
      <c r="II15" s="72">
        <v>55</v>
      </c>
      <c r="IJ15" s="73">
        <v>73</v>
      </c>
      <c r="IK15" s="70">
        <v>8</v>
      </c>
      <c r="IL15" s="71">
        <v>8</v>
      </c>
      <c r="IM15" s="72">
        <v>16</v>
      </c>
      <c r="IN15" s="244"/>
      <c r="IO15" s="71">
        <v>26</v>
      </c>
      <c r="IP15" s="71">
        <v>19</v>
      </c>
      <c r="IQ15" s="71">
        <v>12</v>
      </c>
      <c r="IR15" s="71">
        <v>13</v>
      </c>
      <c r="IS15" s="71">
        <v>5</v>
      </c>
      <c r="IT15" s="72">
        <v>75</v>
      </c>
      <c r="IU15" s="73">
        <v>91</v>
      </c>
      <c r="IV15" s="70">
        <v>28</v>
      </c>
      <c r="IW15" s="71">
        <v>18</v>
      </c>
      <c r="IX15" s="72">
        <v>46</v>
      </c>
      <c r="IY15" s="244"/>
      <c r="IZ15" s="71">
        <v>43</v>
      </c>
      <c r="JA15" s="71">
        <v>19</v>
      </c>
      <c r="JB15" s="71">
        <v>11</v>
      </c>
      <c r="JC15" s="71">
        <v>20</v>
      </c>
      <c r="JD15" s="71">
        <v>9</v>
      </c>
      <c r="JE15" s="72">
        <v>102</v>
      </c>
      <c r="JF15" s="73">
        <v>148</v>
      </c>
      <c r="JG15" s="70">
        <v>13</v>
      </c>
      <c r="JH15" s="71">
        <v>15</v>
      </c>
      <c r="JI15" s="72">
        <v>28</v>
      </c>
      <c r="JJ15" s="244"/>
      <c r="JK15" s="71">
        <v>33</v>
      </c>
      <c r="JL15" s="71">
        <v>15</v>
      </c>
      <c r="JM15" s="71">
        <v>26</v>
      </c>
      <c r="JN15" s="71">
        <v>19</v>
      </c>
      <c r="JO15" s="71">
        <v>11</v>
      </c>
      <c r="JP15" s="72">
        <v>104</v>
      </c>
      <c r="JQ15" s="73">
        <v>132</v>
      </c>
      <c r="JR15" s="70">
        <v>0</v>
      </c>
      <c r="JS15" s="71">
        <v>0</v>
      </c>
      <c r="JT15" s="72">
        <v>0</v>
      </c>
      <c r="JU15" s="244"/>
      <c r="JV15" s="71">
        <v>0</v>
      </c>
      <c r="JW15" s="71">
        <v>0</v>
      </c>
      <c r="JX15" s="71">
        <v>0</v>
      </c>
      <c r="JY15" s="71">
        <v>0</v>
      </c>
      <c r="JZ15" s="71">
        <v>0</v>
      </c>
      <c r="KA15" s="72">
        <v>0</v>
      </c>
      <c r="KB15" s="73">
        <v>0</v>
      </c>
      <c r="KC15" s="70">
        <v>62</v>
      </c>
      <c r="KD15" s="71">
        <v>55</v>
      </c>
      <c r="KE15" s="72">
        <v>117</v>
      </c>
      <c r="KF15" s="244"/>
      <c r="KG15" s="71">
        <v>145</v>
      </c>
      <c r="KH15" s="71">
        <v>68</v>
      </c>
      <c r="KI15" s="71">
        <v>62</v>
      </c>
      <c r="KJ15" s="71">
        <v>65</v>
      </c>
      <c r="KK15" s="71">
        <v>29</v>
      </c>
      <c r="KL15" s="72">
        <v>369</v>
      </c>
      <c r="KM15" s="73">
        <v>486</v>
      </c>
    </row>
    <row r="16" spans="2:299" ht="21" customHeight="1" x14ac:dyDescent="0.2">
      <c r="B16" s="126" t="s">
        <v>12</v>
      </c>
      <c r="C16" s="315">
        <v>130</v>
      </c>
      <c r="D16" s="82">
        <v>87</v>
      </c>
      <c r="E16" s="83">
        <v>217</v>
      </c>
      <c r="F16" s="241"/>
      <c r="G16" s="82">
        <v>113</v>
      </c>
      <c r="H16" s="82">
        <v>79</v>
      </c>
      <c r="I16" s="82">
        <v>48</v>
      </c>
      <c r="J16" s="82">
        <v>61</v>
      </c>
      <c r="K16" s="82">
        <v>36</v>
      </c>
      <c r="L16" s="84">
        <v>337</v>
      </c>
      <c r="M16" s="85">
        <v>554</v>
      </c>
      <c r="N16" s="86">
        <v>3</v>
      </c>
      <c r="O16" s="71">
        <v>3</v>
      </c>
      <c r="P16" s="72">
        <v>6</v>
      </c>
      <c r="Q16" s="244"/>
      <c r="R16" s="71">
        <v>2</v>
      </c>
      <c r="S16" s="71">
        <v>4</v>
      </c>
      <c r="T16" s="71">
        <v>2</v>
      </c>
      <c r="U16" s="71">
        <v>1</v>
      </c>
      <c r="V16" s="71">
        <v>1</v>
      </c>
      <c r="W16" s="72">
        <v>10</v>
      </c>
      <c r="X16" s="73">
        <v>16</v>
      </c>
      <c r="Y16" s="70">
        <v>9</v>
      </c>
      <c r="Z16" s="71">
        <v>9</v>
      </c>
      <c r="AA16" s="72">
        <v>18</v>
      </c>
      <c r="AB16" s="244"/>
      <c r="AC16" s="71">
        <v>6</v>
      </c>
      <c r="AD16" s="71">
        <v>5</v>
      </c>
      <c r="AE16" s="71">
        <v>1</v>
      </c>
      <c r="AF16" s="71">
        <v>4</v>
      </c>
      <c r="AG16" s="71">
        <v>3</v>
      </c>
      <c r="AH16" s="72">
        <v>19</v>
      </c>
      <c r="AI16" s="73">
        <v>37</v>
      </c>
      <c r="AJ16" s="86">
        <v>13</v>
      </c>
      <c r="AK16" s="71">
        <v>8</v>
      </c>
      <c r="AL16" s="72">
        <v>21</v>
      </c>
      <c r="AM16" s="244"/>
      <c r="AN16" s="71">
        <v>7</v>
      </c>
      <c r="AO16" s="71">
        <v>9</v>
      </c>
      <c r="AP16" s="71">
        <v>2</v>
      </c>
      <c r="AQ16" s="71">
        <v>7</v>
      </c>
      <c r="AR16" s="71">
        <v>5</v>
      </c>
      <c r="AS16" s="72">
        <v>30</v>
      </c>
      <c r="AT16" s="73">
        <v>51</v>
      </c>
      <c r="AU16" s="70">
        <v>32</v>
      </c>
      <c r="AV16" s="71">
        <v>27</v>
      </c>
      <c r="AW16" s="72">
        <v>59</v>
      </c>
      <c r="AX16" s="244"/>
      <c r="AY16" s="71">
        <v>27</v>
      </c>
      <c r="AZ16" s="71">
        <v>23</v>
      </c>
      <c r="BA16" s="71">
        <v>12</v>
      </c>
      <c r="BB16" s="71">
        <v>12</v>
      </c>
      <c r="BC16" s="71">
        <v>13</v>
      </c>
      <c r="BD16" s="72">
        <v>87</v>
      </c>
      <c r="BE16" s="73">
        <v>146</v>
      </c>
      <c r="BF16" s="86">
        <v>37</v>
      </c>
      <c r="BG16" s="71">
        <v>19</v>
      </c>
      <c r="BH16" s="72">
        <v>56</v>
      </c>
      <c r="BI16" s="244"/>
      <c r="BJ16" s="71">
        <v>35</v>
      </c>
      <c r="BK16" s="71">
        <v>23</v>
      </c>
      <c r="BL16" s="71">
        <v>17</v>
      </c>
      <c r="BM16" s="71">
        <v>23</v>
      </c>
      <c r="BN16" s="71">
        <v>7</v>
      </c>
      <c r="BO16" s="72">
        <v>105</v>
      </c>
      <c r="BP16" s="73">
        <v>161</v>
      </c>
      <c r="BQ16" s="70">
        <v>36</v>
      </c>
      <c r="BR16" s="71">
        <v>21</v>
      </c>
      <c r="BS16" s="72">
        <v>57</v>
      </c>
      <c r="BT16" s="244"/>
      <c r="BU16" s="71">
        <v>36</v>
      </c>
      <c r="BV16" s="71">
        <v>15</v>
      </c>
      <c r="BW16" s="71">
        <v>14</v>
      </c>
      <c r="BX16" s="71">
        <v>14</v>
      </c>
      <c r="BY16" s="71">
        <v>7</v>
      </c>
      <c r="BZ16" s="72">
        <v>86</v>
      </c>
      <c r="CA16" s="73">
        <v>143</v>
      </c>
      <c r="CB16" s="70">
        <v>0</v>
      </c>
      <c r="CC16" s="71">
        <v>0</v>
      </c>
      <c r="CD16" s="72">
        <v>0</v>
      </c>
      <c r="CE16" s="244"/>
      <c r="CF16" s="71">
        <v>0</v>
      </c>
      <c r="CG16" s="71">
        <v>0</v>
      </c>
      <c r="CH16" s="71">
        <v>0</v>
      </c>
      <c r="CI16" s="71">
        <v>0</v>
      </c>
      <c r="CJ16" s="71">
        <v>0</v>
      </c>
      <c r="CK16" s="72">
        <v>0</v>
      </c>
      <c r="CL16" s="73">
        <v>0</v>
      </c>
      <c r="CM16" s="70">
        <v>130</v>
      </c>
      <c r="CN16" s="71">
        <v>87</v>
      </c>
      <c r="CO16" s="72">
        <v>217</v>
      </c>
      <c r="CP16" s="244"/>
      <c r="CQ16" s="71">
        <v>113</v>
      </c>
      <c r="CR16" s="71">
        <v>79</v>
      </c>
      <c r="CS16" s="71">
        <v>48</v>
      </c>
      <c r="CT16" s="71">
        <v>61</v>
      </c>
      <c r="CU16" s="71">
        <v>36</v>
      </c>
      <c r="CV16" s="72">
        <v>337</v>
      </c>
      <c r="CW16" s="73">
        <v>554</v>
      </c>
      <c r="CX16" s="123">
        <v>38</v>
      </c>
      <c r="CY16" s="82">
        <v>31</v>
      </c>
      <c r="CZ16" s="83">
        <v>69</v>
      </c>
      <c r="DA16" s="241"/>
      <c r="DB16" s="82">
        <v>38</v>
      </c>
      <c r="DC16" s="82">
        <v>30</v>
      </c>
      <c r="DD16" s="82">
        <v>28</v>
      </c>
      <c r="DE16" s="82">
        <v>34</v>
      </c>
      <c r="DF16" s="82">
        <v>12</v>
      </c>
      <c r="DG16" s="84">
        <v>142</v>
      </c>
      <c r="DH16" s="85">
        <v>211</v>
      </c>
      <c r="DI16" s="86">
        <v>2</v>
      </c>
      <c r="DJ16" s="71">
        <v>0</v>
      </c>
      <c r="DK16" s="72">
        <v>2</v>
      </c>
      <c r="DL16" s="244"/>
      <c r="DM16" s="71">
        <v>1</v>
      </c>
      <c r="DN16" s="71">
        <v>0</v>
      </c>
      <c r="DO16" s="71">
        <v>1</v>
      </c>
      <c r="DP16" s="71">
        <v>0</v>
      </c>
      <c r="DQ16" s="71">
        <v>0</v>
      </c>
      <c r="DR16" s="72">
        <v>2</v>
      </c>
      <c r="DS16" s="73">
        <v>4</v>
      </c>
      <c r="DT16" s="70">
        <v>2</v>
      </c>
      <c r="DU16" s="71">
        <v>3</v>
      </c>
      <c r="DV16" s="72">
        <v>5</v>
      </c>
      <c r="DW16" s="244"/>
      <c r="DX16" s="71">
        <v>1</v>
      </c>
      <c r="DY16" s="71">
        <v>2</v>
      </c>
      <c r="DZ16" s="71">
        <v>0</v>
      </c>
      <c r="EA16" s="71">
        <v>1</v>
      </c>
      <c r="EB16" s="71">
        <v>0</v>
      </c>
      <c r="EC16" s="72">
        <v>4</v>
      </c>
      <c r="ED16" s="73">
        <v>9</v>
      </c>
      <c r="EE16" s="86">
        <v>6</v>
      </c>
      <c r="EF16" s="71">
        <v>4</v>
      </c>
      <c r="EG16" s="72">
        <v>10</v>
      </c>
      <c r="EH16" s="244"/>
      <c r="EI16" s="71">
        <v>5</v>
      </c>
      <c r="EJ16" s="71">
        <v>4</v>
      </c>
      <c r="EK16" s="71">
        <v>0</v>
      </c>
      <c r="EL16" s="71">
        <v>2</v>
      </c>
      <c r="EM16" s="71">
        <v>0</v>
      </c>
      <c r="EN16" s="72">
        <v>11</v>
      </c>
      <c r="EO16" s="73">
        <v>21</v>
      </c>
      <c r="EP16" s="70">
        <v>6</v>
      </c>
      <c r="EQ16" s="71">
        <v>9</v>
      </c>
      <c r="ER16" s="72">
        <v>15</v>
      </c>
      <c r="ES16" s="244"/>
      <c r="ET16" s="71">
        <v>8</v>
      </c>
      <c r="EU16" s="71">
        <v>5</v>
      </c>
      <c r="EV16" s="71">
        <v>4</v>
      </c>
      <c r="EW16" s="71">
        <v>6</v>
      </c>
      <c r="EX16" s="71">
        <v>2</v>
      </c>
      <c r="EY16" s="72">
        <v>25</v>
      </c>
      <c r="EZ16" s="73">
        <v>40</v>
      </c>
      <c r="FA16" s="86">
        <v>14</v>
      </c>
      <c r="FB16" s="71">
        <v>5</v>
      </c>
      <c r="FC16" s="72">
        <v>19</v>
      </c>
      <c r="FD16" s="244"/>
      <c r="FE16" s="71">
        <v>9</v>
      </c>
      <c r="FF16" s="71">
        <v>9</v>
      </c>
      <c r="FG16" s="71">
        <v>13</v>
      </c>
      <c r="FH16" s="71">
        <v>8</v>
      </c>
      <c r="FI16" s="71">
        <v>3</v>
      </c>
      <c r="FJ16" s="72">
        <v>42</v>
      </c>
      <c r="FK16" s="73">
        <v>61</v>
      </c>
      <c r="FL16" s="70">
        <v>8</v>
      </c>
      <c r="FM16" s="71">
        <v>10</v>
      </c>
      <c r="FN16" s="72">
        <v>18</v>
      </c>
      <c r="FO16" s="244"/>
      <c r="FP16" s="71">
        <v>14</v>
      </c>
      <c r="FQ16" s="71">
        <v>10</v>
      </c>
      <c r="FR16" s="71">
        <v>10</v>
      </c>
      <c r="FS16" s="71">
        <v>17</v>
      </c>
      <c r="FT16" s="71">
        <v>7</v>
      </c>
      <c r="FU16" s="72">
        <v>58</v>
      </c>
      <c r="FV16" s="73">
        <v>76</v>
      </c>
      <c r="FW16" s="70">
        <v>0</v>
      </c>
      <c r="FX16" s="71">
        <v>0</v>
      </c>
      <c r="FY16" s="72">
        <v>0</v>
      </c>
      <c r="FZ16" s="244"/>
      <c r="GA16" s="71">
        <v>0</v>
      </c>
      <c r="GB16" s="71">
        <v>0</v>
      </c>
      <c r="GC16" s="71">
        <v>0</v>
      </c>
      <c r="GD16" s="71">
        <v>0</v>
      </c>
      <c r="GE16" s="71">
        <v>0</v>
      </c>
      <c r="GF16" s="72">
        <v>0</v>
      </c>
      <c r="GG16" s="73">
        <v>0</v>
      </c>
      <c r="GH16" s="70">
        <v>38</v>
      </c>
      <c r="GI16" s="71">
        <v>31</v>
      </c>
      <c r="GJ16" s="72">
        <v>69</v>
      </c>
      <c r="GK16" s="244"/>
      <c r="GL16" s="71">
        <v>38</v>
      </c>
      <c r="GM16" s="71">
        <v>30</v>
      </c>
      <c r="GN16" s="71">
        <v>28</v>
      </c>
      <c r="GO16" s="71">
        <v>34</v>
      </c>
      <c r="GP16" s="71">
        <v>12</v>
      </c>
      <c r="GQ16" s="72">
        <v>142</v>
      </c>
      <c r="GR16" s="73">
        <v>211</v>
      </c>
      <c r="GS16" s="123">
        <v>168</v>
      </c>
      <c r="GT16" s="82">
        <v>118</v>
      </c>
      <c r="GU16" s="83">
        <v>286</v>
      </c>
      <c r="GV16" s="241"/>
      <c r="GW16" s="82">
        <v>151</v>
      </c>
      <c r="GX16" s="82">
        <v>109</v>
      </c>
      <c r="GY16" s="82">
        <v>76</v>
      </c>
      <c r="GZ16" s="82">
        <v>95</v>
      </c>
      <c r="HA16" s="82">
        <v>48</v>
      </c>
      <c r="HB16" s="84">
        <v>479</v>
      </c>
      <c r="HC16" s="85">
        <v>765</v>
      </c>
      <c r="HD16" s="86">
        <v>5</v>
      </c>
      <c r="HE16" s="71">
        <v>3</v>
      </c>
      <c r="HF16" s="72">
        <v>8</v>
      </c>
      <c r="HG16" s="244"/>
      <c r="HH16" s="71">
        <v>3</v>
      </c>
      <c r="HI16" s="71">
        <v>4</v>
      </c>
      <c r="HJ16" s="71">
        <v>3</v>
      </c>
      <c r="HK16" s="71">
        <v>1</v>
      </c>
      <c r="HL16" s="71">
        <v>1</v>
      </c>
      <c r="HM16" s="72">
        <v>12</v>
      </c>
      <c r="HN16" s="73">
        <v>20</v>
      </c>
      <c r="HO16" s="70">
        <v>11</v>
      </c>
      <c r="HP16" s="71">
        <v>12</v>
      </c>
      <c r="HQ16" s="72">
        <v>23</v>
      </c>
      <c r="HR16" s="244"/>
      <c r="HS16" s="71">
        <v>7</v>
      </c>
      <c r="HT16" s="71">
        <v>7</v>
      </c>
      <c r="HU16" s="71">
        <v>1</v>
      </c>
      <c r="HV16" s="71">
        <v>5</v>
      </c>
      <c r="HW16" s="71">
        <v>3</v>
      </c>
      <c r="HX16" s="72">
        <v>23</v>
      </c>
      <c r="HY16" s="73">
        <v>46</v>
      </c>
      <c r="HZ16" s="86">
        <v>19</v>
      </c>
      <c r="IA16" s="71">
        <v>12</v>
      </c>
      <c r="IB16" s="72">
        <v>31</v>
      </c>
      <c r="IC16" s="244"/>
      <c r="ID16" s="71">
        <v>12</v>
      </c>
      <c r="IE16" s="71">
        <v>13</v>
      </c>
      <c r="IF16" s="71">
        <v>2</v>
      </c>
      <c r="IG16" s="71">
        <v>9</v>
      </c>
      <c r="IH16" s="71">
        <v>5</v>
      </c>
      <c r="II16" s="72">
        <v>41</v>
      </c>
      <c r="IJ16" s="73">
        <v>72</v>
      </c>
      <c r="IK16" s="70">
        <v>38</v>
      </c>
      <c r="IL16" s="71">
        <v>36</v>
      </c>
      <c r="IM16" s="72">
        <v>74</v>
      </c>
      <c r="IN16" s="244"/>
      <c r="IO16" s="71">
        <v>35</v>
      </c>
      <c r="IP16" s="71">
        <v>28</v>
      </c>
      <c r="IQ16" s="71">
        <v>16</v>
      </c>
      <c r="IR16" s="71">
        <v>18</v>
      </c>
      <c r="IS16" s="71">
        <v>15</v>
      </c>
      <c r="IT16" s="72">
        <v>112</v>
      </c>
      <c r="IU16" s="73">
        <v>186</v>
      </c>
      <c r="IV16" s="86">
        <v>51</v>
      </c>
      <c r="IW16" s="71">
        <v>24</v>
      </c>
      <c r="IX16" s="72">
        <v>75</v>
      </c>
      <c r="IY16" s="244"/>
      <c r="IZ16" s="71">
        <v>44</v>
      </c>
      <c r="JA16" s="71">
        <v>32</v>
      </c>
      <c r="JB16" s="71">
        <v>30</v>
      </c>
      <c r="JC16" s="71">
        <v>31</v>
      </c>
      <c r="JD16" s="71">
        <v>10</v>
      </c>
      <c r="JE16" s="72">
        <v>147</v>
      </c>
      <c r="JF16" s="73">
        <v>222</v>
      </c>
      <c r="JG16" s="70">
        <v>44</v>
      </c>
      <c r="JH16" s="71">
        <v>31</v>
      </c>
      <c r="JI16" s="72">
        <v>75</v>
      </c>
      <c r="JJ16" s="244"/>
      <c r="JK16" s="71">
        <v>50</v>
      </c>
      <c r="JL16" s="71">
        <v>25</v>
      </c>
      <c r="JM16" s="71">
        <v>24</v>
      </c>
      <c r="JN16" s="71">
        <v>31</v>
      </c>
      <c r="JO16" s="71">
        <v>14</v>
      </c>
      <c r="JP16" s="72">
        <v>144</v>
      </c>
      <c r="JQ16" s="73">
        <v>219</v>
      </c>
      <c r="JR16" s="70">
        <v>0</v>
      </c>
      <c r="JS16" s="71">
        <v>0</v>
      </c>
      <c r="JT16" s="72">
        <v>0</v>
      </c>
      <c r="JU16" s="244"/>
      <c r="JV16" s="71">
        <v>0</v>
      </c>
      <c r="JW16" s="71">
        <v>0</v>
      </c>
      <c r="JX16" s="71">
        <v>0</v>
      </c>
      <c r="JY16" s="71">
        <v>0</v>
      </c>
      <c r="JZ16" s="71">
        <v>0</v>
      </c>
      <c r="KA16" s="72">
        <v>0</v>
      </c>
      <c r="KB16" s="73">
        <v>0</v>
      </c>
      <c r="KC16" s="70">
        <v>168</v>
      </c>
      <c r="KD16" s="71">
        <v>118</v>
      </c>
      <c r="KE16" s="72">
        <v>286</v>
      </c>
      <c r="KF16" s="244"/>
      <c r="KG16" s="71">
        <v>151</v>
      </c>
      <c r="KH16" s="71">
        <v>109</v>
      </c>
      <c r="KI16" s="71">
        <v>76</v>
      </c>
      <c r="KJ16" s="71">
        <v>95</v>
      </c>
      <c r="KK16" s="71">
        <v>48</v>
      </c>
      <c r="KL16" s="72">
        <v>479</v>
      </c>
      <c r="KM16" s="73">
        <v>765</v>
      </c>
    </row>
    <row r="17" spans="2:299" ht="21" customHeight="1" x14ac:dyDescent="0.2">
      <c r="B17" s="126" t="s">
        <v>13</v>
      </c>
      <c r="C17" s="315">
        <v>41</v>
      </c>
      <c r="D17" s="82">
        <v>41</v>
      </c>
      <c r="E17" s="83">
        <v>82</v>
      </c>
      <c r="F17" s="241"/>
      <c r="G17" s="82">
        <v>60</v>
      </c>
      <c r="H17" s="82">
        <v>61</v>
      </c>
      <c r="I17" s="82">
        <v>39</v>
      </c>
      <c r="J17" s="82">
        <v>22</v>
      </c>
      <c r="K17" s="82">
        <v>20</v>
      </c>
      <c r="L17" s="84">
        <v>202</v>
      </c>
      <c r="M17" s="85">
        <v>284</v>
      </c>
      <c r="N17" s="70">
        <v>0</v>
      </c>
      <c r="O17" s="71">
        <v>1</v>
      </c>
      <c r="P17" s="72">
        <v>1</v>
      </c>
      <c r="Q17" s="244"/>
      <c r="R17" s="71">
        <v>3</v>
      </c>
      <c r="S17" s="71">
        <v>1</v>
      </c>
      <c r="T17" s="71">
        <v>0</v>
      </c>
      <c r="U17" s="71">
        <v>1</v>
      </c>
      <c r="V17" s="71">
        <v>0</v>
      </c>
      <c r="W17" s="72">
        <v>5</v>
      </c>
      <c r="X17" s="73">
        <v>6</v>
      </c>
      <c r="Y17" s="70">
        <v>2</v>
      </c>
      <c r="Z17" s="71">
        <v>2</v>
      </c>
      <c r="AA17" s="72">
        <v>4</v>
      </c>
      <c r="AB17" s="244"/>
      <c r="AC17" s="71">
        <v>3</v>
      </c>
      <c r="AD17" s="71">
        <v>2</v>
      </c>
      <c r="AE17" s="71">
        <v>0</v>
      </c>
      <c r="AF17" s="71">
        <v>0</v>
      </c>
      <c r="AG17" s="71">
        <v>0</v>
      </c>
      <c r="AH17" s="72">
        <v>5</v>
      </c>
      <c r="AI17" s="73">
        <v>9</v>
      </c>
      <c r="AJ17" s="70">
        <v>2</v>
      </c>
      <c r="AK17" s="71">
        <v>2</v>
      </c>
      <c r="AL17" s="72">
        <v>4</v>
      </c>
      <c r="AM17" s="244"/>
      <c r="AN17" s="71">
        <v>6</v>
      </c>
      <c r="AO17" s="71">
        <v>6</v>
      </c>
      <c r="AP17" s="71">
        <v>5</v>
      </c>
      <c r="AQ17" s="71">
        <v>2</v>
      </c>
      <c r="AR17" s="71">
        <v>1</v>
      </c>
      <c r="AS17" s="72">
        <v>20</v>
      </c>
      <c r="AT17" s="73">
        <v>24</v>
      </c>
      <c r="AU17" s="70">
        <v>10</v>
      </c>
      <c r="AV17" s="71">
        <v>12</v>
      </c>
      <c r="AW17" s="72">
        <v>22</v>
      </c>
      <c r="AX17" s="244"/>
      <c r="AY17" s="71">
        <v>16</v>
      </c>
      <c r="AZ17" s="71">
        <v>10</v>
      </c>
      <c r="BA17" s="71">
        <v>10</v>
      </c>
      <c r="BB17" s="71">
        <v>6</v>
      </c>
      <c r="BC17" s="71">
        <v>4</v>
      </c>
      <c r="BD17" s="72">
        <v>46</v>
      </c>
      <c r="BE17" s="73">
        <v>68</v>
      </c>
      <c r="BF17" s="70">
        <v>13</v>
      </c>
      <c r="BG17" s="71">
        <v>13</v>
      </c>
      <c r="BH17" s="72">
        <v>26</v>
      </c>
      <c r="BI17" s="244"/>
      <c r="BJ17" s="71">
        <v>15</v>
      </c>
      <c r="BK17" s="71">
        <v>19</v>
      </c>
      <c r="BL17" s="71">
        <v>11</v>
      </c>
      <c r="BM17" s="71">
        <v>6</v>
      </c>
      <c r="BN17" s="71">
        <v>8</v>
      </c>
      <c r="BO17" s="72">
        <v>59</v>
      </c>
      <c r="BP17" s="73">
        <v>85</v>
      </c>
      <c r="BQ17" s="70">
        <v>14</v>
      </c>
      <c r="BR17" s="71">
        <v>11</v>
      </c>
      <c r="BS17" s="72">
        <v>25</v>
      </c>
      <c r="BT17" s="244"/>
      <c r="BU17" s="71">
        <v>17</v>
      </c>
      <c r="BV17" s="71">
        <v>23</v>
      </c>
      <c r="BW17" s="71">
        <v>13</v>
      </c>
      <c r="BX17" s="71">
        <v>7</v>
      </c>
      <c r="BY17" s="71">
        <v>7</v>
      </c>
      <c r="BZ17" s="72">
        <v>67</v>
      </c>
      <c r="CA17" s="73">
        <v>92</v>
      </c>
      <c r="CB17" s="70">
        <v>0</v>
      </c>
      <c r="CC17" s="71">
        <v>0</v>
      </c>
      <c r="CD17" s="72">
        <v>0</v>
      </c>
      <c r="CE17" s="244"/>
      <c r="CF17" s="71">
        <v>0</v>
      </c>
      <c r="CG17" s="71">
        <v>0</v>
      </c>
      <c r="CH17" s="71">
        <v>0</v>
      </c>
      <c r="CI17" s="71">
        <v>0</v>
      </c>
      <c r="CJ17" s="71">
        <v>0</v>
      </c>
      <c r="CK17" s="72">
        <v>0</v>
      </c>
      <c r="CL17" s="73">
        <v>0</v>
      </c>
      <c r="CM17" s="70">
        <v>41</v>
      </c>
      <c r="CN17" s="71">
        <v>41</v>
      </c>
      <c r="CO17" s="72">
        <v>82</v>
      </c>
      <c r="CP17" s="244"/>
      <c r="CQ17" s="71">
        <v>60</v>
      </c>
      <c r="CR17" s="71">
        <v>61</v>
      </c>
      <c r="CS17" s="71">
        <v>39</v>
      </c>
      <c r="CT17" s="71">
        <v>22</v>
      </c>
      <c r="CU17" s="71">
        <v>20</v>
      </c>
      <c r="CV17" s="72">
        <v>202</v>
      </c>
      <c r="CW17" s="73">
        <v>284</v>
      </c>
      <c r="CX17" s="123">
        <v>15</v>
      </c>
      <c r="CY17" s="82">
        <v>13</v>
      </c>
      <c r="CZ17" s="83">
        <v>28</v>
      </c>
      <c r="DA17" s="241"/>
      <c r="DB17" s="82">
        <v>26</v>
      </c>
      <c r="DC17" s="82">
        <v>24</v>
      </c>
      <c r="DD17" s="82">
        <v>11</v>
      </c>
      <c r="DE17" s="82">
        <v>12</v>
      </c>
      <c r="DF17" s="82">
        <v>14</v>
      </c>
      <c r="DG17" s="84">
        <v>87</v>
      </c>
      <c r="DH17" s="85">
        <v>115</v>
      </c>
      <c r="DI17" s="70">
        <v>1</v>
      </c>
      <c r="DJ17" s="71">
        <v>0</v>
      </c>
      <c r="DK17" s="72">
        <v>1</v>
      </c>
      <c r="DL17" s="244"/>
      <c r="DM17" s="71">
        <v>0</v>
      </c>
      <c r="DN17" s="71">
        <v>0</v>
      </c>
      <c r="DO17" s="71">
        <v>0</v>
      </c>
      <c r="DP17" s="71">
        <v>0</v>
      </c>
      <c r="DQ17" s="71">
        <v>0</v>
      </c>
      <c r="DR17" s="72">
        <v>0</v>
      </c>
      <c r="DS17" s="73">
        <v>1</v>
      </c>
      <c r="DT17" s="70">
        <v>2</v>
      </c>
      <c r="DU17" s="71">
        <v>0</v>
      </c>
      <c r="DV17" s="72">
        <v>2</v>
      </c>
      <c r="DW17" s="244"/>
      <c r="DX17" s="71">
        <v>3</v>
      </c>
      <c r="DY17" s="71">
        <v>0</v>
      </c>
      <c r="DZ17" s="71">
        <v>1</v>
      </c>
      <c r="EA17" s="71">
        <v>0</v>
      </c>
      <c r="EB17" s="71">
        <v>1</v>
      </c>
      <c r="EC17" s="72">
        <v>5</v>
      </c>
      <c r="ED17" s="73">
        <v>7</v>
      </c>
      <c r="EE17" s="70">
        <v>2</v>
      </c>
      <c r="EF17" s="71">
        <v>0</v>
      </c>
      <c r="EG17" s="72">
        <v>2</v>
      </c>
      <c r="EH17" s="244"/>
      <c r="EI17" s="71">
        <v>4</v>
      </c>
      <c r="EJ17" s="71">
        <v>0</v>
      </c>
      <c r="EK17" s="71">
        <v>1</v>
      </c>
      <c r="EL17" s="71">
        <v>1</v>
      </c>
      <c r="EM17" s="71">
        <v>1</v>
      </c>
      <c r="EN17" s="72">
        <v>7</v>
      </c>
      <c r="EO17" s="73">
        <v>9</v>
      </c>
      <c r="EP17" s="70">
        <v>2</v>
      </c>
      <c r="EQ17" s="71">
        <v>4</v>
      </c>
      <c r="ER17" s="72">
        <v>6</v>
      </c>
      <c r="ES17" s="244"/>
      <c r="ET17" s="71">
        <v>6</v>
      </c>
      <c r="EU17" s="71">
        <v>5</v>
      </c>
      <c r="EV17" s="71">
        <v>2</v>
      </c>
      <c r="EW17" s="71">
        <v>0</v>
      </c>
      <c r="EX17" s="71">
        <v>2</v>
      </c>
      <c r="EY17" s="72">
        <v>15</v>
      </c>
      <c r="EZ17" s="73">
        <v>21</v>
      </c>
      <c r="FA17" s="70">
        <v>6</v>
      </c>
      <c r="FB17" s="71">
        <v>4</v>
      </c>
      <c r="FC17" s="72">
        <v>10</v>
      </c>
      <c r="FD17" s="244"/>
      <c r="FE17" s="71">
        <v>8</v>
      </c>
      <c r="FF17" s="71">
        <v>8</v>
      </c>
      <c r="FG17" s="71">
        <v>1</v>
      </c>
      <c r="FH17" s="71">
        <v>3</v>
      </c>
      <c r="FI17" s="71">
        <v>0</v>
      </c>
      <c r="FJ17" s="72">
        <v>20</v>
      </c>
      <c r="FK17" s="73">
        <v>30</v>
      </c>
      <c r="FL17" s="70">
        <v>2</v>
      </c>
      <c r="FM17" s="71">
        <v>5</v>
      </c>
      <c r="FN17" s="72">
        <v>7</v>
      </c>
      <c r="FO17" s="244"/>
      <c r="FP17" s="71">
        <v>5</v>
      </c>
      <c r="FQ17" s="71">
        <v>11</v>
      </c>
      <c r="FR17" s="71">
        <v>6</v>
      </c>
      <c r="FS17" s="71">
        <v>8</v>
      </c>
      <c r="FT17" s="71">
        <v>10</v>
      </c>
      <c r="FU17" s="72">
        <v>40</v>
      </c>
      <c r="FV17" s="73">
        <v>47</v>
      </c>
      <c r="FW17" s="70">
        <v>0</v>
      </c>
      <c r="FX17" s="71">
        <v>0</v>
      </c>
      <c r="FY17" s="72">
        <v>0</v>
      </c>
      <c r="FZ17" s="244"/>
      <c r="GA17" s="71">
        <v>0</v>
      </c>
      <c r="GB17" s="71">
        <v>0</v>
      </c>
      <c r="GC17" s="71">
        <v>0</v>
      </c>
      <c r="GD17" s="71">
        <v>0</v>
      </c>
      <c r="GE17" s="71">
        <v>0</v>
      </c>
      <c r="GF17" s="72">
        <v>0</v>
      </c>
      <c r="GG17" s="73">
        <v>0</v>
      </c>
      <c r="GH17" s="70">
        <v>15</v>
      </c>
      <c r="GI17" s="71">
        <v>13</v>
      </c>
      <c r="GJ17" s="72">
        <v>28</v>
      </c>
      <c r="GK17" s="244"/>
      <c r="GL17" s="71">
        <v>26</v>
      </c>
      <c r="GM17" s="71">
        <v>24</v>
      </c>
      <c r="GN17" s="71">
        <v>11</v>
      </c>
      <c r="GO17" s="71">
        <v>12</v>
      </c>
      <c r="GP17" s="71">
        <v>14</v>
      </c>
      <c r="GQ17" s="72">
        <v>87</v>
      </c>
      <c r="GR17" s="73">
        <v>115</v>
      </c>
      <c r="GS17" s="123">
        <v>56</v>
      </c>
      <c r="GT17" s="82">
        <v>54</v>
      </c>
      <c r="GU17" s="83">
        <v>110</v>
      </c>
      <c r="GV17" s="241"/>
      <c r="GW17" s="82">
        <v>86</v>
      </c>
      <c r="GX17" s="82">
        <v>85</v>
      </c>
      <c r="GY17" s="82">
        <v>50</v>
      </c>
      <c r="GZ17" s="82">
        <v>34</v>
      </c>
      <c r="HA17" s="82">
        <v>34</v>
      </c>
      <c r="HB17" s="84">
        <v>289</v>
      </c>
      <c r="HC17" s="85">
        <v>399</v>
      </c>
      <c r="HD17" s="70">
        <v>1</v>
      </c>
      <c r="HE17" s="71">
        <v>1</v>
      </c>
      <c r="HF17" s="72">
        <v>2</v>
      </c>
      <c r="HG17" s="244"/>
      <c r="HH17" s="71">
        <v>3</v>
      </c>
      <c r="HI17" s="71">
        <v>1</v>
      </c>
      <c r="HJ17" s="71">
        <v>0</v>
      </c>
      <c r="HK17" s="71">
        <v>1</v>
      </c>
      <c r="HL17" s="71">
        <v>0</v>
      </c>
      <c r="HM17" s="72">
        <v>5</v>
      </c>
      <c r="HN17" s="73">
        <v>7</v>
      </c>
      <c r="HO17" s="70">
        <v>4</v>
      </c>
      <c r="HP17" s="71">
        <v>2</v>
      </c>
      <c r="HQ17" s="72">
        <v>6</v>
      </c>
      <c r="HR17" s="244"/>
      <c r="HS17" s="71">
        <v>6</v>
      </c>
      <c r="HT17" s="71">
        <v>2</v>
      </c>
      <c r="HU17" s="71">
        <v>1</v>
      </c>
      <c r="HV17" s="71">
        <v>0</v>
      </c>
      <c r="HW17" s="71">
        <v>1</v>
      </c>
      <c r="HX17" s="72">
        <v>10</v>
      </c>
      <c r="HY17" s="73">
        <v>16</v>
      </c>
      <c r="HZ17" s="70">
        <v>4</v>
      </c>
      <c r="IA17" s="71">
        <v>2</v>
      </c>
      <c r="IB17" s="72">
        <v>6</v>
      </c>
      <c r="IC17" s="244"/>
      <c r="ID17" s="71">
        <v>10</v>
      </c>
      <c r="IE17" s="71">
        <v>6</v>
      </c>
      <c r="IF17" s="71">
        <v>6</v>
      </c>
      <c r="IG17" s="71">
        <v>3</v>
      </c>
      <c r="IH17" s="71">
        <v>2</v>
      </c>
      <c r="II17" s="72">
        <v>27</v>
      </c>
      <c r="IJ17" s="73">
        <v>33</v>
      </c>
      <c r="IK17" s="70">
        <v>12</v>
      </c>
      <c r="IL17" s="71">
        <v>16</v>
      </c>
      <c r="IM17" s="72">
        <v>28</v>
      </c>
      <c r="IN17" s="244"/>
      <c r="IO17" s="71">
        <v>22</v>
      </c>
      <c r="IP17" s="71">
        <v>15</v>
      </c>
      <c r="IQ17" s="71">
        <v>12</v>
      </c>
      <c r="IR17" s="71">
        <v>6</v>
      </c>
      <c r="IS17" s="71">
        <v>6</v>
      </c>
      <c r="IT17" s="72">
        <v>61</v>
      </c>
      <c r="IU17" s="73">
        <v>89</v>
      </c>
      <c r="IV17" s="70">
        <v>19</v>
      </c>
      <c r="IW17" s="71">
        <v>17</v>
      </c>
      <c r="IX17" s="72">
        <v>36</v>
      </c>
      <c r="IY17" s="244"/>
      <c r="IZ17" s="71">
        <v>23</v>
      </c>
      <c r="JA17" s="71">
        <v>27</v>
      </c>
      <c r="JB17" s="71">
        <v>12</v>
      </c>
      <c r="JC17" s="71">
        <v>9</v>
      </c>
      <c r="JD17" s="71">
        <v>8</v>
      </c>
      <c r="JE17" s="72">
        <v>79</v>
      </c>
      <c r="JF17" s="73">
        <v>115</v>
      </c>
      <c r="JG17" s="70">
        <v>16</v>
      </c>
      <c r="JH17" s="71">
        <v>16</v>
      </c>
      <c r="JI17" s="72">
        <v>32</v>
      </c>
      <c r="JJ17" s="244"/>
      <c r="JK17" s="71">
        <v>22</v>
      </c>
      <c r="JL17" s="71">
        <v>34</v>
      </c>
      <c r="JM17" s="71">
        <v>19</v>
      </c>
      <c r="JN17" s="71">
        <v>15</v>
      </c>
      <c r="JO17" s="71">
        <v>17</v>
      </c>
      <c r="JP17" s="72">
        <v>107</v>
      </c>
      <c r="JQ17" s="73">
        <v>139</v>
      </c>
      <c r="JR17" s="70">
        <v>0</v>
      </c>
      <c r="JS17" s="71">
        <v>0</v>
      </c>
      <c r="JT17" s="72">
        <v>0</v>
      </c>
      <c r="JU17" s="244"/>
      <c r="JV17" s="71">
        <v>0</v>
      </c>
      <c r="JW17" s="71">
        <v>0</v>
      </c>
      <c r="JX17" s="71">
        <v>0</v>
      </c>
      <c r="JY17" s="71">
        <v>0</v>
      </c>
      <c r="JZ17" s="71">
        <v>0</v>
      </c>
      <c r="KA17" s="72">
        <v>0</v>
      </c>
      <c r="KB17" s="73">
        <v>0</v>
      </c>
      <c r="KC17" s="70">
        <v>56</v>
      </c>
      <c r="KD17" s="71">
        <v>54</v>
      </c>
      <c r="KE17" s="72">
        <v>110</v>
      </c>
      <c r="KF17" s="244"/>
      <c r="KG17" s="71">
        <v>86</v>
      </c>
      <c r="KH17" s="71">
        <v>85</v>
      </c>
      <c r="KI17" s="71">
        <v>50</v>
      </c>
      <c r="KJ17" s="71">
        <v>34</v>
      </c>
      <c r="KK17" s="71">
        <v>34</v>
      </c>
      <c r="KL17" s="72">
        <v>289</v>
      </c>
      <c r="KM17" s="73">
        <v>399</v>
      </c>
    </row>
    <row r="18" spans="2:299" ht="21" customHeight="1" x14ac:dyDescent="0.2">
      <c r="B18" s="126" t="s">
        <v>15</v>
      </c>
      <c r="C18" s="315">
        <v>8</v>
      </c>
      <c r="D18" s="82">
        <v>11</v>
      </c>
      <c r="E18" s="83">
        <v>19</v>
      </c>
      <c r="F18" s="241"/>
      <c r="G18" s="82">
        <v>16</v>
      </c>
      <c r="H18" s="82">
        <v>15</v>
      </c>
      <c r="I18" s="82">
        <v>6</v>
      </c>
      <c r="J18" s="82">
        <v>12</v>
      </c>
      <c r="K18" s="82">
        <v>7</v>
      </c>
      <c r="L18" s="84">
        <v>56</v>
      </c>
      <c r="M18" s="85">
        <v>75</v>
      </c>
      <c r="N18" s="70">
        <v>0</v>
      </c>
      <c r="O18" s="71">
        <v>1</v>
      </c>
      <c r="P18" s="72">
        <v>1</v>
      </c>
      <c r="Q18" s="244"/>
      <c r="R18" s="71">
        <v>0</v>
      </c>
      <c r="S18" s="71">
        <v>2</v>
      </c>
      <c r="T18" s="71">
        <v>0</v>
      </c>
      <c r="U18" s="71">
        <v>2</v>
      </c>
      <c r="V18" s="71">
        <v>1</v>
      </c>
      <c r="W18" s="72">
        <v>5</v>
      </c>
      <c r="X18" s="73">
        <v>6</v>
      </c>
      <c r="Y18" s="70">
        <v>0</v>
      </c>
      <c r="Z18" s="71">
        <v>0</v>
      </c>
      <c r="AA18" s="72">
        <v>0</v>
      </c>
      <c r="AB18" s="244"/>
      <c r="AC18" s="71">
        <v>0</v>
      </c>
      <c r="AD18" s="71">
        <v>0</v>
      </c>
      <c r="AE18" s="71">
        <v>0</v>
      </c>
      <c r="AF18" s="71">
        <v>1</v>
      </c>
      <c r="AG18" s="71">
        <v>1</v>
      </c>
      <c r="AH18" s="72">
        <v>2</v>
      </c>
      <c r="AI18" s="73">
        <v>2</v>
      </c>
      <c r="AJ18" s="70">
        <v>0</v>
      </c>
      <c r="AK18" s="71">
        <v>2</v>
      </c>
      <c r="AL18" s="72">
        <v>2</v>
      </c>
      <c r="AM18" s="244"/>
      <c r="AN18" s="71">
        <v>3</v>
      </c>
      <c r="AO18" s="71">
        <v>4</v>
      </c>
      <c r="AP18" s="71">
        <v>2</v>
      </c>
      <c r="AQ18" s="71">
        <v>1</v>
      </c>
      <c r="AR18" s="71">
        <v>1</v>
      </c>
      <c r="AS18" s="72">
        <v>11</v>
      </c>
      <c r="AT18" s="73">
        <v>13</v>
      </c>
      <c r="AU18" s="70">
        <v>3</v>
      </c>
      <c r="AV18" s="71">
        <v>4</v>
      </c>
      <c r="AW18" s="72">
        <v>7</v>
      </c>
      <c r="AX18" s="244"/>
      <c r="AY18" s="71">
        <v>4</v>
      </c>
      <c r="AZ18" s="71">
        <v>3</v>
      </c>
      <c r="BA18" s="71">
        <v>2</v>
      </c>
      <c r="BB18" s="71">
        <v>2</v>
      </c>
      <c r="BC18" s="71">
        <v>1</v>
      </c>
      <c r="BD18" s="72">
        <v>12</v>
      </c>
      <c r="BE18" s="73">
        <v>19</v>
      </c>
      <c r="BF18" s="70">
        <v>2</v>
      </c>
      <c r="BG18" s="71">
        <v>3</v>
      </c>
      <c r="BH18" s="72">
        <v>5</v>
      </c>
      <c r="BI18" s="244"/>
      <c r="BJ18" s="71">
        <v>5</v>
      </c>
      <c r="BK18" s="71">
        <v>2</v>
      </c>
      <c r="BL18" s="71">
        <v>2</v>
      </c>
      <c r="BM18" s="71">
        <v>4</v>
      </c>
      <c r="BN18" s="71">
        <v>0</v>
      </c>
      <c r="BO18" s="72">
        <v>13</v>
      </c>
      <c r="BP18" s="73">
        <v>18</v>
      </c>
      <c r="BQ18" s="70">
        <v>3</v>
      </c>
      <c r="BR18" s="71">
        <v>1</v>
      </c>
      <c r="BS18" s="72">
        <v>4</v>
      </c>
      <c r="BT18" s="244"/>
      <c r="BU18" s="71">
        <v>4</v>
      </c>
      <c r="BV18" s="71">
        <v>4</v>
      </c>
      <c r="BW18" s="71">
        <v>0</v>
      </c>
      <c r="BX18" s="71">
        <v>2</v>
      </c>
      <c r="BY18" s="71">
        <v>3</v>
      </c>
      <c r="BZ18" s="72">
        <v>13</v>
      </c>
      <c r="CA18" s="73">
        <v>17</v>
      </c>
      <c r="CB18" s="70">
        <v>0</v>
      </c>
      <c r="CC18" s="71">
        <v>0</v>
      </c>
      <c r="CD18" s="72">
        <v>0</v>
      </c>
      <c r="CE18" s="244"/>
      <c r="CF18" s="71">
        <v>0</v>
      </c>
      <c r="CG18" s="71">
        <v>0</v>
      </c>
      <c r="CH18" s="71">
        <v>0</v>
      </c>
      <c r="CI18" s="71">
        <v>0</v>
      </c>
      <c r="CJ18" s="71">
        <v>0</v>
      </c>
      <c r="CK18" s="72">
        <v>0</v>
      </c>
      <c r="CL18" s="73">
        <v>0</v>
      </c>
      <c r="CM18" s="70">
        <v>8</v>
      </c>
      <c r="CN18" s="71">
        <v>11</v>
      </c>
      <c r="CO18" s="72">
        <v>19</v>
      </c>
      <c r="CP18" s="244"/>
      <c r="CQ18" s="71">
        <v>16</v>
      </c>
      <c r="CR18" s="71">
        <v>15</v>
      </c>
      <c r="CS18" s="71">
        <v>6</v>
      </c>
      <c r="CT18" s="71">
        <v>12</v>
      </c>
      <c r="CU18" s="71">
        <v>7</v>
      </c>
      <c r="CV18" s="72">
        <v>56</v>
      </c>
      <c r="CW18" s="73">
        <v>75</v>
      </c>
      <c r="CX18" s="123">
        <v>2</v>
      </c>
      <c r="CY18" s="82">
        <v>5</v>
      </c>
      <c r="CZ18" s="83">
        <v>7</v>
      </c>
      <c r="DA18" s="241"/>
      <c r="DB18" s="82">
        <v>11</v>
      </c>
      <c r="DC18" s="82">
        <v>8</v>
      </c>
      <c r="DD18" s="82">
        <v>6</v>
      </c>
      <c r="DE18" s="82">
        <v>3</v>
      </c>
      <c r="DF18" s="82">
        <v>4</v>
      </c>
      <c r="DG18" s="84">
        <v>32</v>
      </c>
      <c r="DH18" s="85">
        <v>39</v>
      </c>
      <c r="DI18" s="70">
        <v>0</v>
      </c>
      <c r="DJ18" s="71">
        <v>0</v>
      </c>
      <c r="DK18" s="72">
        <v>0</v>
      </c>
      <c r="DL18" s="244"/>
      <c r="DM18" s="71">
        <v>0</v>
      </c>
      <c r="DN18" s="71">
        <v>0</v>
      </c>
      <c r="DO18" s="71">
        <v>0</v>
      </c>
      <c r="DP18" s="71">
        <v>0</v>
      </c>
      <c r="DQ18" s="71">
        <v>0</v>
      </c>
      <c r="DR18" s="72">
        <v>0</v>
      </c>
      <c r="DS18" s="73">
        <v>0</v>
      </c>
      <c r="DT18" s="70">
        <v>0</v>
      </c>
      <c r="DU18" s="71">
        <v>0</v>
      </c>
      <c r="DV18" s="72">
        <v>0</v>
      </c>
      <c r="DW18" s="244"/>
      <c r="DX18" s="71">
        <v>0</v>
      </c>
      <c r="DY18" s="71">
        <v>1</v>
      </c>
      <c r="DZ18" s="71">
        <v>0</v>
      </c>
      <c r="EA18" s="71">
        <v>0</v>
      </c>
      <c r="EB18" s="71">
        <v>0</v>
      </c>
      <c r="EC18" s="72">
        <v>1</v>
      </c>
      <c r="ED18" s="73">
        <v>1</v>
      </c>
      <c r="EE18" s="70">
        <v>0</v>
      </c>
      <c r="EF18" s="71">
        <v>2</v>
      </c>
      <c r="EG18" s="72">
        <v>2</v>
      </c>
      <c r="EH18" s="244"/>
      <c r="EI18" s="71">
        <v>4</v>
      </c>
      <c r="EJ18" s="71">
        <v>0</v>
      </c>
      <c r="EK18" s="71">
        <v>1</v>
      </c>
      <c r="EL18" s="71">
        <v>0</v>
      </c>
      <c r="EM18" s="71">
        <v>2</v>
      </c>
      <c r="EN18" s="72">
        <v>7</v>
      </c>
      <c r="EO18" s="73">
        <v>9</v>
      </c>
      <c r="EP18" s="70">
        <v>0</v>
      </c>
      <c r="EQ18" s="71">
        <v>2</v>
      </c>
      <c r="ER18" s="72">
        <v>2</v>
      </c>
      <c r="ES18" s="244"/>
      <c r="ET18" s="71">
        <v>1</v>
      </c>
      <c r="EU18" s="71">
        <v>0</v>
      </c>
      <c r="EV18" s="71">
        <v>0</v>
      </c>
      <c r="EW18" s="71">
        <v>1</v>
      </c>
      <c r="EX18" s="71">
        <v>0</v>
      </c>
      <c r="EY18" s="72">
        <v>2</v>
      </c>
      <c r="EZ18" s="73">
        <v>4</v>
      </c>
      <c r="FA18" s="70">
        <v>0</v>
      </c>
      <c r="FB18" s="71">
        <v>0</v>
      </c>
      <c r="FC18" s="72">
        <v>0</v>
      </c>
      <c r="FD18" s="244"/>
      <c r="FE18" s="71">
        <v>3</v>
      </c>
      <c r="FF18" s="71">
        <v>1</v>
      </c>
      <c r="FG18" s="71">
        <v>1</v>
      </c>
      <c r="FH18" s="71">
        <v>0</v>
      </c>
      <c r="FI18" s="71">
        <v>0</v>
      </c>
      <c r="FJ18" s="72">
        <v>5</v>
      </c>
      <c r="FK18" s="73">
        <v>5</v>
      </c>
      <c r="FL18" s="70">
        <v>2</v>
      </c>
      <c r="FM18" s="71">
        <v>1</v>
      </c>
      <c r="FN18" s="72">
        <v>3</v>
      </c>
      <c r="FO18" s="244"/>
      <c r="FP18" s="71">
        <v>3</v>
      </c>
      <c r="FQ18" s="71">
        <v>6</v>
      </c>
      <c r="FR18" s="71">
        <v>4</v>
      </c>
      <c r="FS18" s="71">
        <v>2</v>
      </c>
      <c r="FT18" s="71">
        <v>2</v>
      </c>
      <c r="FU18" s="72">
        <v>17</v>
      </c>
      <c r="FV18" s="73">
        <v>20</v>
      </c>
      <c r="FW18" s="70">
        <v>0</v>
      </c>
      <c r="FX18" s="71">
        <v>0</v>
      </c>
      <c r="FY18" s="72">
        <v>0</v>
      </c>
      <c r="FZ18" s="244"/>
      <c r="GA18" s="71">
        <v>0</v>
      </c>
      <c r="GB18" s="71">
        <v>0</v>
      </c>
      <c r="GC18" s="71">
        <v>0</v>
      </c>
      <c r="GD18" s="71">
        <v>0</v>
      </c>
      <c r="GE18" s="71">
        <v>0</v>
      </c>
      <c r="GF18" s="72">
        <v>0</v>
      </c>
      <c r="GG18" s="73">
        <v>0</v>
      </c>
      <c r="GH18" s="70">
        <v>2</v>
      </c>
      <c r="GI18" s="71">
        <v>5</v>
      </c>
      <c r="GJ18" s="72">
        <v>7</v>
      </c>
      <c r="GK18" s="244"/>
      <c r="GL18" s="71">
        <v>11</v>
      </c>
      <c r="GM18" s="71">
        <v>8</v>
      </c>
      <c r="GN18" s="71">
        <v>6</v>
      </c>
      <c r="GO18" s="71">
        <v>3</v>
      </c>
      <c r="GP18" s="71">
        <v>4</v>
      </c>
      <c r="GQ18" s="72">
        <v>32</v>
      </c>
      <c r="GR18" s="73">
        <v>39</v>
      </c>
      <c r="GS18" s="123">
        <v>10</v>
      </c>
      <c r="GT18" s="82">
        <v>16</v>
      </c>
      <c r="GU18" s="83">
        <v>26</v>
      </c>
      <c r="GV18" s="241"/>
      <c r="GW18" s="82">
        <v>27</v>
      </c>
      <c r="GX18" s="82">
        <v>23</v>
      </c>
      <c r="GY18" s="82">
        <v>12</v>
      </c>
      <c r="GZ18" s="82">
        <v>15</v>
      </c>
      <c r="HA18" s="82">
        <v>11</v>
      </c>
      <c r="HB18" s="84">
        <v>88</v>
      </c>
      <c r="HC18" s="85">
        <v>114</v>
      </c>
      <c r="HD18" s="70">
        <v>0</v>
      </c>
      <c r="HE18" s="71">
        <v>1</v>
      </c>
      <c r="HF18" s="72">
        <v>1</v>
      </c>
      <c r="HG18" s="244"/>
      <c r="HH18" s="71">
        <v>0</v>
      </c>
      <c r="HI18" s="71">
        <v>2</v>
      </c>
      <c r="HJ18" s="71">
        <v>0</v>
      </c>
      <c r="HK18" s="71">
        <v>2</v>
      </c>
      <c r="HL18" s="71">
        <v>1</v>
      </c>
      <c r="HM18" s="72">
        <v>5</v>
      </c>
      <c r="HN18" s="73">
        <v>6</v>
      </c>
      <c r="HO18" s="70">
        <v>0</v>
      </c>
      <c r="HP18" s="71">
        <v>0</v>
      </c>
      <c r="HQ18" s="72">
        <v>0</v>
      </c>
      <c r="HR18" s="244"/>
      <c r="HS18" s="71">
        <v>0</v>
      </c>
      <c r="HT18" s="71">
        <v>1</v>
      </c>
      <c r="HU18" s="71">
        <v>0</v>
      </c>
      <c r="HV18" s="71">
        <v>1</v>
      </c>
      <c r="HW18" s="71">
        <v>1</v>
      </c>
      <c r="HX18" s="72">
        <v>3</v>
      </c>
      <c r="HY18" s="73">
        <v>3</v>
      </c>
      <c r="HZ18" s="70">
        <v>0</v>
      </c>
      <c r="IA18" s="71">
        <v>4</v>
      </c>
      <c r="IB18" s="72">
        <v>4</v>
      </c>
      <c r="IC18" s="244"/>
      <c r="ID18" s="71">
        <v>7</v>
      </c>
      <c r="IE18" s="71">
        <v>4</v>
      </c>
      <c r="IF18" s="71">
        <v>3</v>
      </c>
      <c r="IG18" s="71">
        <v>1</v>
      </c>
      <c r="IH18" s="71">
        <v>3</v>
      </c>
      <c r="II18" s="72">
        <v>18</v>
      </c>
      <c r="IJ18" s="73">
        <v>22</v>
      </c>
      <c r="IK18" s="70">
        <v>3</v>
      </c>
      <c r="IL18" s="71">
        <v>6</v>
      </c>
      <c r="IM18" s="72">
        <v>9</v>
      </c>
      <c r="IN18" s="244"/>
      <c r="IO18" s="71">
        <v>5</v>
      </c>
      <c r="IP18" s="71">
        <v>3</v>
      </c>
      <c r="IQ18" s="71">
        <v>2</v>
      </c>
      <c r="IR18" s="71">
        <v>3</v>
      </c>
      <c r="IS18" s="71">
        <v>1</v>
      </c>
      <c r="IT18" s="72">
        <v>14</v>
      </c>
      <c r="IU18" s="73">
        <v>23</v>
      </c>
      <c r="IV18" s="70">
        <v>2</v>
      </c>
      <c r="IW18" s="71">
        <v>3</v>
      </c>
      <c r="IX18" s="72">
        <v>5</v>
      </c>
      <c r="IY18" s="244"/>
      <c r="IZ18" s="71">
        <v>8</v>
      </c>
      <c r="JA18" s="71">
        <v>3</v>
      </c>
      <c r="JB18" s="71">
        <v>3</v>
      </c>
      <c r="JC18" s="71">
        <v>4</v>
      </c>
      <c r="JD18" s="71">
        <v>0</v>
      </c>
      <c r="JE18" s="72">
        <v>18</v>
      </c>
      <c r="JF18" s="73">
        <v>23</v>
      </c>
      <c r="JG18" s="70">
        <v>5</v>
      </c>
      <c r="JH18" s="71">
        <v>2</v>
      </c>
      <c r="JI18" s="72">
        <v>7</v>
      </c>
      <c r="JJ18" s="244"/>
      <c r="JK18" s="71">
        <v>7</v>
      </c>
      <c r="JL18" s="71">
        <v>10</v>
      </c>
      <c r="JM18" s="71">
        <v>4</v>
      </c>
      <c r="JN18" s="71">
        <v>4</v>
      </c>
      <c r="JO18" s="71">
        <v>5</v>
      </c>
      <c r="JP18" s="72">
        <v>30</v>
      </c>
      <c r="JQ18" s="73">
        <v>37</v>
      </c>
      <c r="JR18" s="70">
        <v>0</v>
      </c>
      <c r="JS18" s="71">
        <v>0</v>
      </c>
      <c r="JT18" s="72">
        <v>0</v>
      </c>
      <c r="JU18" s="244"/>
      <c r="JV18" s="71">
        <v>0</v>
      </c>
      <c r="JW18" s="71">
        <v>0</v>
      </c>
      <c r="JX18" s="71">
        <v>0</v>
      </c>
      <c r="JY18" s="71">
        <v>0</v>
      </c>
      <c r="JZ18" s="71">
        <v>0</v>
      </c>
      <c r="KA18" s="72">
        <v>0</v>
      </c>
      <c r="KB18" s="73">
        <v>0</v>
      </c>
      <c r="KC18" s="70">
        <v>10</v>
      </c>
      <c r="KD18" s="71">
        <v>16</v>
      </c>
      <c r="KE18" s="72">
        <v>26</v>
      </c>
      <c r="KF18" s="244"/>
      <c r="KG18" s="71">
        <v>27</v>
      </c>
      <c r="KH18" s="71">
        <v>23</v>
      </c>
      <c r="KI18" s="71">
        <v>12</v>
      </c>
      <c r="KJ18" s="71">
        <v>15</v>
      </c>
      <c r="KK18" s="71">
        <v>11</v>
      </c>
      <c r="KL18" s="72">
        <v>88</v>
      </c>
      <c r="KM18" s="73">
        <v>114</v>
      </c>
    </row>
    <row r="19" spans="2:299" ht="21" customHeight="1" x14ac:dyDescent="0.2">
      <c r="B19" s="126" t="s">
        <v>16</v>
      </c>
      <c r="C19" s="315">
        <v>32</v>
      </c>
      <c r="D19" s="82">
        <v>31</v>
      </c>
      <c r="E19" s="83">
        <v>63</v>
      </c>
      <c r="F19" s="241"/>
      <c r="G19" s="82">
        <v>57</v>
      </c>
      <c r="H19" s="82">
        <v>62</v>
      </c>
      <c r="I19" s="82">
        <v>42</v>
      </c>
      <c r="J19" s="82">
        <v>24</v>
      </c>
      <c r="K19" s="82">
        <v>20</v>
      </c>
      <c r="L19" s="84">
        <v>205</v>
      </c>
      <c r="M19" s="85">
        <v>268</v>
      </c>
      <c r="N19" s="70">
        <v>0</v>
      </c>
      <c r="O19" s="71">
        <v>2</v>
      </c>
      <c r="P19" s="72">
        <v>2</v>
      </c>
      <c r="Q19" s="244"/>
      <c r="R19" s="71">
        <v>2</v>
      </c>
      <c r="S19" s="71">
        <v>1</v>
      </c>
      <c r="T19" s="71">
        <v>1</v>
      </c>
      <c r="U19" s="71">
        <v>0</v>
      </c>
      <c r="V19" s="71">
        <v>3</v>
      </c>
      <c r="W19" s="72">
        <v>7</v>
      </c>
      <c r="X19" s="73">
        <v>9</v>
      </c>
      <c r="Y19" s="70">
        <v>4</v>
      </c>
      <c r="Z19" s="71">
        <v>7</v>
      </c>
      <c r="AA19" s="72">
        <v>11</v>
      </c>
      <c r="AB19" s="244"/>
      <c r="AC19" s="71">
        <v>4</v>
      </c>
      <c r="AD19" s="71">
        <v>11</v>
      </c>
      <c r="AE19" s="71">
        <v>3</v>
      </c>
      <c r="AF19" s="71">
        <v>4</v>
      </c>
      <c r="AG19" s="71">
        <v>1</v>
      </c>
      <c r="AH19" s="72">
        <v>23</v>
      </c>
      <c r="AI19" s="73">
        <v>34</v>
      </c>
      <c r="AJ19" s="70">
        <v>9</v>
      </c>
      <c r="AK19" s="71">
        <v>5</v>
      </c>
      <c r="AL19" s="72">
        <v>14</v>
      </c>
      <c r="AM19" s="244"/>
      <c r="AN19" s="71">
        <v>6</v>
      </c>
      <c r="AO19" s="71">
        <v>11</v>
      </c>
      <c r="AP19" s="71">
        <v>8</v>
      </c>
      <c r="AQ19" s="71">
        <v>3</v>
      </c>
      <c r="AR19" s="71">
        <v>1</v>
      </c>
      <c r="AS19" s="72">
        <v>29</v>
      </c>
      <c r="AT19" s="73">
        <v>43</v>
      </c>
      <c r="AU19" s="70">
        <v>7</v>
      </c>
      <c r="AV19" s="71">
        <v>4</v>
      </c>
      <c r="AW19" s="72">
        <v>11</v>
      </c>
      <c r="AX19" s="244"/>
      <c r="AY19" s="71">
        <v>17</v>
      </c>
      <c r="AZ19" s="71">
        <v>17</v>
      </c>
      <c r="BA19" s="71">
        <v>9</v>
      </c>
      <c r="BB19" s="71">
        <v>0</v>
      </c>
      <c r="BC19" s="71">
        <v>6</v>
      </c>
      <c r="BD19" s="72">
        <v>49</v>
      </c>
      <c r="BE19" s="73">
        <v>60</v>
      </c>
      <c r="BF19" s="70">
        <v>10</v>
      </c>
      <c r="BG19" s="71">
        <v>9</v>
      </c>
      <c r="BH19" s="72">
        <v>19</v>
      </c>
      <c r="BI19" s="244"/>
      <c r="BJ19" s="71">
        <v>12</v>
      </c>
      <c r="BK19" s="71">
        <v>8</v>
      </c>
      <c r="BL19" s="71">
        <v>14</v>
      </c>
      <c r="BM19" s="71">
        <v>5</v>
      </c>
      <c r="BN19" s="71">
        <v>6</v>
      </c>
      <c r="BO19" s="72">
        <v>45</v>
      </c>
      <c r="BP19" s="73">
        <v>64</v>
      </c>
      <c r="BQ19" s="70">
        <v>2</v>
      </c>
      <c r="BR19" s="71">
        <v>4</v>
      </c>
      <c r="BS19" s="72">
        <v>6</v>
      </c>
      <c r="BT19" s="244"/>
      <c r="BU19" s="71">
        <v>16</v>
      </c>
      <c r="BV19" s="71">
        <v>14</v>
      </c>
      <c r="BW19" s="71">
        <v>7</v>
      </c>
      <c r="BX19" s="71">
        <v>12</v>
      </c>
      <c r="BY19" s="71">
        <v>3</v>
      </c>
      <c r="BZ19" s="72">
        <v>52</v>
      </c>
      <c r="CA19" s="73">
        <v>58</v>
      </c>
      <c r="CB19" s="70">
        <v>0</v>
      </c>
      <c r="CC19" s="71">
        <v>0</v>
      </c>
      <c r="CD19" s="72">
        <v>0</v>
      </c>
      <c r="CE19" s="244"/>
      <c r="CF19" s="71">
        <v>0</v>
      </c>
      <c r="CG19" s="71">
        <v>0</v>
      </c>
      <c r="CH19" s="71">
        <v>0</v>
      </c>
      <c r="CI19" s="71">
        <v>0</v>
      </c>
      <c r="CJ19" s="71">
        <v>0</v>
      </c>
      <c r="CK19" s="72">
        <v>0</v>
      </c>
      <c r="CL19" s="73">
        <v>0</v>
      </c>
      <c r="CM19" s="70">
        <v>32</v>
      </c>
      <c r="CN19" s="71">
        <v>31</v>
      </c>
      <c r="CO19" s="72">
        <v>63</v>
      </c>
      <c r="CP19" s="244"/>
      <c r="CQ19" s="71">
        <v>57</v>
      </c>
      <c r="CR19" s="71">
        <v>62</v>
      </c>
      <c r="CS19" s="71">
        <v>42</v>
      </c>
      <c r="CT19" s="71">
        <v>24</v>
      </c>
      <c r="CU19" s="71">
        <v>20</v>
      </c>
      <c r="CV19" s="72">
        <v>205</v>
      </c>
      <c r="CW19" s="73">
        <v>268</v>
      </c>
      <c r="CX19" s="123">
        <v>10</v>
      </c>
      <c r="CY19" s="82">
        <v>14</v>
      </c>
      <c r="CZ19" s="83">
        <v>24</v>
      </c>
      <c r="DA19" s="241"/>
      <c r="DB19" s="82">
        <v>24</v>
      </c>
      <c r="DC19" s="82">
        <v>22</v>
      </c>
      <c r="DD19" s="82">
        <v>19</v>
      </c>
      <c r="DE19" s="82">
        <v>16</v>
      </c>
      <c r="DF19" s="82">
        <v>8</v>
      </c>
      <c r="DG19" s="84">
        <v>89</v>
      </c>
      <c r="DH19" s="85">
        <v>113</v>
      </c>
      <c r="DI19" s="70">
        <v>0</v>
      </c>
      <c r="DJ19" s="71">
        <v>0</v>
      </c>
      <c r="DK19" s="72">
        <v>0</v>
      </c>
      <c r="DL19" s="244"/>
      <c r="DM19" s="71">
        <v>1</v>
      </c>
      <c r="DN19" s="71">
        <v>0</v>
      </c>
      <c r="DO19" s="71">
        <v>0</v>
      </c>
      <c r="DP19" s="71">
        <v>1</v>
      </c>
      <c r="DQ19" s="71">
        <v>0</v>
      </c>
      <c r="DR19" s="72">
        <v>2</v>
      </c>
      <c r="DS19" s="73">
        <v>2</v>
      </c>
      <c r="DT19" s="70">
        <v>1</v>
      </c>
      <c r="DU19" s="71">
        <v>2</v>
      </c>
      <c r="DV19" s="72">
        <v>3</v>
      </c>
      <c r="DW19" s="244"/>
      <c r="DX19" s="71">
        <v>3</v>
      </c>
      <c r="DY19" s="71">
        <v>3</v>
      </c>
      <c r="DZ19" s="71">
        <v>2</v>
      </c>
      <c r="EA19" s="71">
        <v>0</v>
      </c>
      <c r="EB19" s="71">
        <v>1</v>
      </c>
      <c r="EC19" s="72">
        <v>9</v>
      </c>
      <c r="ED19" s="73">
        <v>12</v>
      </c>
      <c r="EE19" s="70">
        <v>2</v>
      </c>
      <c r="EF19" s="71">
        <v>2</v>
      </c>
      <c r="EG19" s="72">
        <v>4</v>
      </c>
      <c r="EH19" s="244"/>
      <c r="EI19" s="71">
        <v>2</v>
      </c>
      <c r="EJ19" s="71">
        <v>1</v>
      </c>
      <c r="EK19" s="71">
        <v>2</v>
      </c>
      <c r="EL19" s="71">
        <v>0</v>
      </c>
      <c r="EM19" s="71">
        <v>1</v>
      </c>
      <c r="EN19" s="72">
        <v>6</v>
      </c>
      <c r="EO19" s="73">
        <v>10</v>
      </c>
      <c r="EP19" s="70">
        <v>4</v>
      </c>
      <c r="EQ19" s="71">
        <v>3</v>
      </c>
      <c r="ER19" s="72">
        <v>7</v>
      </c>
      <c r="ES19" s="244"/>
      <c r="ET19" s="71">
        <v>5</v>
      </c>
      <c r="EU19" s="71">
        <v>6</v>
      </c>
      <c r="EV19" s="71">
        <v>0</v>
      </c>
      <c r="EW19" s="71">
        <v>0</v>
      </c>
      <c r="EX19" s="71">
        <v>1</v>
      </c>
      <c r="EY19" s="72">
        <v>12</v>
      </c>
      <c r="EZ19" s="73">
        <v>19</v>
      </c>
      <c r="FA19" s="70">
        <v>1</v>
      </c>
      <c r="FB19" s="71">
        <v>4</v>
      </c>
      <c r="FC19" s="72">
        <v>5</v>
      </c>
      <c r="FD19" s="244"/>
      <c r="FE19" s="71">
        <v>8</v>
      </c>
      <c r="FF19" s="71">
        <v>5</v>
      </c>
      <c r="FG19" s="71">
        <v>8</v>
      </c>
      <c r="FH19" s="71">
        <v>3</v>
      </c>
      <c r="FI19" s="71">
        <v>1</v>
      </c>
      <c r="FJ19" s="72">
        <v>25</v>
      </c>
      <c r="FK19" s="73">
        <v>30</v>
      </c>
      <c r="FL19" s="70">
        <v>2</v>
      </c>
      <c r="FM19" s="71">
        <v>3</v>
      </c>
      <c r="FN19" s="72">
        <v>5</v>
      </c>
      <c r="FO19" s="244"/>
      <c r="FP19" s="71">
        <v>5</v>
      </c>
      <c r="FQ19" s="71">
        <v>7</v>
      </c>
      <c r="FR19" s="71">
        <v>7</v>
      </c>
      <c r="FS19" s="71">
        <v>12</v>
      </c>
      <c r="FT19" s="71">
        <v>4</v>
      </c>
      <c r="FU19" s="72">
        <v>35</v>
      </c>
      <c r="FV19" s="73">
        <v>40</v>
      </c>
      <c r="FW19" s="70">
        <v>0</v>
      </c>
      <c r="FX19" s="71">
        <v>0</v>
      </c>
      <c r="FY19" s="72">
        <v>0</v>
      </c>
      <c r="FZ19" s="244"/>
      <c r="GA19" s="71">
        <v>0</v>
      </c>
      <c r="GB19" s="71">
        <v>0</v>
      </c>
      <c r="GC19" s="71">
        <v>0</v>
      </c>
      <c r="GD19" s="71">
        <v>0</v>
      </c>
      <c r="GE19" s="71">
        <v>0</v>
      </c>
      <c r="GF19" s="72">
        <v>0</v>
      </c>
      <c r="GG19" s="73">
        <v>0</v>
      </c>
      <c r="GH19" s="70">
        <v>10</v>
      </c>
      <c r="GI19" s="71">
        <v>14</v>
      </c>
      <c r="GJ19" s="72">
        <v>24</v>
      </c>
      <c r="GK19" s="244"/>
      <c r="GL19" s="71">
        <v>24</v>
      </c>
      <c r="GM19" s="71">
        <v>22</v>
      </c>
      <c r="GN19" s="71">
        <v>19</v>
      </c>
      <c r="GO19" s="71">
        <v>16</v>
      </c>
      <c r="GP19" s="71">
        <v>8</v>
      </c>
      <c r="GQ19" s="72">
        <v>89</v>
      </c>
      <c r="GR19" s="73">
        <v>113</v>
      </c>
      <c r="GS19" s="123">
        <v>42</v>
      </c>
      <c r="GT19" s="82">
        <v>45</v>
      </c>
      <c r="GU19" s="83">
        <v>87</v>
      </c>
      <c r="GV19" s="241"/>
      <c r="GW19" s="82">
        <v>81</v>
      </c>
      <c r="GX19" s="82">
        <v>84</v>
      </c>
      <c r="GY19" s="82">
        <v>61</v>
      </c>
      <c r="GZ19" s="82">
        <v>40</v>
      </c>
      <c r="HA19" s="82">
        <v>28</v>
      </c>
      <c r="HB19" s="84">
        <v>294</v>
      </c>
      <c r="HC19" s="85">
        <v>381</v>
      </c>
      <c r="HD19" s="70">
        <v>0</v>
      </c>
      <c r="HE19" s="71">
        <v>2</v>
      </c>
      <c r="HF19" s="72">
        <v>2</v>
      </c>
      <c r="HG19" s="244"/>
      <c r="HH19" s="71">
        <v>3</v>
      </c>
      <c r="HI19" s="71">
        <v>1</v>
      </c>
      <c r="HJ19" s="71">
        <v>1</v>
      </c>
      <c r="HK19" s="71">
        <v>1</v>
      </c>
      <c r="HL19" s="71">
        <v>3</v>
      </c>
      <c r="HM19" s="72">
        <v>9</v>
      </c>
      <c r="HN19" s="73">
        <v>11</v>
      </c>
      <c r="HO19" s="70">
        <v>5</v>
      </c>
      <c r="HP19" s="71">
        <v>9</v>
      </c>
      <c r="HQ19" s="72">
        <v>14</v>
      </c>
      <c r="HR19" s="244"/>
      <c r="HS19" s="71">
        <v>7</v>
      </c>
      <c r="HT19" s="71">
        <v>14</v>
      </c>
      <c r="HU19" s="71">
        <v>5</v>
      </c>
      <c r="HV19" s="71">
        <v>4</v>
      </c>
      <c r="HW19" s="71">
        <v>2</v>
      </c>
      <c r="HX19" s="72">
        <v>32</v>
      </c>
      <c r="HY19" s="73">
        <v>46</v>
      </c>
      <c r="HZ19" s="70">
        <v>11</v>
      </c>
      <c r="IA19" s="71">
        <v>7</v>
      </c>
      <c r="IB19" s="72">
        <v>18</v>
      </c>
      <c r="IC19" s="244"/>
      <c r="ID19" s="71">
        <v>8</v>
      </c>
      <c r="IE19" s="71">
        <v>12</v>
      </c>
      <c r="IF19" s="71">
        <v>10</v>
      </c>
      <c r="IG19" s="71">
        <v>3</v>
      </c>
      <c r="IH19" s="71">
        <v>2</v>
      </c>
      <c r="II19" s="72">
        <v>35</v>
      </c>
      <c r="IJ19" s="73">
        <v>53</v>
      </c>
      <c r="IK19" s="70">
        <v>11</v>
      </c>
      <c r="IL19" s="71">
        <v>7</v>
      </c>
      <c r="IM19" s="72">
        <v>18</v>
      </c>
      <c r="IN19" s="244"/>
      <c r="IO19" s="71">
        <v>22</v>
      </c>
      <c r="IP19" s="71">
        <v>23</v>
      </c>
      <c r="IQ19" s="71">
        <v>9</v>
      </c>
      <c r="IR19" s="71">
        <v>0</v>
      </c>
      <c r="IS19" s="71">
        <v>7</v>
      </c>
      <c r="IT19" s="72">
        <v>61</v>
      </c>
      <c r="IU19" s="73">
        <v>79</v>
      </c>
      <c r="IV19" s="70">
        <v>11</v>
      </c>
      <c r="IW19" s="71">
        <v>13</v>
      </c>
      <c r="IX19" s="72">
        <v>24</v>
      </c>
      <c r="IY19" s="244"/>
      <c r="IZ19" s="71">
        <v>20</v>
      </c>
      <c r="JA19" s="71">
        <v>13</v>
      </c>
      <c r="JB19" s="71">
        <v>22</v>
      </c>
      <c r="JC19" s="71">
        <v>8</v>
      </c>
      <c r="JD19" s="71">
        <v>7</v>
      </c>
      <c r="JE19" s="72">
        <v>70</v>
      </c>
      <c r="JF19" s="73">
        <v>94</v>
      </c>
      <c r="JG19" s="70">
        <v>4</v>
      </c>
      <c r="JH19" s="71">
        <v>7</v>
      </c>
      <c r="JI19" s="72">
        <v>11</v>
      </c>
      <c r="JJ19" s="244"/>
      <c r="JK19" s="71">
        <v>21</v>
      </c>
      <c r="JL19" s="71">
        <v>21</v>
      </c>
      <c r="JM19" s="71">
        <v>14</v>
      </c>
      <c r="JN19" s="71">
        <v>24</v>
      </c>
      <c r="JO19" s="71">
        <v>7</v>
      </c>
      <c r="JP19" s="72">
        <v>87</v>
      </c>
      <c r="JQ19" s="73">
        <v>98</v>
      </c>
      <c r="JR19" s="70">
        <v>0</v>
      </c>
      <c r="JS19" s="71">
        <v>0</v>
      </c>
      <c r="JT19" s="72">
        <v>0</v>
      </c>
      <c r="JU19" s="244"/>
      <c r="JV19" s="71">
        <v>0</v>
      </c>
      <c r="JW19" s="71">
        <v>0</v>
      </c>
      <c r="JX19" s="71">
        <v>0</v>
      </c>
      <c r="JY19" s="71">
        <v>0</v>
      </c>
      <c r="JZ19" s="71">
        <v>0</v>
      </c>
      <c r="KA19" s="72">
        <v>0</v>
      </c>
      <c r="KB19" s="73">
        <v>0</v>
      </c>
      <c r="KC19" s="70">
        <v>42</v>
      </c>
      <c r="KD19" s="71">
        <v>45</v>
      </c>
      <c r="KE19" s="72">
        <v>87</v>
      </c>
      <c r="KF19" s="244"/>
      <c r="KG19" s="71">
        <v>81</v>
      </c>
      <c r="KH19" s="71">
        <v>84</v>
      </c>
      <c r="KI19" s="71">
        <v>61</v>
      </c>
      <c r="KJ19" s="71">
        <v>40</v>
      </c>
      <c r="KK19" s="71">
        <v>28</v>
      </c>
      <c r="KL19" s="72">
        <v>294</v>
      </c>
      <c r="KM19" s="73">
        <v>381</v>
      </c>
    </row>
    <row r="20" spans="2:299" ht="21" customHeight="1" x14ac:dyDescent="0.2">
      <c r="B20" s="126" t="s">
        <v>17</v>
      </c>
      <c r="C20" s="315">
        <v>39</v>
      </c>
      <c r="D20" s="82">
        <v>44</v>
      </c>
      <c r="E20" s="83">
        <v>83</v>
      </c>
      <c r="F20" s="241"/>
      <c r="G20" s="82">
        <v>72</v>
      </c>
      <c r="H20" s="82">
        <v>88</v>
      </c>
      <c r="I20" s="82">
        <v>64</v>
      </c>
      <c r="J20" s="82">
        <v>50</v>
      </c>
      <c r="K20" s="82">
        <v>19</v>
      </c>
      <c r="L20" s="84">
        <v>293</v>
      </c>
      <c r="M20" s="85">
        <v>376</v>
      </c>
      <c r="N20" s="70">
        <v>0</v>
      </c>
      <c r="O20" s="71">
        <v>1</v>
      </c>
      <c r="P20" s="72">
        <v>1</v>
      </c>
      <c r="Q20" s="244"/>
      <c r="R20" s="71">
        <v>4</v>
      </c>
      <c r="S20" s="71">
        <v>2</v>
      </c>
      <c r="T20" s="71">
        <v>4</v>
      </c>
      <c r="U20" s="71">
        <v>2</v>
      </c>
      <c r="V20" s="71">
        <v>0</v>
      </c>
      <c r="W20" s="72">
        <v>12</v>
      </c>
      <c r="X20" s="73">
        <v>13</v>
      </c>
      <c r="Y20" s="70">
        <v>2</v>
      </c>
      <c r="Z20" s="71">
        <v>6</v>
      </c>
      <c r="AA20" s="72">
        <v>8</v>
      </c>
      <c r="AB20" s="244"/>
      <c r="AC20" s="71">
        <v>5</v>
      </c>
      <c r="AD20" s="71">
        <v>9</v>
      </c>
      <c r="AE20" s="71">
        <v>8</v>
      </c>
      <c r="AF20" s="71">
        <v>4</v>
      </c>
      <c r="AG20" s="71">
        <v>1</v>
      </c>
      <c r="AH20" s="72">
        <v>27</v>
      </c>
      <c r="AI20" s="73">
        <v>35</v>
      </c>
      <c r="AJ20" s="70">
        <v>8</v>
      </c>
      <c r="AK20" s="71">
        <v>5</v>
      </c>
      <c r="AL20" s="72">
        <v>13</v>
      </c>
      <c r="AM20" s="244"/>
      <c r="AN20" s="71">
        <v>13</v>
      </c>
      <c r="AO20" s="71">
        <v>9</v>
      </c>
      <c r="AP20" s="71">
        <v>13</v>
      </c>
      <c r="AQ20" s="71">
        <v>10</v>
      </c>
      <c r="AR20" s="71">
        <v>5</v>
      </c>
      <c r="AS20" s="72">
        <v>50</v>
      </c>
      <c r="AT20" s="73">
        <v>63</v>
      </c>
      <c r="AU20" s="70">
        <v>6</v>
      </c>
      <c r="AV20" s="71">
        <v>6</v>
      </c>
      <c r="AW20" s="72">
        <v>12</v>
      </c>
      <c r="AX20" s="244"/>
      <c r="AY20" s="71">
        <v>16</v>
      </c>
      <c r="AZ20" s="71">
        <v>23</v>
      </c>
      <c r="BA20" s="71">
        <v>13</v>
      </c>
      <c r="BB20" s="71">
        <v>9</v>
      </c>
      <c r="BC20" s="71">
        <v>2</v>
      </c>
      <c r="BD20" s="72">
        <v>63</v>
      </c>
      <c r="BE20" s="73">
        <v>75</v>
      </c>
      <c r="BF20" s="70">
        <v>14</v>
      </c>
      <c r="BG20" s="71">
        <v>12</v>
      </c>
      <c r="BH20" s="72">
        <v>26</v>
      </c>
      <c r="BI20" s="244"/>
      <c r="BJ20" s="71">
        <v>21</v>
      </c>
      <c r="BK20" s="71">
        <v>22</v>
      </c>
      <c r="BL20" s="71">
        <v>12</v>
      </c>
      <c r="BM20" s="71">
        <v>13</v>
      </c>
      <c r="BN20" s="71">
        <v>3</v>
      </c>
      <c r="BO20" s="72">
        <v>71</v>
      </c>
      <c r="BP20" s="73">
        <v>97</v>
      </c>
      <c r="BQ20" s="70">
        <v>9</v>
      </c>
      <c r="BR20" s="71">
        <v>14</v>
      </c>
      <c r="BS20" s="72">
        <v>23</v>
      </c>
      <c r="BT20" s="244"/>
      <c r="BU20" s="71">
        <v>13</v>
      </c>
      <c r="BV20" s="71">
        <v>23</v>
      </c>
      <c r="BW20" s="71">
        <v>14</v>
      </c>
      <c r="BX20" s="71">
        <v>12</v>
      </c>
      <c r="BY20" s="71">
        <v>8</v>
      </c>
      <c r="BZ20" s="72">
        <v>70</v>
      </c>
      <c r="CA20" s="73">
        <v>93</v>
      </c>
      <c r="CB20" s="70">
        <v>0</v>
      </c>
      <c r="CC20" s="71">
        <v>0</v>
      </c>
      <c r="CD20" s="72">
        <v>0</v>
      </c>
      <c r="CE20" s="244"/>
      <c r="CF20" s="71">
        <v>0</v>
      </c>
      <c r="CG20" s="71">
        <v>0</v>
      </c>
      <c r="CH20" s="71">
        <v>0</v>
      </c>
      <c r="CI20" s="71">
        <v>0</v>
      </c>
      <c r="CJ20" s="71">
        <v>0</v>
      </c>
      <c r="CK20" s="72">
        <v>0</v>
      </c>
      <c r="CL20" s="73">
        <v>0</v>
      </c>
      <c r="CM20" s="70">
        <v>39</v>
      </c>
      <c r="CN20" s="71">
        <v>44</v>
      </c>
      <c r="CO20" s="72">
        <v>83</v>
      </c>
      <c r="CP20" s="244"/>
      <c r="CQ20" s="71">
        <v>72</v>
      </c>
      <c r="CR20" s="71">
        <v>88</v>
      </c>
      <c r="CS20" s="71">
        <v>64</v>
      </c>
      <c r="CT20" s="71">
        <v>50</v>
      </c>
      <c r="CU20" s="71">
        <v>19</v>
      </c>
      <c r="CV20" s="72">
        <v>293</v>
      </c>
      <c r="CW20" s="73">
        <v>376</v>
      </c>
      <c r="CX20" s="123">
        <v>24</v>
      </c>
      <c r="CY20" s="82">
        <v>20</v>
      </c>
      <c r="CZ20" s="83">
        <v>44</v>
      </c>
      <c r="DA20" s="241"/>
      <c r="DB20" s="82">
        <v>32</v>
      </c>
      <c r="DC20" s="82">
        <v>33</v>
      </c>
      <c r="DD20" s="82">
        <v>36</v>
      </c>
      <c r="DE20" s="82">
        <v>22</v>
      </c>
      <c r="DF20" s="82">
        <v>26</v>
      </c>
      <c r="DG20" s="84">
        <v>149</v>
      </c>
      <c r="DH20" s="85">
        <v>193</v>
      </c>
      <c r="DI20" s="70">
        <v>2</v>
      </c>
      <c r="DJ20" s="71">
        <v>1</v>
      </c>
      <c r="DK20" s="72">
        <v>3</v>
      </c>
      <c r="DL20" s="244"/>
      <c r="DM20" s="71">
        <v>0</v>
      </c>
      <c r="DN20" s="71">
        <v>0</v>
      </c>
      <c r="DO20" s="71">
        <v>0</v>
      </c>
      <c r="DP20" s="71">
        <v>0</v>
      </c>
      <c r="DQ20" s="71">
        <v>0</v>
      </c>
      <c r="DR20" s="72">
        <v>0</v>
      </c>
      <c r="DS20" s="73">
        <v>3</v>
      </c>
      <c r="DT20" s="70">
        <v>1</v>
      </c>
      <c r="DU20" s="71">
        <v>1</v>
      </c>
      <c r="DV20" s="72">
        <v>2</v>
      </c>
      <c r="DW20" s="244"/>
      <c r="DX20" s="71">
        <v>0</v>
      </c>
      <c r="DY20" s="71">
        <v>1</v>
      </c>
      <c r="DZ20" s="71">
        <v>0</v>
      </c>
      <c r="EA20" s="71">
        <v>3</v>
      </c>
      <c r="EB20" s="71">
        <v>1</v>
      </c>
      <c r="EC20" s="72">
        <v>5</v>
      </c>
      <c r="ED20" s="73">
        <v>7</v>
      </c>
      <c r="EE20" s="70">
        <v>6</v>
      </c>
      <c r="EF20" s="71">
        <v>2</v>
      </c>
      <c r="EG20" s="72">
        <v>8</v>
      </c>
      <c r="EH20" s="244"/>
      <c r="EI20" s="71">
        <v>5</v>
      </c>
      <c r="EJ20" s="71">
        <v>6</v>
      </c>
      <c r="EK20" s="71">
        <v>1</v>
      </c>
      <c r="EL20" s="71">
        <v>1</v>
      </c>
      <c r="EM20" s="71">
        <v>1</v>
      </c>
      <c r="EN20" s="72">
        <v>14</v>
      </c>
      <c r="EO20" s="73">
        <v>22</v>
      </c>
      <c r="EP20" s="70">
        <v>3</v>
      </c>
      <c r="EQ20" s="71">
        <v>10</v>
      </c>
      <c r="ER20" s="72">
        <v>13</v>
      </c>
      <c r="ES20" s="244"/>
      <c r="ET20" s="71">
        <v>10</v>
      </c>
      <c r="EU20" s="71">
        <v>6</v>
      </c>
      <c r="EV20" s="71">
        <v>9</v>
      </c>
      <c r="EW20" s="71">
        <v>3</v>
      </c>
      <c r="EX20" s="71">
        <v>9</v>
      </c>
      <c r="EY20" s="72">
        <v>37</v>
      </c>
      <c r="EZ20" s="73">
        <v>50</v>
      </c>
      <c r="FA20" s="70">
        <v>5</v>
      </c>
      <c r="FB20" s="71">
        <v>4</v>
      </c>
      <c r="FC20" s="72">
        <v>9</v>
      </c>
      <c r="FD20" s="244"/>
      <c r="FE20" s="71">
        <v>8</v>
      </c>
      <c r="FF20" s="71">
        <v>5</v>
      </c>
      <c r="FG20" s="71">
        <v>11</v>
      </c>
      <c r="FH20" s="71">
        <v>1</v>
      </c>
      <c r="FI20" s="71">
        <v>3</v>
      </c>
      <c r="FJ20" s="72">
        <v>28</v>
      </c>
      <c r="FK20" s="73">
        <v>37</v>
      </c>
      <c r="FL20" s="70">
        <v>7</v>
      </c>
      <c r="FM20" s="71">
        <v>2</v>
      </c>
      <c r="FN20" s="72">
        <v>9</v>
      </c>
      <c r="FO20" s="244"/>
      <c r="FP20" s="71">
        <v>9</v>
      </c>
      <c r="FQ20" s="71">
        <v>15</v>
      </c>
      <c r="FR20" s="71">
        <v>15</v>
      </c>
      <c r="FS20" s="71">
        <v>14</v>
      </c>
      <c r="FT20" s="71">
        <v>12</v>
      </c>
      <c r="FU20" s="72">
        <v>65</v>
      </c>
      <c r="FV20" s="73">
        <v>74</v>
      </c>
      <c r="FW20" s="70">
        <v>0</v>
      </c>
      <c r="FX20" s="71">
        <v>0</v>
      </c>
      <c r="FY20" s="72">
        <v>0</v>
      </c>
      <c r="FZ20" s="244"/>
      <c r="GA20" s="71">
        <v>0</v>
      </c>
      <c r="GB20" s="71">
        <v>0</v>
      </c>
      <c r="GC20" s="71">
        <v>0</v>
      </c>
      <c r="GD20" s="71">
        <v>0</v>
      </c>
      <c r="GE20" s="71">
        <v>0</v>
      </c>
      <c r="GF20" s="72">
        <v>0</v>
      </c>
      <c r="GG20" s="73">
        <v>0</v>
      </c>
      <c r="GH20" s="70">
        <v>24</v>
      </c>
      <c r="GI20" s="71">
        <v>20</v>
      </c>
      <c r="GJ20" s="72">
        <v>44</v>
      </c>
      <c r="GK20" s="244"/>
      <c r="GL20" s="71">
        <v>32</v>
      </c>
      <c r="GM20" s="71">
        <v>33</v>
      </c>
      <c r="GN20" s="71">
        <v>36</v>
      </c>
      <c r="GO20" s="71">
        <v>22</v>
      </c>
      <c r="GP20" s="71">
        <v>26</v>
      </c>
      <c r="GQ20" s="72">
        <v>149</v>
      </c>
      <c r="GR20" s="73">
        <v>193</v>
      </c>
      <c r="GS20" s="123">
        <v>63</v>
      </c>
      <c r="GT20" s="82">
        <v>64</v>
      </c>
      <c r="GU20" s="83">
        <v>127</v>
      </c>
      <c r="GV20" s="241"/>
      <c r="GW20" s="82">
        <v>104</v>
      </c>
      <c r="GX20" s="82">
        <v>121</v>
      </c>
      <c r="GY20" s="82">
        <v>100</v>
      </c>
      <c r="GZ20" s="82">
        <v>72</v>
      </c>
      <c r="HA20" s="82">
        <v>45</v>
      </c>
      <c r="HB20" s="84">
        <v>442</v>
      </c>
      <c r="HC20" s="85">
        <v>569</v>
      </c>
      <c r="HD20" s="70">
        <v>2</v>
      </c>
      <c r="HE20" s="71">
        <v>2</v>
      </c>
      <c r="HF20" s="72">
        <v>4</v>
      </c>
      <c r="HG20" s="244"/>
      <c r="HH20" s="71">
        <v>4</v>
      </c>
      <c r="HI20" s="71">
        <v>2</v>
      </c>
      <c r="HJ20" s="71">
        <v>4</v>
      </c>
      <c r="HK20" s="71">
        <v>2</v>
      </c>
      <c r="HL20" s="71">
        <v>0</v>
      </c>
      <c r="HM20" s="72">
        <v>12</v>
      </c>
      <c r="HN20" s="73">
        <v>16</v>
      </c>
      <c r="HO20" s="70">
        <v>3</v>
      </c>
      <c r="HP20" s="71">
        <v>7</v>
      </c>
      <c r="HQ20" s="72">
        <v>10</v>
      </c>
      <c r="HR20" s="244"/>
      <c r="HS20" s="71">
        <v>5</v>
      </c>
      <c r="HT20" s="71">
        <v>10</v>
      </c>
      <c r="HU20" s="71">
        <v>8</v>
      </c>
      <c r="HV20" s="71">
        <v>7</v>
      </c>
      <c r="HW20" s="71">
        <v>2</v>
      </c>
      <c r="HX20" s="72">
        <v>32</v>
      </c>
      <c r="HY20" s="73">
        <v>42</v>
      </c>
      <c r="HZ20" s="70">
        <v>14</v>
      </c>
      <c r="IA20" s="71">
        <v>7</v>
      </c>
      <c r="IB20" s="72">
        <v>21</v>
      </c>
      <c r="IC20" s="244"/>
      <c r="ID20" s="71">
        <v>18</v>
      </c>
      <c r="IE20" s="71">
        <v>15</v>
      </c>
      <c r="IF20" s="71">
        <v>14</v>
      </c>
      <c r="IG20" s="71">
        <v>11</v>
      </c>
      <c r="IH20" s="71">
        <v>6</v>
      </c>
      <c r="II20" s="72">
        <v>64</v>
      </c>
      <c r="IJ20" s="73">
        <v>85</v>
      </c>
      <c r="IK20" s="70">
        <v>9</v>
      </c>
      <c r="IL20" s="71">
        <v>16</v>
      </c>
      <c r="IM20" s="72">
        <v>25</v>
      </c>
      <c r="IN20" s="244"/>
      <c r="IO20" s="71">
        <v>26</v>
      </c>
      <c r="IP20" s="71">
        <v>29</v>
      </c>
      <c r="IQ20" s="71">
        <v>22</v>
      </c>
      <c r="IR20" s="71">
        <v>12</v>
      </c>
      <c r="IS20" s="71">
        <v>11</v>
      </c>
      <c r="IT20" s="72">
        <v>100</v>
      </c>
      <c r="IU20" s="73">
        <v>125</v>
      </c>
      <c r="IV20" s="70">
        <v>19</v>
      </c>
      <c r="IW20" s="71">
        <v>16</v>
      </c>
      <c r="IX20" s="72">
        <v>35</v>
      </c>
      <c r="IY20" s="244"/>
      <c r="IZ20" s="71">
        <v>29</v>
      </c>
      <c r="JA20" s="71">
        <v>27</v>
      </c>
      <c r="JB20" s="71">
        <v>23</v>
      </c>
      <c r="JC20" s="71">
        <v>14</v>
      </c>
      <c r="JD20" s="71">
        <v>6</v>
      </c>
      <c r="JE20" s="72">
        <v>99</v>
      </c>
      <c r="JF20" s="73">
        <v>134</v>
      </c>
      <c r="JG20" s="70">
        <v>16</v>
      </c>
      <c r="JH20" s="71">
        <v>16</v>
      </c>
      <c r="JI20" s="72">
        <v>32</v>
      </c>
      <c r="JJ20" s="244"/>
      <c r="JK20" s="71">
        <v>22</v>
      </c>
      <c r="JL20" s="71">
        <v>38</v>
      </c>
      <c r="JM20" s="71">
        <v>29</v>
      </c>
      <c r="JN20" s="71">
        <v>26</v>
      </c>
      <c r="JO20" s="71">
        <v>20</v>
      </c>
      <c r="JP20" s="72">
        <v>135</v>
      </c>
      <c r="JQ20" s="73">
        <v>167</v>
      </c>
      <c r="JR20" s="70">
        <v>0</v>
      </c>
      <c r="JS20" s="71">
        <v>0</v>
      </c>
      <c r="JT20" s="72">
        <v>0</v>
      </c>
      <c r="JU20" s="244"/>
      <c r="JV20" s="71">
        <v>0</v>
      </c>
      <c r="JW20" s="71">
        <v>0</v>
      </c>
      <c r="JX20" s="71">
        <v>0</v>
      </c>
      <c r="JY20" s="71">
        <v>0</v>
      </c>
      <c r="JZ20" s="71">
        <v>0</v>
      </c>
      <c r="KA20" s="72">
        <v>0</v>
      </c>
      <c r="KB20" s="73">
        <v>0</v>
      </c>
      <c r="KC20" s="70">
        <v>63</v>
      </c>
      <c r="KD20" s="71">
        <v>64</v>
      </c>
      <c r="KE20" s="72">
        <v>127</v>
      </c>
      <c r="KF20" s="244"/>
      <c r="KG20" s="71">
        <v>104</v>
      </c>
      <c r="KH20" s="71">
        <v>121</v>
      </c>
      <c r="KI20" s="71">
        <v>100</v>
      </c>
      <c r="KJ20" s="71">
        <v>72</v>
      </c>
      <c r="KK20" s="71">
        <v>45</v>
      </c>
      <c r="KL20" s="72">
        <v>442</v>
      </c>
      <c r="KM20" s="73">
        <v>569</v>
      </c>
    </row>
    <row r="21" spans="2:299" ht="21" customHeight="1" x14ac:dyDescent="0.2">
      <c r="B21" s="126" t="s">
        <v>18</v>
      </c>
      <c r="C21" s="315">
        <v>55</v>
      </c>
      <c r="D21" s="82">
        <v>71</v>
      </c>
      <c r="E21" s="83">
        <v>126</v>
      </c>
      <c r="F21" s="241"/>
      <c r="G21" s="82">
        <v>97</v>
      </c>
      <c r="H21" s="82">
        <v>95</v>
      </c>
      <c r="I21" s="82">
        <v>50</v>
      </c>
      <c r="J21" s="82">
        <v>50</v>
      </c>
      <c r="K21" s="82">
        <v>27</v>
      </c>
      <c r="L21" s="84">
        <v>319</v>
      </c>
      <c r="M21" s="85">
        <v>445</v>
      </c>
      <c r="N21" s="70">
        <v>3</v>
      </c>
      <c r="O21" s="71">
        <v>3</v>
      </c>
      <c r="P21" s="72">
        <v>6</v>
      </c>
      <c r="Q21" s="244"/>
      <c r="R21" s="71">
        <v>2</v>
      </c>
      <c r="S21" s="71">
        <v>7</v>
      </c>
      <c r="T21" s="71">
        <v>6</v>
      </c>
      <c r="U21" s="71">
        <v>2</v>
      </c>
      <c r="V21" s="71">
        <v>0</v>
      </c>
      <c r="W21" s="72">
        <v>17</v>
      </c>
      <c r="X21" s="73">
        <v>23</v>
      </c>
      <c r="Y21" s="70">
        <v>9</v>
      </c>
      <c r="Z21" s="71">
        <v>9</v>
      </c>
      <c r="AA21" s="72">
        <v>18</v>
      </c>
      <c r="AB21" s="244"/>
      <c r="AC21" s="71">
        <v>9</v>
      </c>
      <c r="AD21" s="71">
        <v>10</v>
      </c>
      <c r="AE21" s="71">
        <v>6</v>
      </c>
      <c r="AF21" s="71">
        <v>5</v>
      </c>
      <c r="AG21" s="71">
        <v>3</v>
      </c>
      <c r="AH21" s="72">
        <v>33</v>
      </c>
      <c r="AI21" s="73">
        <v>51</v>
      </c>
      <c r="AJ21" s="70">
        <v>4</v>
      </c>
      <c r="AK21" s="71">
        <v>10</v>
      </c>
      <c r="AL21" s="72">
        <v>14</v>
      </c>
      <c r="AM21" s="244"/>
      <c r="AN21" s="71">
        <v>15</v>
      </c>
      <c r="AO21" s="71">
        <v>16</v>
      </c>
      <c r="AP21" s="71">
        <v>6</v>
      </c>
      <c r="AQ21" s="71">
        <v>5</v>
      </c>
      <c r="AR21" s="71">
        <v>6</v>
      </c>
      <c r="AS21" s="72">
        <v>48</v>
      </c>
      <c r="AT21" s="73">
        <v>62</v>
      </c>
      <c r="AU21" s="70">
        <v>13</v>
      </c>
      <c r="AV21" s="71">
        <v>15</v>
      </c>
      <c r="AW21" s="72">
        <v>28</v>
      </c>
      <c r="AX21" s="244"/>
      <c r="AY21" s="71">
        <v>21</v>
      </c>
      <c r="AZ21" s="71">
        <v>20</v>
      </c>
      <c r="BA21" s="71">
        <v>10</v>
      </c>
      <c r="BB21" s="71">
        <v>12</v>
      </c>
      <c r="BC21" s="71">
        <v>6</v>
      </c>
      <c r="BD21" s="72">
        <v>69</v>
      </c>
      <c r="BE21" s="73">
        <v>97</v>
      </c>
      <c r="BF21" s="70">
        <v>12</v>
      </c>
      <c r="BG21" s="71">
        <v>17</v>
      </c>
      <c r="BH21" s="72">
        <v>29</v>
      </c>
      <c r="BI21" s="244"/>
      <c r="BJ21" s="71">
        <v>29</v>
      </c>
      <c r="BK21" s="71">
        <v>24</v>
      </c>
      <c r="BL21" s="71">
        <v>10</v>
      </c>
      <c r="BM21" s="71">
        <v>11</v>
      </c>
      <c r="BN21" s="71">
        <v>6</v>
      </c>
      <c r="BO21" s="72">
        <v>80</v>
      </c>
      <c r="BP21" s="73">
        <v>109</v>
      </c>
      <c r="BQ21" s="70">
        <v>14</v>
      </c>
      <c r="BR21" s="71">
        <v>17</v>
      </c>
      <c r="BS21" s="72">
        <v>31</v>
      </c>
      <c r="BT21" s="244"/>
      <c r="BU21" s="71">
        <v>21</v>
      </c>
      <c r="BV21" s="71">
        <v>18</v>
      </c>
      <c r="BW21" s="71">
        <v>12</v>
      </c>
      <c r="BX21" s="71">
        <v>15</v>
      </c>
      <c r="BY21" s="71">
        <v>6</v>
      </c>
      <c r="BZ21" s="72">
        <v>72</v>
      </c>
      <c r="CA21" s="73">
        <v>103</v>
      </c>
      <c r="CB21" s="70">
        <v>0</v>
      </c>
      <c r="CC21" s="71">
        <v>0</v>
      </c>
      <c r="CD21" s="72">
        <v>0</v>
      </c>
      <c r="CE21" s="244"/>
      <c r="CF21" s="71">
        <v>0</v>
      </c>
      <c r="CG21" s="71">
        <v>0</v>
      </c>
      <c r="CH21" s="71">
        <v>0</v>
      </c>
      <c r="CI21" s="71">
        <v>0</v>
      </c>
      <c r="CJ21" s="71">
        <v>0</v>
      </c>
      <c r="CK21" s="72">
        <v>0</v>
      </c>
      <c r="CL21" s="73">
        <v>0</v>
      </c>
      <c r="CM21" s="70">
        <v>55</v>
      </c>
      <c r="CN21" s="71">
        <v>71</v>
      </c>
      <c r="CO21" s="72">
        <v>126</v>
      </c>
      <c r="CP21" s="244"/>
      <c r="CQ21" s="71">
        <v>97</v>
      </c>
      <c r="CR21" s="71">
        <v>95</v>
      </c>
      <c r="CS21" s="71">
        <v>50</v>
      </c>
      <c r="CT21" s="71">
        <v>50</v>
      </c>
      <c r="CU21" s="71">
        <v>27</v>
      </c>
      <c r="CV21" s="72">
        <v>319</v>
      </c>
      <c r="CW21" s="73">
        <v>445</v>
      </c>
      <c r="CX21" s="123">
        <v>27</v>
      </c>
      <c r="CY21" s="82">
        <v>28</v>
      </c>
      <c r="CZ21" s="83">
        <v>55</v>
      </c>
      <c r="DA21" s="241"/>
      <c r="DB21" s="82">
        <v>42</v>
      </c>
      <c r="DC21" s="82">
        <v>48</v>
      </c>
      <c r="DD21" s="82">
        <v>34</v>
      </c>
      <c r="DE21" s="82">
        <v>25</v>
      </c>
      <c r="DF21" s="82">
        <v>27</v>
      </c>
      <c r="DG21" s="84">
        <v>176</v>
      </c>
      <c r="DH21" s="85">
        <v>231</v>
      </c>
      <c r="DI21" s="70">
        <v>2</v>
      </c>
      <c r="DJ21" s="71">
        <v>2</v>
      </c>
      <c r="DK21" s="72">
        <v>4</v>
      </c>
      <c r="DL21" s="244"/>
      <c r="DM21" s="71">
        <v>0</v>
      </c>
      <c r="DN21" s="71">
        <v>1</v>
      </c>
      <c r="DO21" s="71">
        <v>0</v>
      </c>
      <c r="DP21" s="71">
        <v>0</v>
      </c>
      <c r="DQ21" s="71">
        <v>2</v>
      </c>
      <c r="DR21" s="72">
        <v>3</v>
      </c>
      <c r="DS21" s="73">
        <v>7</v>
      </c>
      <c r="DT21" s="70">
        <v>2</v>
      </c>
      <c r="DU21" s="71">
        <v>3</v>
      </c>
      <c r="DV21" s="72">
        <v>5</v>
      </c>
      <c r="DW21" s="244"/>
      <c r="DX21" s="71">
        <v>2</v>
      </c>
      <c r="DY21" s="71">
        <v>3</v>
      </c>
      <c r="DZ21" s="71">
        <v>0</v>
      </c>
      <c r="EA21" s="71">
        <v>0</v>
      </c>
      <c r="EB21" s="71">
        <v>2</v>
      </c>
      <c r="EC21" s="72">
        <v>7</v>
      </c>
      <c r="ED21" s="73">
        <v>12</v>
      </c>
      <c r="EE21" s="70">
        <v>7</v>
      </c>
      <c r="EF21" s="71">
        <v>5</v>
      </c>
      <c r="EG21" s="72">
        <v>12</v>
      </c>
      <c r="EH21" s="244"/>
      <c r="EI21" s="71">
        <v>5</v>
      </c>
      <c r="EJ21" s="71">
        <v>6</v>
      </c>
      <c r="EK21" s="71">
        <v>3</v>
      </c>
      <c r="EL21" s="71">
        <v>1</v>
      </c>
      <c r="EM21" s="71">
        <v>2</v>
      </c>
      <c r="EN21" s="72">
        <v>17</v>
      </c>
      <c r="EO21" s="73">
        <v>29</v>
      </c>
      <c r="EP21" s="70">
        <v>9</v>
      </c>
      <c r="EQ21" s="71">
        <v>4</v>
      </c>
      <c r="ER21" s="72">
        <v>13</v>
      </c>
      <c r="ES21" s="244"/>
      <c r="ET21" s="71">
        <v>11</v>
      </c>
      <c r="EU21" s="71">
        <v>8</v>
      </c>
      <c r="EV21" s="71">
        <v>4</v>
      </c>
      <c r="EW21" s="71">
        <v>7</v>
      </c>
      <c r="EX21" s="71">
        <v>2</v>
      </c>
      <c r="EY21" s="72">
        <v>32</v>
      </c>
      <c r="EZ21" s="73">
        <v>45</v>
      </c>
      <c r="FA21" s="70">
        <v>6</v>
      </c>
      <c r="FB21" s="71">
        <v>9</v>
      </c>
      <c r="FC21" s="72">
        <v>15</v>
      </c>
      <c r="FD21" s="244"/>
      <c r="FE21" s="71">
        <v>15</v>
      </c>
      <c r="FF21" s="71">
        <v>14</v>
      </c>
      <c r="FG21" s="71">
        <v>12</v>
      </c>
      <c r="FH21" s="71">
        <v>6</v>
      </c>
      <c r="FI21" s="71">
        <v>6</v>
      </c>
      <c r="FJ21" s="72">
        <v>53</v>
      </c>
      <c r="FK21" s="73">
        <v>68</v>
      </c>
      <c r="FL21" s="70">
        <v>1</v>
      </c>
      <c r="FM21" s="71">
        <v>5</v>
      </c>
      <c r="FN21" s="72">
        <v>6</v>
      </c>
      <c r="FO21" s="244"/>
      <c r="FP21" s="71">
        <v>9</v>
      </c>
      <c r="FQ21" s="71">
        <v>16</v>
      </c>
      <c r="FR21" s="71">
        <v>15</v>
      </c>
      <c r="FS21" s="71">
        <v>11</v>
      </c>
      <c r="FT21" s="71">
        <v>13</v>
      </c>
      <c r="FU21" s="72">
        <v>64</v>
      </c>
      <c r="FV21" s="73">
        <v>70</v>
      </c>
      <c r="FW21" s="70">
        <v>0</v>
      </c>
      <c r="FX21" s="71">
        <v>0</v>
      </c>
      <c r="FY21" s="72">
        <v>0</v>
      </c>
      <c r="FZ21" s="244"/>
      <c r="GA21" s="71">
        <v>0</v>
      </c>
      <c r="GB21" s="71">
        <v>0</v>
      </c>
      <c r="GC21" s="71">
        <v>0</v>
      </c>
      <c r="GD21" s="71">
        <v>0</v>
      </c>
      <c r="GE21" s="71">
        <v>0</v>
      </c>
      <c r="GF21" s="72">
        <v>0</v>
      </c>
      <c r="GG21" s="73">
        <v>0</v>
      </c>
      <c r="GH21" s="70">
        <v>27</v>
      </c>
      <c r="GI21" s="71">
        <v>28</v>
      </c>
      <c r="GJ21" s="72">
        <v>55</v>
      </c>
      <c r="GK21" s="244"/>
      <c r="GL21" s="71">
        <v>42</v>
      </c>
      <c r="GM21" s="71">
        <v>48</v>
      </c>
      <c r="GN21" s="71">
        <v>34</v>
      </c>
      <c r="GO21" s="71">
        <v>25</v>
      </c>
      <c r="GP21" s="71">
        <v>27</v>
      </c>
      <c r="GQ21" s="72">
        <v>176</v>
      </c>
      <c r="GR21" s="73">
        <v>231</v>
      </c>
      <c r="GS21" s="123">
        <v>82</v>
      </c>
      <c r="GT21" s="82">
        <v>99</v>
      </c>
      <c r="GU21" s="83">
        <v>181</v>
      </c>
      <c r="GV21" s="241"/>
      <c r="GW21" s="82">
        <v>139</v>
      </c>
      <c r="GX21" s="82">
        <v>143</v>
      </c>
      <c r="GY21" s="82">
        <v>84</v>
      </c>
      <c r="GZ21" s="82">
        <v>75</v>
      </c>
      <c r="HA21" s="82">
        <v>54</v>
      </c>
      <c r="HB21" s="84">
        <v>495</v>
      </c>
      <c r="HC21" s="85">
        <v>676</v>
      </c>
      <c r="HD21" s="70">
        <v>5</v>
      </c>
      <c r="HE21" s="71">
        <v>5</v>
      </c>
      <c r="HF21" s="72">
        <v>10</v>
      </c>
      <c r="HG21" s="244"/>
      <c r="HH21" s="71">
        <v>2</v>
      </c>
      <c r="HI21" s="71">
        <v>8</v>
      </c>
      <c r="HJ21" s="71">
        <v>6</v>
      </c>
      <c r="HK21" s="71">
        <v>2</v>
      </c>
      <c r="HL21" s="71">
        <v>2</v>
      </c>
      <c r="HM21" s="72">
        <v>20</v>
      </c>
      <c r="HN21" s="73">
        <v>30</v>
      </c>
      <c r="HO21" s="70">
        <v>11</v>
      </c>
      <c r="HP21" s="71">
        <v>12</v>
      </c>
      <c r="HQ21" s="72">
        <v>23</v>
      </c>
      <c r="HR21" s="244"/>
      <c r="HS21" s="71">
        <v>11</v>
      </c>
      <c r="HT21" s="71">
        <v>13</v>
      </c>
      <c r="HU21" s="71">
        <v>6</v>
      </c>
      <c r="HV21" s="71">
        <v>5</v>
      </c>
      <c r="HW21" s="71">
        <v>5</v>
      </c>
      <c r="HX21" s="72">
        <v>40</v>
      </c>
      <c r="HY21" s="73">
        <v>63</v>
      </c>
      <c r="HZ21" s="70">
        <v>11</v>
      </c>
      <c r="IA21" s="71">
        <v>15</v>
      </c>
      <c r="IB21" s="72">
        <v>26</v>
      </c>
      <c r="IC21" s="244"/>
      <c r="ID21" s="71">
        <v>20</v>
      </c>
      <c r="IE21" s="71">
        <v>22</v>
      </c>
      <c r="IF21" s="71">
        <v>9</v>
      </c>
      <c r="IG21" s="71">
        <v>6</v>
      </c>
      <c r="IH21" s="71">
        <v>8</v>
      </c>
      <c r="II21" s="72">
        <v>65</v>
      </c>
      <c r="IJ21" s="73">
        <v>91</v>
      </c>
      <c r="IK21" s="70">
        <v>22</v>
      </c>
      <c r="IL21" s="71">
        <v>19</v>
      </c>
      <c r="IM21" s="72">
        <v>41</v>
      </c>
      <c r="IN21" s="244"/>
      <c r="IO21" s="71">
        <v>32</v>
      </c>
      <c r="IP21" s="71">
        <v>28</v>
      </c>
      <c r="IQ21" s="71">
        <v>14</v>
      </c>
      <c r="IR21" s="71">
        <v>19</v>
      </c>
      <c r="IS21" s="71">
        <v>8</v>
      </c>
      <c r="IT21" s="72">
        <v>101</v>
      </c>
      <c r="IU21" s="73">
        <v>142</v>
      </c>
      <c r="IV21" s="70">
        <v>18</v>
      </c>
      <c r="IW21" s="71">
        <v>26</v>
      </c>
      <c r="IX21" s="72">
        <v>44</v>
      </c>
      <c r="IY21" s="244"/>
      <c r="IZ21" s="71">
        <v>44</v>
      </c>
      <c r="JA21" s="71">
        <v>38</v>
      </c>
      <c r="JB21" s="71">
        <v>22</v>
      </c>
      <c r="JC21" s="71">
        <v>17</v>
      </c>
      <c r="JD21" s="71">
        <v>12</v>
      </c>
      <c r="JE21" s="72">
        <v>133</v>
      </c>
      <c r="JF21" s="73">
        <v>177</v>
      </c>
      <c r="JG21" s="70">
        <v>15</v>
      </c>
      <c r="JH21" s="71">
        <v>22</v>
      </c>
      <c r="JI21" s="72">
        <v>37</v>
      </c>
      <c r="JJ21" s="244"/>
      <c r="JK21" s="71">
        <v>30</v>
      </c>
      <c r="JL21" s="71">
        <v>34</v>
      </c>
      <c r="JM21" s="71">
        <v>27</v>
      </c>
      <c r="JN21" s="71">
        <v>26</v>
      </c>
      <c r="JO21" s="71">
        <v>19</v>
      </c>
      <c r="JP21" s="72">
        <v>136</v>
      </c>
      <c r="JQ21" s="73">
        <v>173</v>
      </c>
      <c r="JR21" s="70">
        <v>0</v>
      </c>
      <c r="JS21" s="71">
        <v>0</v>
      </c>
      <c r="JT21" s="72">
        <v>0</v>
      </c>
      <c r="JU21" s="244"/>
      <c r="JV21" s="71">
        <v>0</v>
      </c>
      <c r="JW21" s="71">
        <v>0</v>
      </c>
      <c r="JX21" s="71">
        <v>0</v>
      </c>
      <c r="JY21" s="71">
        <v>0</v>
      </c>
      <c r="JZ21" s="71">
        <v>0</v>
      </c>
      <c r="KA21" s="72">
        <v>0</v>
      </c>
      <c r="KB21" s="73">
        <v>0</v>
      </c>
      <c r="KC21" s="70">
        <v>82</v>
      </c>
      <c r="KD21" s="71">
        <v>99</v>
      </c>
      <c r="KE21" s="72">
        <v>181</v>
      </c>
      <c r="KF21" s="244"/>
      <c r="KG21" s="71">
        <v>139</v>
      </c>
      <c r="KH21" s="71">
        <v>143</v>
      </c>
      <c r="KI21" s="71">
        <v>84</v>
      </c>
      <c r="KJ21" s="71">
        <v>75</v>
      </c>
      <c r="KK21" s="71">
        <v>54</v>
      </c>
      <c r="KL21" s="72">
        <v>495</v>
      </c>
      <c r="KM21" s="73">
        <v>676</v>
      </c>
    </row>
    <row r="22" spans="2:299" ht="21" customHeight="1" x14ac:dyDescent="0.2">
      <c r="B22" s="126" t="s">
        <v>19</v>
      </c>
      <c r="C22" s="315">
        <v>31</v>
      </c>
      <c r="D22" s="82">
        <v>24</v>
      </c>
      <c r="E22" s="83">
        <v>55</v>
      </c>
      <c r="F22" s="241"/>
      <c r="G22" s="82">
        <v>49</v>
      </c>
      <c r="H22" s="82">
        <v>40</v>
      </c>
      <c r="I22" s="82">
        <v>22</v>
      </c>
      <c r="J22" s="82">
        <v>16</v>
      </c>
      <c r="K22" s="82">
        <v>11</v>
      </c>
      <c r="L22" s="84">
        <v>138</v>
      </c>
      <c r="M22" s="85">
        <v>193</v>
      </c>
      <c r="N22" s="86">
        <v>2</v>
      </c>
      <c r="O22" s="71">
        <v>1</v>
      </c>
      <c r="P22" s="72">
        <v>3</v>
      </c>
      <c r="Q22" s="244"/>
      <c r="R22" s="71">
        <v>2</v>
      </c>
      <c r="S22" s="71">
        <v>1</v>
      </c>
      <c r="T22" s="71">
        <v>0</v>
      </c>
      <c r="U22" s="71">
        <v>1</v>
      </c>
      <c r="V22" s="71">
        <v>0</v>
      </c>
      <c r="W22" s="72">
        <v>4</v>
      </c>
      <c r="X22" s="73">
        <v>7</v>
      </c>
      <c r="Y22" s="70">
        <v>2</v>
      </c>
      <c r="Z22" s="71">
        <v>1</v>
      </c>
      <c r="AA22" s="72">
        <v>3</v>
      </c>
      <c r="AB22" s="244"/>
      <c r="AC22" s="71">
        <v>6</v>
      </c>
      <c r="AD22" s="71">
        <v>5</v>
      </c>
      <c r="AE22" s="71">
        <v>4</v>
      </c>
      <c r="AF22" s="71">
        <v>2</v>
      </c>
      <c r="AG22" s="71">
        <v>1</v>
      </c>
      <c r="AH22" s="72">
        <v>18</v>
      </c>
      <c r="AI22" s="73">
        <v>21</v>
      </c>
      <c r="AJ22" s="86">
        <v>8</v>
      </c>
      <c r="AK22" s="71">
        <v>1</v>
      </c>
      <c r="AL22" s="72">
        <v>9</v>
      </c>
      <c r="AM22" s="244"/>
      <c r="AN22" s="71">
        <v>4</v>
      </c>
      <c r="AO22" s="71">
        <v>4</v>
      </c>
      <c r="AP22" s="71">
        <v>0</v>
      </c>
      <c r="AQ22" s="71">
        <v>4</v>
      </c>
      <c r="AR22" s="71">
        <v>0</v>
      </c>
      <c r="AS22" s="72">
        <v>12</v>
      </c>
      <c r="AT22" s="73">
        <v>21</v>
      </c>
      <c r="AU22" s="70">
        <v>4</v>
      </c>
      <c r="AV22" s="71">
        <v>6</v>
      </c>
      <c r="AW22" s="72">
        <v>10</v>
      </c>
      <c r="AX22" s="244"/>
      <c r="AY22" s="71">
        <v>8</v>
      </c>
      <c r="AZ22" s="71">
        <v>9</v>
      </c>
      <c r="BA22" s="71">
        <v>4</v>
      </c>
      <c r="BB22" s="71">
        <v>3</v>
      </c>
      <c r="BC22" s="71">
        <v>4</v>
      </c>
      <c r="BD22" s="72">
        <v>28</v>
      </c>
      <c r="BE22" s="73">
        <v>38</v>
      </c>
      <c r="BF22" s="86">
        <v>9</v>
      </c>
      <c r="BG22" s="71">
        <v>8</v>
      </c>
      <c r="BH22" s="72">
        <v>17</v>
      </c>
      <c r="BI22" s="244"/>
      <c r="BJ22" s="71">
        <v>11</v>
      </c>
      <c r="BK22" s="71">
        <v>8</v>
      </c>
      <c r="BL22" s="71">
        <v>7</v>
      </c>
      <c r="BM22" s="71">
        <v>1</v>
      </c>
      <c r="BN22" s="71">
        <v>3</v>
      </c>
      <c r="BO22" s="72">
        <v>30</v>
      </c>
      <c r="BP22" s="73">
        <v>47</v>
      </c>
      <c r="BQ22" s="70">
        <v>6</v>
      </c>
      <c r="BR22" s="71">
        <v>7</v>
      </c>
      <c r="BS22" s="72">
        <v>13</v>
      </c>
      <c r="BT22" s="244"/>
      <c r="BU22" s="71">
        <v>18</v>
      </c>
      <c r="BV22" s="71">
        <v>13</v>
      </c>
      <c r="BW22" s="71">
        <v>7</v>
      </c>
      <c r="BX22" s="71">
        <v>5</v>
      </c>
      <c r="BY22" s="71">
        <v>3</v>
      </c>
      <c r="BZ22" s="72">
        <v>46</v>
      </c>
      <c r="CA22" s="73">
        <v>59</v>
      </c>
      <c r="CB22" s="70">
        <v>0</v>
      </c>
      <c r="CC22" s="71">
        <v>0</v>
      </c>
      <c r="CD22" s="72">
        <v>0</v>
      </c>
      <c r="CE22" s="244"/>
      <c r="CF22" s="71">
        <v>0</v>
      </c>
      <c r="CG22" s="71">
        <v>0</v>
      </c>
      <c r="CH22" s="71">
        <v>0</v>
      </c>
      <c r="CI22" s="71">
        <v>0</v>
      </c>
      <c r="CJ22" s="71">
        <v>0</v>
      </c>
      <c r="CK22" s="72">
        <v>0</v>
      </c>
      <c r="CL22" s="73">
        <v>0</v>
      </c>
      <c r="CM22" s="70">
        <v>31</v>
      </c>
      <c r="CN22" s="71">
        <v>24</v>
      </c>
      <c r="CO22" s="72">
        <v>55</v>
      </c>
      <c r="CP22" s="244"/>
      <c r="CQ22" s="71">
        <v>49</v>
      </c>
      <c r="CR22" s="71">
        <v>40</v>
      </c>
      <c r="CS22" s="71">
        <v>22</v>
      </c>
      <c r="CT22" s="71">
        <v>16</v>
      </c>
      <c r="CU22" s="71">
        <v>11</v>
      </c>
      <c r="CV22" s="72">
        <v>138</v>
      </c>
      <c r="CW22" s="73">
        <v>193</v>
      </c>
      <c r="CX22" s="123">
        <v>10</v>
      </c>
      <c r="CY22" s="82">
        <v>9</v>
      </c>
      <c r="CZ22" s="83">
        <v>19</v>
      </c>
      <c r="DA22" s="241"/>
      <c r="DB22" s="82">
        <v>14</v>
      </c>
      <c r="DC22" s="82">
        <v>9</v>
      </c>
      <c r="DD22" s="82">
        <v>6</v>
      </c>
      <c r="DE22" s="82">
        <v>11</v>
      </c>
      <c r="DF22" s="82">
        <v>9</v>
      </c>
      <c r="DG22" s="84">
        <v>49</v>
      </c>
      <c r="DH22" s="85">
        <v>68</v>
      </c>
      <c r="DI22" s="86">
        <v>0</v>
      </c>
      <c r="DJ22" s="71">
        <v>0</v>
      </c>
      <c r="DK22" s="72">
        <v>0</v>
      </c>
      <c r="DL22" s="244"/>
      <c r="DM22" s="71">
        <v>1</v>
      </c>
      <c r="DN22" s="71">
        <v>0</v>
      </c>
      <c r="DO22" s="71">
        <v>1</v>
      </c>
      <c r="DP22" s="71">
        <v>0</v>
      </c>
      <c r="DQ22" s="71">
        <v>1</v>
      </c>
      <c r="DR22" s="72">
        <v>3</v>
      </c>
      <c r="DS22" s="73">
        <v>3</v>
      </c>
      <c r="DT22" s="70">
        <v>2</v>
      </c>
      <c r="DU22" s="71">
        <v>1</v>
      </c>
      <c r="DV22" s="72">
        <v>3</v>
      </c>
      <c r="DW22" s="244"/>
      <c r="DX22" s="71">
        <v>1</v>
      </c>
      <c r="DY22" s="71">
        <v>1</v>
      </c>
      <c r="DZ22" s="71">
        <v>0</v>
      </c>
      <c r="EA22" s="71">
        <v>0</v>
      </c>
      <c r="EB22" s="71">
        <v>0</v>
      </c>
      <c r="EC22" s="72">
        <v>2</v>
      </c>
      <c r="ED22" s="73">
        <v>5</v>
      </c>
      <c r="EE22" s="86">
        <v>2</v>
      </c>
      <c r="EF22" s="71">
        <v>1</v>
      </c>
      <c r="EG22" s="72">
        <v>3</v>
      </c>
      <c r="EH22" s="244"/>
      <c r="EI22" s="71">
        <v>2</v>
      </c>
      <c r="EJ22" s="71">
        <v>0</v>
      </c>
      <c r="EK22" s="71">
        <v>0</v>
      </c>
      <c r="EL22" s="71">
        <v>2</v>
      </c>
      <c r="EM22" s="71">
        <v>1</v>
      </c>
      <c r="EN22" s="72">
        <v>5</v>
      </c>
      <c r="EO22" s="73">
        <v>8</v>
      </c>
      <c r="EP22" s="70">
        <v>3</v>
      </c>
      <c r="EQ22" s="71">
        <v>2</v>
      </c>
      <c r="ER22" s="72">
        <v>5</v>
      </c>
      <c r="ES22" s="244"/>
      <c r="ET22" s="71">
        <v>3</v>
      </c>
      <c r="EU22" s="71">
        <v>1</v>
      </c>
      <c r="EV22" s="71">
        <v>3</v>
      </c>
      <c r="EW22" s="71">
        <v>4</v>
      </c>
      <c r="EX22" s="71">
        <v>1</v>
      </c>
      <c r="EY22" s="72">
        <v>12</v>
      </c>
      <c r="EZ22" s="73">
        <v>17</v>
      </c>
      <c r="FA22" s="86">
        <v>0</v>
      </c>
      <c r="FB22" s="71">
        <v>1</v>
      </c>
      <c r="FC22" s="72">
        <v>1</v>
      </c>
      <c r="FD22" s="244"/>
      <c r="FE22" s="71">
        <v>1</v>
      </c>
      <c r="FF22" s="71">
        <v>1</v>
      </c>
      <c r="FG22" s="71">
        <v>0</v>
      </c>
      <c r="FH22" s="71">
        <v>2</v>
      </c>
      <c r="FI22" s="71">
        <v>3</v>
      </c>
      <c r="FJ22" s="72">
        <v>7</v>
      </c>
      <c r="FK22" s="73">
        <v>8</v>
      </c>
      <c r="FL22" s="70">
        <v>3</v>
      </c>
      <c r="FM22" s="71">
        <v>4</v>
      </c>
      <c r="FN22" s="72">
        <v>7</v>
      </c>
      <c r="FO22" s="244"/>
      <c r="FP22" s="71">
        <v>6</v>
      </c>
      <c r="FQ22" s="71">
        <v>6</v>
      </c>
      <c r="FR22" s="71">
        <v>2</v>
      </c>
      <c r="FS22" s="71">
        <v>3</v>
      </c>
      <c r="FT22" s="71">
        <v>3</v>
      </c>
      <c r="FU22" s="72">
        <v>20</v>
      </c>
      <c r="FV22" s="73">
        <v>27</v>
      </c>
      <c r="FW22" s="70">
        <v>0</v>
      </c>
      <c r="FX22" s="71">
        <v>0</v>
      </c>
      <c r="FY22" s="72">
        <v>0</v>
      </c>
      <c r="FZ22" s="244"/>
      <c r="GA22" s="71">
        <v>0</v>
      </c>
      <c r="GB22" s="71">
        <v>0</v>
      </c>
      <c r="GC22" s="71">
        <v>0</v>
      </c>
      <c r="GD22" s="71">
        <v>0</v>
      </c>
      <c r="GE22" s="71">
        <v>0</v>
      </c>
      <c r="GF22" s="72">
        <v>0</v>
      </c>
      <c r="GG22" s="73">
        <v>0</v>
      </c>
      <c r="GH22" s="70">
        <v>10</v>
      </c>
      <c r="GI22" s="71">
        <v>9</v>
      </c>
      <c r="GJ22" s="72">
        <v>19</v>
      </c>
      <c r="GK22" s="244"/>
      <c r="GL22" s="71">
        <v>14</v>
      </c>
      <c r="GM22" s="71">
        <v>9</v>
      </c>
      <c r="GN22" s="71">
        <v>6</v>
      </c>
      <c r="GO22" s="71">
        <v>11</v>
      </c>
      <c r="GP22" s="71">
        <v>9</v>
      </c>
      <c r="GQ22" s="72">
        <v>49</v>
      </c>
      <c r="GR22" s="73">
        <v>68</v>
      </c>
      <c r="GS22" s="123">
        <v>41</v>
      </c>
      <c r="GT22" s="82">
        <v>33</v>
      </c>
      <c r="GU22" s="83">
        <v>74</v>
      </c>
      <c r="GV22" s="241"/>
      <c r="GW22" s="82">
        <v>63</v>
      </c>
      <c r="GX22" s="82">
        <v>49</v>
      </c>
      <c r="GY22" s="82">
        <v>28</v>
      </c>
      <c r="GZ22" s="82">
        <v>27</v>
      </c>
      <c r="HA22" s="82">
        <v>20</v>
      </c>
      <c r="HB22" s="84">
        <v>187</v>
      </c>
      <c r="HC22" s="85">
        <v>261</v>
      </c>
      <c r="HD22" s="86">
        <v>2</v>
      </c>
      <c r="HE22" s="71">
        <v>1</v>
      </c>
      <c r="HF22" s="72">
        <v>3</v>
      </c>
      <c r="HG22" s="244"/>
      <c r="HH22" s="71">
        <v>3</v>
      </c>
      <c r="HI22" s="71">
        <v>1</v>
      </c>
      <c r="HJ22" s="71">
        <v>1</v>
      </c>
      <c r="HK22" s="71">
        <v>1</v>
      </c>
      <c r="HL22" s="71">
        <v>1</v>
      </c>
      <c r="HM22" s="72">
        <v>7</v>
      </c>
      <c r="HN22" s="73">
        <v>10</v>
      </c>
      <c r="HO22" s="70">
        <v>4</v>
      </c>
      <c r="HP22" s="71">
        <v>2</v>
      </c>
      <c r="HQ22" s="72">
        <v>6</v>
      </c>
      <c r="HR22" s="244"/>
      <c r="HS22" s="71">
        <v>7</v>
      </c>
      <c r="HT22" s="71">
        <v>6</v>
      </c>
      <c r="HU22" s="71">
        <v>4</v>
      </c>
      <c r="HV22" s="71">
        <v>2</v>
      </c>
      <c r="HW22" s="71">
        <v>1</v>
      </c>
      <c r="HX22" s="72">
        <v>20</v>
      </c>
      <c r="HY22" s="73">
        <v>26</v>
      </c>
      <c r="HZ22" s="86">
        <v>10</v>
      </c>
      <c r="IA22" s="71">
        <v>2</v>
      </c>
      <c r="IB22" s="72">
        <v>12</v>
      </c>
      <c r="IC22" s="244"/>
      <c r="ID22" s="71">
        <v>6</v>
      </c>
      <c r="IE22" s="71">
        <v>4</v>
      </c>
      <c r="IF22" s="71">
        <v>0</v>
      </c>
      <c r="IG22" s="71">
        <v>6</v>
      </c>
      <c r="IH22" s="71">
        <v>1</v>
      </c>
      <c r="II22" s="72">
        <v>17</v>
      </c>
      <c r="IJ22" s="73">
        <v>29</v>
      </c>
      <c r="IK22" s="70">
        <v>7</v>
      </c>
      <c r="IL22" s="71">
        <v>8</v>
      </c>
      <c r="IM22" s="72">
        <v>15</v>
      </c>
      <c r="IN22" s="244"/>
      <c r="IO22" s="71">
        <v>11</v>
      </c>
      <c r="IP22" s="71">
        <v>10</v>
      </c>
      <c r="IQ22" s="71">
        <v>7</v>
      </c>
      <c r="IR22" s="71">
        <v>7</v>
      </c>
      <c r="IS22" s="71">
        <v>5</v>
      </c>
      <c r="IT22" s="72">
        <v>40</v>
      </c>
      <c r="IU22" s="73">
        <v>55</v>
      </c>
      <c r="IV22" s="86">
        <v>9</v>
      </c>
      <c r="IW22" s="71">
        <v>9</v>
      </c>
      <c r="IX22" s="72">
        <v>18</v>
      </c>
      <c r="IY22" s="244"/>
      <c r="IZ22" s="71">
        <v>12</v>
      </c>
      <c r="JA22" s="71">
        <v>9</v>
      </c>
      <c r="JB22" s="71">
        <v>7</v>
      </c>
      <c r="JC22" s="71">
        <v>3</v>
      </c>
      <c r="JD22" s="71">
        <v>6</v>
      </c>
      <c r="JE22" s="72">
        <v>37</v>
      </c>
      <c r="JF22" s="73">
        <v>55</v>
      </c>
      <c r="JG22" s="70">
        <v>9</v>
      </c>
      <c r="JH22" s="71">
        <v>11</v>
      </c>
      <c r="JI22" s="72">
        <v>20</v>
      </c>
      <c r="JJ22" s="244"/>
      <c r="JK22" s="71">
        <v>24</v>
      </c>
      <c r="JL22" s="71">
        <v>19</v>
      </c>
      <c r="JM22" s="71">
        <v>9</v>
      </c>
      <c r="JN22" s="71">
        <v>8</v>
      </c>
      <c r="JO22" s="71">
        <v>6</v>
      </c>
      <c r="JP22" s="72">
        <v>66</v>
      </c>
      <c r="JQ22" s="73">
        <v>86</v>
      </c>
      <c r="JR22" s="70">
        <v>0</v>
      </c>
      <c r="JS22" s="71">
        <v>0</v>
      </c>
      <c r="JT22" s="72">
        <v>0</v>
      </c>
      <c r="JU22" s="244"/>
      <c r="JV22" s="71">
        <v>0</v>
      </c>
      <c r="JW22" s="71">
        <v>0</v>
      </c>
      <c r="JX22" s="71">
        <v>0</v>
      </c>
      <c r="JY22" s="71">
        <v>0</v>
      </c>
      <c r="JZ22" s="71">
        <v>0</v>
      </c>
      <c r="KA22" s="72">
        <v>0</v>
      </c>
      <c r="KB22" s="73">
        <v>0</v>
      </c>
      <c r="KC22" s="70">
        <v>41</v>
      </c>
      <c r="KD22" s="71">
        <v>33</v>
      </c>
      <c r="KE22" s="72">
        <v>74</v>
      </c>
      <c r="KF22" s="244"/>
      <c r="KG22" s="71">
        <v>63</v>
      </c>
      <c r="KH22" s="71">
        <v>49</v>
      </c>
      <c r="KI22" s="71">
        <v>28</v>
      </c>
      <c r="KJ22" s="71">
        <v>27</v>
      </c>
      <c r="KK22" s="71">
        <v>20</v>
      </c>
      <c r="KL22" s="72">
        <v>187</v>
      </c>
      <c r="KM22" s="73">
        <v>261</v>
      </c>
    </row>
    <row r="23" spans="2:299" ht="21" customHeight="1" x14ac:dyDescent="0.2">
      <c r="B23" s="126" t="s">
        <v>20</v>
      </c>
      <c r="C23" s="315">
        <v>34</v>
      </c>
      <c r="D23" s="82">
        <v>49</v>
      </c>
      <c r="E23" s="83">
        <v>83</v>
      </c>
      <c r="F23" s="241"/>
      <c r="G23" s="82">
        <v>55</v>
      </c>
      <c r="H23" s="82">
        <v>50</v>
      </c>
      <c r="I23" s="82">
        <v>27</v>
      </c>
      <c r="J23" s="82">
        <v>22</v>
      </c>
      <c r="K23" s="82">
        <v>19</v>
      </c>
      <c r="L23" s="84">
        <v>173</v>
      </c>
      <c r="M23" s="85">
        <v>256</v>
      </c>
      <c r="N23" s="70">
        <v>1</v>
      </c>
      <c r="O23" s="71">
        <v>1</v>
      </c>
      <c r="P23" s="72">
        <v>2</v>
      </c>
      <c r="Q23" s="244"/>
      <c r="R23" s="71">
        <v>3</v>
      </c>
      <c r="S23" s="71">
        <v>0</v>
      </c>
      <c r="T23" s="71">
        <v>2</v>
      </c>
      <c r="U23" s="71">
        <v>1</v>
      </c>
      <c r="V23" s="71">
        <v>1</v>
      </c>
      <c r="W23" s="72">
        <v>7</v>
      </c>
      <c r="X23" s="73">
        <v>9</v>
      </c>
      <c r="Y23" s="70">
        <v>5</v>
      </c>
      <c r="Z23" s="71">
        <v>3</v>
      </c>
      <c r="AA23" s="72">
        <v>8</v>
      </c>
      <c r="AB23" s="244"/>
      <c r="AC23" s="71">
        <v>7</v>
      </c>
      <c r="AD23" s="71">
        <v>8</v>
      </c>
      <c r="AE23" s="71">
        <v>4</v>
      </c>
      <c r="AF23" s="71">
        <v>2</v>
      </c>
      <c r="AG23" s="71">
        <v>3</v>
      </c>
      <c r="AH23" s="72">
        <v>24</v>
      </c>
      <c r="AI23" s="73">
        <v>32</v>
      </c>
      <c r="AJ23" s="70">
        <v>5</v>
      </c>
      <c r="AK23" s="71">
        <v>7</v>
      </c>
      <c r="AL23" s="72">
        <v>12</v>
      </c>
      <c r="AM23" s="244"/>
      <c r="AN23" s="71">
        <v>4</v>
      </c>
      <c r="AO23" s="71">
        <v>7</v>
      </c>
      <c r="AP23" s="71">
        <v>4</v>
      </c>
      <c r="AQ23" s="71">
        <v>2</v>
      </c>
      <c r="AR23" s="71">
        <v>3</v>
      </c>
      <c r="AS23" s="72">
        <v>20</v>
      </c>
      <c r="AT23" s="73">
        <v>32</v>
      </c>
      <c r="AU23" s="70">
        <v>9</v>
      </c>
      <c r="AV23" s="71">
        <v>17</v>
      </c>
      <c r="AW23" s="72">
        <v>26</v>
      </c>
      <c r="AX23" s="244"/>
      <c r="AY23" s="71">
        <v>22</v>
      </c>
      <c r="AZ23" s="71">
        <v>17</v>
      </c>
      <c r="BA23" s="71">
        <v>4</v>
      </c>
      <c r="BB23" s="71">
        <v>8</v>
      </c>
      <c r="BC23" s="71">
        <v>6</v>
      </c>
      <c r="BD23" s="72">
        <v>57</v>
      </c>
      <c r="BE23" s="73">
        <v>83</v>
      </c>
      <c r="BF23" s="70">
        <v>5</v>
      </c>
      <c r="BG23" s="71">
        <v>14</v>
      </c>
      <c r="BH23" s="72">
        <v>19</v>
      </c>
      <c r="BI23" s="244"/>
      <c r="BJ23" s="71">
        <v>11</v>
      </c>
      <c r="BK23" s="71">
        <v>11</v>
      </c>
      <c r="BL23" s="71">
        <v>8</v>
      </c>
      <c r="BM23" s="71">
        <v>4</v>
      </c>
      <c r="BN23" s="71">
        <v>3</v>
      </c>
      <c r="BO23" s="72">
        <v>37</v>
      </c>
      <c r="BP23" s="73">
        <v>56</v>
      </c>
      <c r="BQ23" s="70">
        <v>9</v>
      </c>
      <c r="BR23" s="71">
        <v>7</v>
      </c>
      <c r="BS23" s="72">
        <v>16</v>
      </c>
      <c r="BT23" s="244"/>
      <c r="BU23" s="71">
        <v>8</v>
      </c>
      <c r="BV23" s="71">
        <v>7</v>
      </c>
      <c r="BW23" s="71">
        <v>5</v>
      </c>
      <c r="BX23" s="71">
        <v>5</v>
      </c>
      <c r="BY23" s="71">
        <v>3</v>
      </c>
      <c r="BZ23" s="72">
        <v>28</v>
      </c>
      <c r="CA23" s="73">
        <v>44</v>
      </c>
      <c r="CB23" s="70">
        <v>0</v>
      </c>
      <c r="CC23" s="71">
        <v>0</v>
      </c>
      <c r="CD23" s="72">
        <v>0</v>
      </c>
      <c r="CE23" s="244"/>
      <c r="CF23" s="71">
        <v>0</v>
      </c>
      <c r="CG23" s="71">
        <v>0</v>
      </c>
      <c r="CH23" s="71">
        <v>0</v>
      </c>
      <c r="CI23" s="71">
        <v>0</v>
      </c>
      <c r="CJ23" s="71">
        <v>0</v>
      </c>
      <c r="CK23" s="72">
        <v>0</v>
      </c>
      <c r="CL23" s="73">
        <v>0</v>
      </c>
      <c r="CM23" s="70">
        <v>34</v>
      </c>
      <c r="CN23" s="71">
        <v>49</v>
      </c>
      <c r="CO23" s="72">
        <v>83</v>
      </c>
      <c r="CP23" s="244"/>
      <c r="CQ23" s="71">
        <v>55</v>
      </c>
      <c r="CR23" s="71">
        <v>50</v>
      </c>
      <c r="CS23" s="71">
        <v>27</v>
      </c>
      <c r="CT23" s="71">
        <v>22</v>
      </c>
      <c r="CU23" s="71">
        <v>19</v>
      </c>
      <c r="CV23" s="72">
        <v>173</v>
      </c>
      <c r="CW23" s="73">
        <v>256</v>
      </c>
      <c r="CX23" s="123">
        <v>13</v>
      </c>
      <c r="CY23" s="82">
        <v>21</v>
      </c>
      <c r="CZ23" s="83">
        <v>34</v>
      </c>
      <c r="DA23" s="241"/>
      <c r="DB23" s="82">
        <v>17</v>
      </c>
      <c r="DC23" s="82">
        <v>19</v>
      </c>
      <c r="DD23" s="82">
        <v>13</v>
      </c>
      <c r="DE23" s="82">
        <v>13</v>
      </c>
      <c r="DF23" s="82">
        <v>9</v>
      </c>
      <c r="DG23" s="84">
        <v>71</v>
      </c>
      <c r="DH23" s="85">
        <v>105</v>
      </c>
      <c r="DI23" s="70">
        <v>1</v>
      </c>
      <c r="DJ23" s="71">
        <v>0</v>
      </c>
      <c r="DK23" s="72">
        <v>1</v>
      </c>
      <c r="DL23" s="244"/>
      <c r="DM23" s="71">
        <v>0</v>
      </c>
      <c r="DN23" s="71">
        <v>0</v>
      </c>
      <c r="DO23" s="71">
        <v>0</v>
      </c>
      <c r="DP23" s="71">
        <v>0</v>
      </c>
      <c r="DQ23" s="71">
        <v>0</v>
      </c>
      <c r="DR23" s="72">
        <v>0</v>
      </c>
      <c r="DS23" s="73">
        <v>1</v>
      </c>
      <c r="DT23" s="70">
        <v>1</v>
      </c>
      <c r="DU23" s="71">
        <v>2</v>
      </c>
      <c r="DV23" s="72">
        <v>3</v>
      </c>
      <c r="DW23" s="244"/>
      <c r="DX23" s="71">
        <v>0</v>
      </c>
      <c r="DY23" s="71">
        <v>1</v>
      </c>
      <c r="DZ23" s="71">
        <v>2</v>
      </c>
      <c r="EA23" s="71">
        <v>1</v>
      </c>
      <c r="EB23" s="71">
        <v>2</v>
      </c>
      <c r="EC23" s="72">
        <v>6</v>
      </c>
      <c r="ED23" s="73">
        <v>9</v>
      </c>
      <c r="EE23" s="70">
        <v>2</v>
      </c>
      <c r="EF23" s="71">
        <v>2</v>
      </c>
      <c r="EG23" s="72">
        <v>4</v>
      </c>
      <c r="EH23" s="244"/>
      <c r="EI23" s="71">
        <v>1</v>
      </c>
      <c r="EJ23" s="71">
        <v>1</v>
      </c>
      <c r="EK23" s="71">
        <v>2</v>
      </c>
      <c r="EL23" s="71">
        <v>0</v>
      </c>
      <c r="EM23" s="71">
        <v>1</v>
      </c>
      <c r="EN23" s="72">
        <v>5</v>
      </c>
      <c r="EO23" s="73">
        <v>9</v>
      </c>
      <c r="EP23" s="70">
        <v>4</v>
      </c>
      <c r="EQ23" s="71">
        <v>5</v>
      </c>
      <c r="ER23" s="72">
        <v>9</v>
      </c>
      <c r="ES23" s="244"/>
      <c r="ET23" s="71">
        <v>3</v>
      </c>
      <c r="EU23" s="71">
        <v>4</v>
      </c>
      <c r="EV23" s="71">
        <v>1</v>
      </c>
      <c r="EW23" s="71">
        <v>2</v>
      </c>
      <c r="EX23" s="71">
        <v>1</v>
      </c>
      <c r="EY23" s="72">
        <v>11</v>
      </c>
      <c r="EZ23" s="73">
        <v>20</v>
      </c>
      <c r="FA23" s="70">
        <v>4</v>
      </c>
      <c r="FB23" s="71">
        <v>4</v>
      </c>
      <c r="FC23" s="72">
        <v>8</v>
      </c>
      <c r="FD23" s="244"/>
      <c r="FE23" s="71">
        <v>8</v>
      </c>
      <c r="FF23" s="71">
        <v>6</v>
      </c>
      <c r="FG23" s="71">
        <v>4</v>
      </c>
      <c r="FH23" s="71">
        <v>3</v>
      </c>
      <c r="FI23" s="71">
        <v>2</v>
      </c>
      <c r="FJ23" s="72">
        <v>23</v>
      </c>
      <c r="FK23" s="73">
        <v>31</v>
      </c>
      <c r="FL23" s="70">
        <v>1</v>
      </c>
      <c r="FM23" s="71">
        <v>8</v>
      </c>
      <c r="FN23" s="72">
        <v>9</v>
      </c>
      <c r="FO23" s="244"/>
      <c r="FP23" s="71">
        <v>5</v>
      </c>
      <c r="FQ23" s="71">
        <v>7</v>
      </c>
      <c r="FR23" s="71">
        <v>4</v>
      </c>
      <c r="FS23" s="71">
        <v>7</v>
      </c>
      <c r="FT23" s="71">
        <v>3</v>
      </c>
      <c r="FU23" s="72">
        <v>26</v>
      </c>
      <c r="FV23" s="73">
        <v>35</v>
      </c>
      <c r="FW23" s="70">
        <v>0</v>
      </c>
      <c r="FX23" s="71">
        <v>0</v>
      </c>
      <c r="FY23" s="72">
        <v>0</v>
      </c>
      <c r="FZ23" s="244"/>
      <c r="GA23" s="71">
        <v>0</v>
      </c>
      <c r="GB23" s="71">
        <v>0</v>
      </c>
      <c r="GC23" s="71">
        <v>0</v>
      </c>
      <c r="GD23" s="71">
        <v>0</v>
      </c>
      <c r="GE23" s="71">
        <v>0</v>
      </c>
      <c r="GF23" s="72">
        <v>0</v>
      </c>
      <c r="GG23" s="73">
        <v>0</v>
      </c>
      <c r="GH23" s="70">
        <v>13</v>
      </c>
      <c r="GI23" s="71">
        <v>21</v>
      </c>
      <c r="GJ23" s="72">
        <v>34</v>
      </c>
      <c r="GK23" s="244"/>
      <c r="GL23" s="71">
        <v>17</v>
      </c>
      <c r="GM23" s="71">
        <v>19</v>
      </c>
      <c r="GN23" s="71">
        <v>13</v>
      </c>
      <c r="GO23" s="71">
        <v>13</v>
      </c>
      <c r="GP23" s="71">
        <v>9</v>
      </c>
      <c r="GQ23" s="72">
        <v>71</v>
      </c>
      <c r="GR23" s="73">
        <v>105</v>
      </c>
      <c r="GS23" s="123">
        <v>47</v>
      </c>
      <c r="GT23" s="82">
        <v>70</v>
      </c>
      <c r="GU23" s="83">
        <v>117</v>
      </c>
      <c r="GV23" s="241"/>
      <c r="GW23" s="82">
        <v>72</v>
      </c>
      <c r="GX23" s="82">
        <v>69</v>
      </c>
      <c r="GY23" s="82">
        <v>40</v>
      </c>
      <c r="GZ23" s="82">
        <v>35</v>
      </c>
      <c r="HA23" s="82">
        <v>28</v>
      </c>
      <c r="HB23" s="84">
        <v>244</v>
      </c>
      <c r="HC23" s="85">
        <v>361</v>
      </c>
      <c r="HD23" s="70">
        <v>2</v>
      </c>
      <c r="HE23" s="71">
        <v>1</v>
      </c>
      <c r="HF23" s="72">
        <v>3</v>
      </c>
      <c r="HG23" s="244"/>
      <c r="HH23" s="71">
        <v>3</v>
      </c>
      <c r="HI23" s="71">
        <v>0</v>
      </c>
      <c r="HJ23" s="71">
        <v>2</v>
      </c>
      <c r="HK23" s="71">
        <v>1</v>
      </c>
      <c r="HL23" s="71">
        <v>1</v>
      </c>
      <c r="HM23" s="72">
        <v>7</v>
      </c>
      <c r="HN23" s="73">
        <v>10</v>
      </c>
      <c r="HO23" s="70">
        <v>6</v>
      </c>
      <c r="HP23" s="71">
        <v>5</v>
      </c>
      <c r="HQ23" s="72">
        <v>11</v>
      </c>
      <c r="HR23" s="244"/>
      <c r="HS23" s="71">
        <v>7</v>
      </c>
      <c r="HT23" s="71">
        <v>9</v>
      </c>
      <c r="HU23" s="71">
        <v>6</v>
      </c>
      <c r="HV23" s="71">
        <v>3</v>
      </c>
      <c r="HW23" s="71">
        <v>5</v>
      </c>
      <c r="HX23" s="72">
        <v>30</v>
      </c>
      <c r="HY23" s="73">
        <v>41</v>
      </c>
      <c r="HZ23" s="70">
        <v>7</v>
      </c>
      <c r="IA23" s="71">
        <v>9</v>
      </c>
      <c r="IB23" s="72">
        <v>16</v>
      </c>
      <c r="IC23" s="244"/>
      <c r="ID23" s="71">
        <v>5</v>
      </c>
      <c r="IE23" s="71">
        <v>8</v>
      </c>
      <c r="IF23" s="71">
        <v>6</v>
      </c>
      <c r="IG23" s="71">
        <v>2</v>
      </c>
      <c r="IH23" s="71">
        <v>4</v>
      </c>
      <c r="II23" s="72">
        <v>25</v>
      </c>
      <c r="IJ23" s="73">
        <v>41</v>
      </c>
      <c r="IK23" s="70">
        <v>13</v>
      </c>
      <c r="IL23" s="71">
        <v>22</v>
      </c>
      <c r="IM23" s="72">
        <v>35</v>
      </c>
      <c r="IN23" s="244"/>
      <c r="IO23" s="71">
        <v>25</v>
      </c>
      <c r="IP23" s="71">
        <v>21</v>
      </c>
      <c r="IQ23" s="71">
        <v>5</v>
      </c>
      <c r="IR23" s="71">
        <v>10</v>
      </c>
      <c r="IS23" s="71">
        <v>7</v>
      </c>
      <c r="IT23" s="72">
        <v>68</v>
      </c>
      <c r="IU23" s="73">
        <v>103</v>
      </c>
      <c r="IV23" s="70">
        <v>9</v>
      </c>
      <c r="IW23" s="71">
        <v>18</v>
      </c>
      <c r="IX23" s="72">
        <v>27</v>
      </c>
      <c r="IY23" s="244"/>
      <c r="IZ23" s="71">
        <v>19</v>
      </c>
      <c r="JA23" s="71">
        <v>17</v>
      </c>
      <c r="JB23" s="71">
        <v>12</v>
      </c>
      <c r="JC23" s="71">
        <v>7</v>
      </c>
      <c r="JD23" s="71">
        <v>5</v>
      </c>
      <c r="JE23" s="72">
        <v>60</v>
      </c>
      <c r="JF23" s="73">
        <v>87</v>
      </c>
      <c r="JG23" s="70">
        <v>10</v>
      </c>
      <c r="JH23" s="71">
        <v>15</v>
      </c>
      <c r="JI23" s="72">
        <v>25</v>
      </c>
      <c r="JJ23" s="244"/>
      <c r="JK23" s="71">
        <v>13</v>
      </c>
      <c r="JL23" s="71">
        <v>14</v>
      </c>
      <c r="JM23" s="71">
        <v>9</v>
      </c>
      <c r="JN23" s="71">
        <v>12</v>
      </c>
      <c r="JO23" s="71">
        <v>6</v>
      </c>
      <c r="JP23" s="72">
        <v>54</v>
      </c>
      <c r="JQ23" s="73">
        <v>79</v>
      </c>
      <c r="JR23" s="70">
        <v>0</v>
      </c>
      <c r="JS23" s="71">
        <v>0</v>
      </c>
      <c r="JT23" s="72">
        <v>0</v>
      </c>
      <c r="JU23" s="244"/>
      <c r="JV23" s="71">
        <v>0</v>
      </c>
      <c r="JW23" s="71">
        <v>0</v>
      </c>
      <c r="JX23" s="71">
        <v>0</v>
      </c>
      <c r="JY23" s="71">
        <v>0</v>
      </c>
      <c r="JZ23" s="71">
        <v>0</v>
      </c>
      <c r="KA23" s="72">
        <v>0</v>
      </c>
      <c r="KB23" s="73">
        <v>0</v>
      </c>
      <c r="KC23" s="70">
        <v>47</v>
      </c>
      <c r="KD23" s="71">
        <v>70</v>
      </c>
      <c r="KE23" s="72">
        <v>117</v>
      </c>
      <c r="KF23" s="244"/>
      <c r="KG23" s="71">
        <v>72</v>
      </c>
      <c r="KH23" s="71">
        <v>69</v>
      </c>
      <c r="KI23" s="71">
        <v>40</v>
      </c>
      <c r="KJ23" s="71">
        <v>35</v>
      </c>
      <c r="KK23" s="71">
        <v>28</v>
      </c>
      <c r="KL23" s="72">
        <v>244</v>
      </c>
      <c r="KM23" s="73">
        <v>361</v>
      </c>
    </row>
    <row r="24" spans="2:299" ht="21" customHeight="1" x14ac:dyDescent="0.2">
      <c r="B24" s="126" t="s">
        <v>21</v>
      </c>
      <c r="C24" s="315">
        <v>29</v>
      </c>
      <c r="D24" s="82">
        <v>25</v>
      </c>
      <c r="E24" s="83">
        <v>54</v>
      </c>
      <c r="F24" s="241"/>
      <c r="G24" s="82">
        <v>59</v>
      </c>
      <c r="H24" s="82">
        <v>35</v>
      </c>
      <c r="I24" s="82">
        <v>22</v>
      </c>
      <c r="J24" s="82">
        <v>26</v>
      </c>
      <c r="K24" s="82">
        <v>15</v>
      </c>
      <c r="L24" s="84">
        <v>157</v>
      </c>
      <c r="M24" s="85">
        <v>211</v>
      </c>
      <c r="N24" s="70">
        <v>1</v>
      </c>
      <c r="O24" s="71">
        <v>3</v>
      </c>
      <c r="P24" s="72">
        <v>4</v>
      </c>
      <c r="Q24" s="244"/>
      <c r="R24" s="71">
        <v>2</v>
      </c>
      <c r="S24" s="71">
        <v>1</v>
      </c>
      <c r="T24" s="71">
        <v>0</v>
      </c>
      <c r="U24" s="71">
        <v>1</v>
      </c>
      <c r="V24" s="71">
        <v>3</v>
      </c>
      <c r="W24" s="72">
        <v>7</v>
      </c>
      <c r="X24" s="73">
        <v>11</v>
      </c>
      <c r="Y24" s="70">
        <v>3</v>
      </c>
      <c r="Z24" s="71">
        <v>1</v>
      </c>
      <c r="AA24" s="72">
        <v>4</v>
      </c>
      <c r="AB24" s="244"/>
      <c r="AC24" s="71">
        <v>5</v>
      </c>
      <c r="AD24" s="71">
        <v>2</v>
      </c>
      <c r="AE24" s="71">
        <v>2</v>
      </c>
      <c r="AF24" s="71">
        <v>3</v>
      </c>
      <c r="AG24" s="71">
        <v>1</v>
      </c>
      <c r="AH24" s="72">
        <v>13</v>
      </c>
      <c r="AI24" s="73">
        <v>17</v>
      </c>
      <c r="AJ24" s="70">
        <v>2</v>
      </c>
      <c r="AK24" s="71">
        <v>4</v>
      </c>
      <c r="AL24" s="72">
        <v>6</v>
      </c>
      <c r="AM24" s="244"/>
      <c r="AN24" s="71">
        <v>7</v>
      </c>
      <c r="AO24" s="71">
        <v>5</v>
      </c>
      <c r="AP24" s="71">
        <v>3</v>
      </c>
      <c r="AQ24" s="71">
        <v>4</v>
      </c>
      <c r="AR24" s="71">
        <v>1</v>
      </c>
      <c r="AS24" s="72">
        <v>20</v>
      </c>
      <c r="AT24" s="73">
        <v>26</v>
      </c>
      <c r="AU24" s="70">
        <v>4</v>
      </c>
      <c r="AV24" s="71">
        <v>8</v>
      </c>
      <c r="AW24" s="72">
        <v>12</v>
      </c>
      <c r="AX24" s="244"/>
      <c r="AY24" s="71">
        <v>14</v>
      </c>
      <c r="AZ24" s="71">
        <v>9</v>
      </c>
      <c r="BA24" s="71">
        <v>3</v>
      </c>
      <c r="BB24" s="71">
        <v>6</v>
      </c>
      <c r="BC24" s="71">
        <v>2</v>
      </c>
      <c r="BD24" s="72">
        <v>34</v>
      </c>
      <c r="BE24" s="73">
        <v>46</v>
      </c>
      <c r="BF24" s="70">
        <v>13</v>
      </c>
      <c r="BG24" s="71">
        <v>3</v>
      </c>
      <c r="BH24" s="72">
        <v>16</v>
      </c>
      <c r="BI24" s="244"/>
      <c r="BJ24" s="71">
        <v>22</v>
      </c>
      <c r="BK24" s="71">
        <v>12</v>
      </c>
      <c r="BL24" s="71">
        <v>7</v>
      </c>
      <c r="BM24" s="71">
        <v>4</v>
      </c>
      <c r="BN24" s="71">
        <v>4</v>
      </c>
      <c r="BO24" s="72">
        <v>49</v>
      </c>
      <c r="BP24" s="73">
        <v>65</v>
      </c>
      <c r="BQ24" s="70">
        <v>6</v>
      </c>
      <c r="BR24" s="71">
        <v>6</v>
      </c>
      <c r="BS24" s="72">
        <v>12</v>
      </c>
      <c r="BT24" s="244"/>
      <c r="BU24" s="71">
        <v>9</v>
      </c>
      <c r="BV24" s="71">
        <v>6</v>
      </c>
      <c r="BW24" s="71">
        <v>7</v>
      </c>
      <c r="BX24" s="71">
        <v>8</v>
      </c>
      <c r="BY24" s="71">
        <v>4</v>
      </c>
      <c r="BZ24" s="72">
        <v>34</v>
      </c>
      <c r="CA24" s="73">
        <v>46</v>
      </c>
      <c r="CB24" s="70">
        <v>0</v>
      </c>
      <c r="CC24" s="71">
        <v>0</v>
      </c>
      <c r="CD24" s="72">
        <v>0</v>
      </c>
      <c r="CE24" s="244"/>
      <c r="CF24" s="71">
        <v>0</v>
      </c>
      <c r="CG24" s="71">
        <v>0</v>
      </c>
      <c r="CH24" s="71">
        <v>0</v>
      </c>
      <c r="CI24" s="71">
        <v>0</v>
      </c>
      <c r="CJ24" s="71">
        <v>0</v>
      </c>
      <c r="CK24" s="72">
        <v>0</v>
      </c>
      <c r="CL24" s="73">
        <v>0</v>
      </c>
      <c r="CM24" s="70">
        <v>29</v>
      </c>
      <c r="CN24" s="71">
        <v>25</v>
      </c>
      <c r="CO24" s="72">
        <v>54</v>
      </c>
      <c r="CP24" s="244"/>
      <c r="CQ24" s="71">
        <v>59</v>
      </c>
      <c r="CR24" s="71">
        <v>35</v>
      </c>
      <c r="CS24" s="71">
        <v>22</v>
      </c>
      <c r="CT24" s="71">
        <v>26</v>
      </c>
      <c r="CU24" s="71">
        <v>15</v>
      </c>
      <c r="CV24" s="72">
        <v>157</v>
      </c>
      <c r="CW24" s="73">
        <v>211</v>
      </c>
      <c r="CX24" s="123">
        <v>13</v>
      </c>
      <c r="CY24" s="82">
        <v>14</v>
      </c>
      <c r="CZ24" s="83">
        <v>27</v>
      </c>
      <c r="DA24" s="241"/>
      <c r="DB24" s="82">
        <v>17</v>
      </c>
      <c r="DC24" s="82">
        <v>15</v>
      </c>
      <c r="DD24" s="82">
        <v>11</v>
      </c>
      <c r="DE24" s="82">
        <v>8</v>
      </c>
      <c r="DF24" s="82">
        <v>6</v>
      </c>
      <c r="DG24" s="84">
        <v>57</v>
      </c>
      <c r="DH24" s="85">
        <v>84</v>
      </c>
      <c r="DI24" s="70">
        <v>0</v>
      </c>
      <c r="DJ24" s="71">
        <v>1</v>
      </c>
      <c r="DK24" s="72">
        <v>1</v>
      </c>
      <c r="DL24" s="244"/>
      <c r="DM24" s="71">
        <v>0</v>
      </c>
      <c r="DN24" s="71">
        <v>0</v>
      </c>
      <c r="DO24" s="71">
        <v>0</v>
      </c>
      <c r="DP24" s="71">
        <v>0</v>
      </c>
      <c r="DQ24" s="71">
        <v>0</v>
      </c>
      <c r="DR24" s="72">
        <v>0</v>
      </c>
      <c r="DS24" s="73">
        <v>1</v>
      </c>
      <c r="DT24" s="70">
        <v>2</v>
      </c>
      <c r="DU24" s="71">
        <v>0</v>
      </c>
      <c r="DV24" s="72">
        <v>2</v>
      </c>
      <c r="DW24" s="244"/>
      <c r="DX24" s="71">
        <v>1</v>
      </c>
      <c r="DY24" s="71">
        <v>2</v>
      </c>
      <c r="DZ24" s="71">
        <v>1</v>
      </c>
      <c r="EA24" s="71">
        <v>0</v>
      </c>
      <c r="EB24" s="71">
        <v>2</v>
      </c>
      <c r="EC24" s="72">
        <v>6</v>
      </c>
      <c r="ED24" s="73">
        <v>8</v>
      </c>
      <c r="EE24" s="70">
        <v>1</v>
      </c>
      <c r="EF24" s="71">
        <v>2</v>
      </c>
      <c r="EG24" s="72">
        <v>3</v>
      </c>
      <c r="EH24" s="244"/>
      <c r="EI24" s="71">
        <v>2</v>
      </c>
      <c r="EJ24" s="71">
        <v>3</v>
      </c>
      <c r="EK24" s="71">
        <v>1</v>
      </c>
      <c r="EL24" s="71">
        <v>0</v>
      </c>
      <c r="EM24" s="71">
        <v>0</v>
      </c>
      <c r="EN24" s="72">
        <v>6</v>
      </c>
      <c r="EO24" s="73">
        <v>9</v>
      </c>
      <c r="EP24" s="70">
        <v>8</v>
      </c>
      <c r="EQ24" s="71">
        <v>7</v>
      </c>
      <c r="ER24" s="72">
        <v>15</v>
      </c>
      <c r="ES24" s="244"/>
      <c r="ET24" s="71">
        <v>5</v>
      </c>
      <c r="EU24" s="71">
        <v>1</v>
      </c>
      <c r="EV24" s="71">
        <v>1</v>
      </c>
      <c r="EW24" s="71">
        <v>0</v>
      </c>
      <c r="EX24" s="71">
        <v>0</v>
      </c>
      <c r="EY24" s="72">
        <v>7</v>
      </c>
      <c r="EZ24" s="73">
        <v>22</v>
      </c>
      <c r="FA24" s="70">
        <v>0</v>
      </c>
      <c r="FB24" s="71">
        <v>4</v>
      </c>
      <c r="FC24" s="72">
        <v>4</v>
      </c>
      <c r="FD24" s="244"/>
      <c r="FE24" s="71">
        <v>4</v>
      </c>
      <c r="FF24" s="71">
        <v>4</v>
      </c>
      <c r="FG24" s="71">
        <v>1</v>
      </c>
      <c r="FH24" s="71">
        <v>2</v>
      </c>
      <c r="FI24" s="71">
        <v>1</v>
      </c>
      <c r="FJ24" s="72">
        <v>12</v>
      </c>
      <c r="FK24" s="73">
        <v>16</v>
      </c>
      <c r="FL24" s="70">
        <v>2</v>
      </c>
      <c r="FM24" s="71">
        <v>0</v>
      </c>
      <c r="FN24" s="72">
        <v>2</v>
      </c>
      <c r="FO24" s="244"/>
      <c r="FP24" s="71">
        <v>5</v>
      </c>
      <c r="FQ24" s="71">
        <v>5</v>
      </c>
      <c r="FR24" s="71">
        <v>7</v>
      </c>
      <c r="FS24" s="71">
        <v>6</v>
      </c>
      <c r="FT24" s="71">
        <v>3</v>
      </c>
      <c r="FU24" s="72">
        <v>26</v>
      </c>
      <c r="FV24" s="73">
        <v>28</v>
      </c>
      <c r="FW24" s="70">
        <v>0</v>
      </c>
      <c r="FX24" s="71">
        <v>0</v>
      </c>
      <c r="FY24" s="72">
        <v>0</v>
      </c>
      <c r="FZ24" s="244"/>
      <c r="GA24" s="71">
        <v>0</v>
      </c>
      <c r="GB24" s="71">
        <v>0</v>
      </c>
      <c r="GC24" s="71">
        <v>0</v>
      </c>
      <c r="GD24" s="71">
        <v>0</v>
      </c>
      <c r="GE24" s="71">
        <v>0</v>
      </c>
      <c r="GF24" s="72">
        <v>0</v>
      </c>
      <c r="GG24" s="73">
        <v>0</v>
      </c>
      <c r="GH24" s="70">
        <v>13</v>
      </c>
      <c r="GI24" s="71">
        <v>14</v>
      </c>
      <c r="GJ24" s="72">
        <v>27</v>
      </c>
      <c r="GK24" s="244"/>
      <c r="GL24" s="71">
        <v>17</v>
      </c>
      <c r="GM24" s="71">
        <v>15</v>
      </c>
      <c r="GN24" s="71">
        <v>11</v>
      </c>
      <c r="GO24" s="71">
        <v>8</v>
      </c>
      <c r="GP24" s="71">
        <v>6</v>
      </c>
      <c r="GQ24" s="72">
        <v>57</v>
      </c>
      <c r="GR24" s="73">
        <v>84</v>
      </c>
      <c r="GS24" s="123">
        <v>42</v>
      </c>
      <c r="GT24" s="82">
        <v>39</v>
      </c>
      <c r="GU24" s="83">
        <v>81</v>
      </c>
      <c r="GV24" s="241"/>
      <c r="GW24" s="82">
        <v>76</v>
      </c>
      <c r="GX24" s="82">
        <v>50</v>
      </c>
      <c r="GY24" s="82">
        <v>33</v>
      </c>
      <c r="GZ24" s="82">
        <v>34</v>
      </c>
      <c r="HA24" s="82">
        <v>21</v>
      </c>
      <c r="HB24" s="84">
        <v>214</v>
      </c>
      <c r="HC24" s="85">
        <v>295</v>
      </c>
      <c r="HD24" s="70">
        <v>1</v>
      </c>
      <c r="HE24" s="71">
        <v>4</v>
      </c>
      <c r="HF24" s="72">
        <v>5</v>
      </c>
      <c r="HG24" s="244"/>
      <c r="HH24" s="71">
        <v>2</v>
      </c>
      <c r="HI24" s="71">
        <v>1</v>
      </c>
      <c r="HJ24" s="71">
        <v>0</v>
      </c>
      <c r="HK24" s="71">
        <v>1</v>
      </c>
      <c r="HL24" s="71">
        <v>3</v>
      </c>
      <c r="HM24" s="72">
        <v>7</v>
      </c>
      <c r="HN24" s="73">
        <v>12</v>
      </c>
      <c r="HO24" s="70">
        <v>5</v>
      </c>
      <c r="HP24" s="71">
        <v>1</v>
      </c>
      <c r="HQ24" s="72">
        <v>6</v>
      </c>
      <c r="HR24" s="244"/>
      <c r="HS24" s="71">
        <v>6</v>
      </c>
      <c r="HT24" s="71">
        <v>4</v>
      </c>
      <c r="HU24" s="71">
        <v>3</v>
      </c>
      <c r="HV24" s="71">
        <v>3</v>
      </c>
      <c r="HW24" s="71">
        <v>3</v>
      </c>
      <c r="HX24" s="72">
        <v>19</v>
      </c>
      <c r="HY24" s="73">
        <v>25</v>
      </c>
      <c r="HZ24" s="70">
        <v>3</v>
      </c>
      <c r="IA24" s="71">
        <v>6</v>
      </c>
      <c r="IB24" s="72">
        <v>9</v>
      </c>
      <c r="IC24" s="244"/>
      <c r="ID24" s="71">
        <v>9</v>
      </c>
      <c r="IE24" s="71">
        <v>8</v>
      </c>
      <c r="IF24" s="71">
        <v>4</v>
      </c>
      <c r="IG24" s="71">
        <v>4</v>
      </c>
      <c r="IH24" s="71">
        <v>1</v>
      </c>
      <c r="II24" s="72">
        <v>26</v>
      </c>
      <c r="IJ24" s="73">
        <v>35</v>
      </c>
      <c r="IK24" s="70">
        <v>12</v>
      </c>
      <c r="IL24" s="71">
        <v>15</v>
      </c>
      <c r="IM24" s="72">
        <v>27</v>
      </c>
      <c r="IN24" s="244"/>
      <c r="IO24" s="71">
        <v>19</v>
      </c>
      <c r="IP24" s="71">
        <v>10</v>
      </c>
      <c r="IQ24" s="71">
        <v>4</v>
      </c>
      <c r="IR24" s="71">
        <v>6</v>
      </c>
      <c r="IS24" s="71">
        <v>2</v>
      </c>
      <c r="IT24" s="72">
        <v>41</v>
      </c>
      <c r="IU24" s="73">
        <v>68</v>
      </c>
      <c r="IV24" s="70">
        <v>13</v>
      </c>
      <c r="IW24" s="71">
        <v>7</v>
      </c>
      <c r="IX24" s="72">
        <v>20</v>
      </c>
      <c r="IY24" s="244"/>
      <c r="IZ24" s="71">
        <v>26</v>
      </c>
      <c r="JA24" s="71">
        <v>16</v>
      </c>
      <c r="JB24" s="71">
        <v>8</v>
      </c>
      <c r="JC24" s="71">
        <v>6</v>
      </c>
      <c r="JD24" s="71">
        <v>5</v>
      </c>
      <c r="JE24" s="72">
        <v>61</v>
      </c>
      <c r="JF24" s="73">
        <v>81</v>
      </c>
      <c r="JG24" s="70">
        <v>8</v>
      </c>
      <c r="JH24" s="71">
        <v>6</v>
      </c>
      <c r="JI24" s="72">
        <v>14</v>
      </c>
      <c r="JJ24" s="244"/>
      <c r="JK24" s="71">
        <v>14</v>
      </c>
      <c r="JL24" s="71">
        <v>11</v>
      </c>
      <c r="JM24" s="71">
        <v>14</v>
      </c>
      <c r="JN24" s="71">
        <v>14</v>
      </c>
      <c r="JO24" s="71">
        <v>7</v>
      </c>
      <c r="JP24" s="72">
        <v>60</v>
      </c>
      <c r="JQ24" s="73">
        <v>74</v>
      </c>
      <c r="JR24" s="70">
        <v>0</v>
      </c>
      <c r="JS24" s="71">
        <v>0</v>
      </c>
      <c r="JT24" s="72">
        <v>0</v>
      </c>
      <c r="JU24" s="244"/>
      <c r="JV24" s="71">
        <v>0</v>
      </c>
      <c r="JW24" s="71">
        <v>0</v>
      </c>
      <c r="JX24" s="71">
        <v>0</v>
      </c>
      <c r="JY24" s="71">
        <v>0</v>
      </c>
      <c r="JZ24" s="71">
        <v>0</v>
      </c>
      <c r="KA24" s="72">
        <v>0</v>
      </c>
      <c r="KB24" s="73">
        <v>0</v>
      </c>
      <c r="KC24" s="70">
        <v>42</v>
      </c>
      <c r="KD24" s="71">
        <v>39</v>
      </c>
      <c r="KE24" s="72">
        <v>81</v>
      </c>
      <c r="KF24" s="244"/>
      <c r="KG24" s="71">
        <v>76</v>
      </c>
      <c r="KH24" s="71">
        <v>50</v>
      </c>
      <c r="KI24" s="71">
        <v>33</v>
      </c>
      <c r="KJ24" s="71">
        <v>34</v>
      </c>
      <c r="KK24" s="71">
        <v>21</v>
      </c>
      <c r="KL24" s="72">
        <v>214</v>
      </c>
      <c r="KM24" s="73">
        <v>295</v>
      </c>
    </row>
    <row r="25" spans="2:299" ht="21" customHeight="1" x14ac:dyDescent="0.2">
      <c r="B25" s="126" t="s">
        <v>22</v>
      </c>
      <c r="C25" s="315">
        <v>11</v>
      </c>
      <c r="D25" s="82">
        <v>9</v>
      </c>
      <c r="E25" s="83">
        <v>20</v>
      </c>
      <c r="F25" s="241"/>
      <c r="G25" s="82">
        <v>26</v>
      </c>
      <c r="H25" s="82">
        <v>19</v>
      </c>
      <c r="I25" s="82">
        <v>12</v>
      </c>
      <c r="J25" s="82">
        <v>10</v>
      </c>
      <c r="K25" s="82">
        <v>7</v>
      </c>
      <c r="L25" s="84">
        <v>74</v>
      </c>
      <c r="M25" s="85">
        <v>94</v>
      </c>
      <c r="N25" s="70">
        <v>0</v>
      </c>
      <c r="O25" s="71">
        <v>0</v>
      </c>
      <c r="P25" s="72">
        <v>0</v>
      </c>
      <c r="Q25" s="244"/>
      <c r="R25" s="71">
        <v>1</v>
      </c>
      <c r="S25" s="71">
        <v>0</v>
      </c>
      <c r="T25" s="71">
        <v>0</v>
      </c>
      <c r="U25" s="71">
        <v>0</v>
      </c>
      <c r="V25" s="71">
        <v>0</v>
      </c>
      <c r="W25" s="72">
        <v>1</v>
      </c>
      <c r="X25" s="73">
        <v>1</v>
      </c>
      <c r="Y25" s="70">
        <v>1</v>
      </c>
      <c r="Z25" s="71">
        <v>1</v>
      </c>
      <c r="AA25" s="72">
        <v>2</v>
      </c>
      <c r="AB25" s="244"/>
      <c r="AC25" s="71">
        <v>5</v>
      </c>
      <c r="AD25" s="71">
        <v>1</v>
      </c>
      <c r="AE25" s="71">
        <v>1</v>
      </c>
      <c r="AF25" s="71">
        <v>0</v>
      </c>
      <c r="AG25" s="71">
        <v>2</v>
      </c>
      <c r="AH25" s="72">
        <v>9</v>
      </c>
      <c r="AI25" s="73">
        <v>11</v>
      </c>
      <c r="AJ25" s="70">
        <v>2</v>
      </c>
      <c r="AK25" s="71">
        <v>0</v>
      </c>
      <c r="AL25" s="72">
        <v>2</v>
      </c>
      <c r="AM25" s="244"/>
      <c r="AN25" s="71">
        <v>2</v>
      </c>
      <c r="AO25" s="71">
        <v>0</v>
      </c>
      <c r="AP25" s="71">
        <v>1</v>
      </c>
      <c r="AQ25" s="71">
        <v>0</v>
      </c>
      <c r="AR25" s="71">
        <v>0</v>
      </c>
      <c r="AS25" s="72">
        <v>3</v>
      </c>
      <c r="AT25" s="73">
        <v>5</v>
      </c>
      <c r="AU25" s="70">
        <v>4</v>
      </c>
      <c r="AV25" s="71">
        <v>5</v>
      </c>
      <c r="AW25" s="72">
        <v>9</v>
      </c>
      <c r="AX25" s="244"/>
      <c r="AY25" s="71">
        <v>5</v>
      </c>
      <c r="AZ25" s="71">
        <v>6</v>
      </c>
      <c r="BA25" s="71">
        <v>4</v>
      </c>
      <c r="BB25" s="71">
        <v>3</v>
      </c>
      <c r="BC25" s="71">
        <v>2</v>
      </c>
      <c r="BD25" s="72">
        <v>20</v>
      </c>
      <c r="BE25" s="73">
        <v>29</v>
      </c>
      <c r="BF25" s="70">
        <v>2</v>
      </c>
      <c r="BG25" s="71">
        <v>2</v>
      </c>
      <c r="BH25" s="72">
        <v>4</v>
      </c>
      <c r="BI25" s="244"/>
      <c r="BJ25" s="71">
        <v>5</v>
      </c>
      <c r="BK25" s="71">
        <v>6</v>
      </c>
      <c r="BL25" s="71">
        <v>2</v>
      </c>
      <c r="BM25" s="71">
        <v>2</v>
      </c>
      <c r="BN25" s="71">
        <v>1</v>
      </c>
      <c r="BO25" s="72">
        <v>16</v>
      </c>
      <c r="BP25" s="73">
        <v>20</v>
      </c>
      <c r="BQ25" s="70">
        <v>2</v>
      </c>
      <c r="BR25" s="71">
        <v>1</v>
      </c>
      <c r="BS25" s="72">
        <v>3</v>
      </c>
      <c r="BT25" s="244"/>
      <c r="BU25" s="71">
        <v>8</v>
      </c>
      <c r="BV25" s="71">
        <v>6</v>
      </c>
      <c r="BW25" s="71">
        <v>4</v>
      </c>
      <c r="BX25" s="71">
        <v>5</v>
      </c>
      <c r="BY25" s="71">
        <v>2</v>
      </c>
      <c r="BZ25" s="72">
        <v>25</v>
      </c>
      <c r="CA25" s="73">
        <v>28</v>
      </c>
      <c r="CB25" s="70">
        <v>0</v>
      </c>
      <c r="CC25" s="71">
        <v>0</v>
      </c>
      <c r="CD25" s="72">
        <v>0</v>
      </c>
      <c r="CE25" s="244"/>
      <c r="CF25" s="71">
        <v>0</v>
      </c>
      <c r="CG25" s="71">
        <v>0</v>
      </c>
      <c r="CH25" s="71">
        <v>0</v>
      </c>
      <c r="CI25" s="71">
        <v>0</v>
      </c>
      <c r="CJ25" s="71">
        <v>0</v>
      </c>
      <c r="CK25" s="72">
        <v>0</v>
      </c>
      <c r="CL25" s="73">
        <v>0</v>
      </c>
      <c r="CM25" s="70">
        <v>11</v>
      </c>
      <c r="CN25" s="71">
        <v>9</v>
      </c>
      <c r="CO25" s="72">
        <v>20</v>
      </c>
      <c r="CP25" s="244"/>
      <c r="CQ25" s="71">
        <v>26</v>
      </c>
      <c r="CR25" s="71">
        <v>19</v>
      </c>
      <c r="CS25" s="71">
        <v>12</v>
      </c>
      <c r="CT25" s="71">
        <v>10</v>
      </c>
      <c r="CU25" s="71">
        <v>7</v>
      </c>
      <c r="CV25" s="72">
        <v>74</v>
      </c>
      <c r="CW25" s="73">
        <v>94</v>
      </c>
      <c r="CX25" s="123">
        <v>4</v>
      </c>
      <c r="CY25" s="82">
        <v>5</v>
      </c>
      <c r="CZ25" s="83">
        <v>9</v>
      </c>
      <c r="DA25" s="241"/>
      <c r="DB25" s="82">
        <v>9</v>
      </c>
      <c r="DC25" s="82">
        <v>3</v>
      </c>
      <c r="DD25" s="82">
        <v>2</v>
      </c>
      <c r="DE25" s="82">
        <v>3</v>
      </c>
      <c r="DF25" s="82">
        <v>3</v>
      </c>
      <c r="DG25" s="84">
        <v>20</v>
      </c>
      <c r="DH25" s="85">
        <v>29</v>
      </c>
      <c r="DI25" s="70">
        <v>0</v>
      </c>
      <c r="DJ25" s="71">
        <v>1</v>
      </c>
      <c r="DK25" s="72">
        <v>1</v>
      </c>
      <c r="DL25" s="244"/>
      <c r="DM25" s="71">
        <v>0</v>
      </c>
      <c r="DN25" s="71">
        <v>0</v>
      </c>
      <c r="DO25" s="71">
        <v>0</v>
      </c>
      <c r="DP25" s="71">
        <v>0</v>
      </c>
      <c r="DQ25" s="71">
        <v>0</v>
      </c>
      <c r="DR25" s="72">
        <v>0</v>
      </c>
      <c r="DS25" s="73">
        <v>1</v>
      </c>
      <c r="DT25" s="70">
        <v>1</v>
      </c>
      <c r="DU25" s="71">
        <v>0</v>
      </c>
      <c r="DV25" s="72">
        <v>1</v>
      </c>
      <c r="DW25" s="244"/>
      <c r="DX25" s="71">
        <v>0</v>
      </c>
      <c r="DY25" s="71">
        <v>0</v>
      </c>
      <c r="DZ25" s="71">
        <v>0</v>
      </c>
      <c r="EA25" s="71">
        <v>0</v>
      </c>
      <c r="EB25" s="71">
        <v>0</v>
      </c>
      <c r="EC25" s="72">
        <v>0</v>
      </c>
      <c r="ED25" s="73">
        <v>1</v>
      </c>
      <c r="EE25" s="70">
        <v>1</v>
      </c>
      <c r="EF25" s="71">
        <v>2</v>
      </c>
      <c r="EG25" s="72">
        <v>3</v>
      </c>
      <c r="EH25" s="244"/>
      <c r="EI25" s="71">
        <v>1</v>
      </c>
      <c r="EJ25" s="71">
        <v>0</v>
      </c>
      <c r="EK25" s="71">
        <v>0</v>
      </c>
      <c r="EL25" s="71">
        <v>0</v>
      </c>
      <c r="EM25" s="71">
        <v>1</v>
      </c>
      <c r="EN25" s="72">
        <v>2</v>
      </c>
      <c r="EO25" s="73">
        <v>5</v>
      </c>
      <c r="EP25" s="70">
        <v>2</v>
      </c>
      <c r="EQ25" s="71">
        <v>1</v>
      </c>
      <c r="ER25" s="72">
        <v>3</v>
      </c>
      <c r="ES25" s="244"/>
      <c r="ET25" s="71">
        <v>4</v>
      </c>
      <c r="EU25" s="71">
        <v>0</v>
      </c>
      <c r="EV25" s="71">
        <v>1</v>
      </c>
      <c r="EW25" s="71">
        <v>1</v>
      </c>
      <c r="EX25" s="71">
        <v>0</v>
      </c>
      <c r="EY25" s="72">
        <v>6</v>
      </c>
      <c r="EZ25" s="73">
        <v>9</v>
      </c>
      <c r="FA25" s="70">
        <v>0</v>
      </c>
      <c r="FB25" s="71">
        <v>0</v>
      </c>
      <c r="FC25" s="72">
        <v>0</v>
      </c>
      <c r="FD25" s="244"/>
      <c r="FE25" s="71">
        <v>2</v>
      </c>
      <c r="FF25" s="71">
        <v>1</v>
      </c>
      <c r="FG25" s="71">
        <v>1</v>
      </c>
      <c r="FH25" s="71">
        <v>0</v>
      </c>
      <c r="FI25" s="71">
        <v>0</v>
      </c>
      <c r="FJ25" s="72">
        <v>4</v>
      </c>
      <c r="FK25" s="73">
        <v>4</v>
      </c>
      <c r="FL25" s="70">
        <v>0</v>
      </c>
      <c r="FM25" s="71">
        <v>1</v>
      </c>
      <c r="FN25" s="72">
        <v>1</v>
      </c>
      <c r="FO25" s="244"/>
      <c r="FP25" s="71">
        <v>2</v>
      </c>
      <c r="FQ25" s="71">
        <v>2</v>
      </c>
      <c r="FR25" s="71">
        <v>0</v>
      </c>
      <c r="FS25" s="71">
        <v>2</v>
      </c>
      <c r="FT25" s="71">
        <v>2</v>
      </c>
      <c r="FU25" s="72">
        <v>8</v>
      </c>
      <c r="FV25" s="73">
        <v>9</v>
      </c>
      <c r="FW25" s="70">
        <v>0</v>
      </c>
      <c r="FX25" s="71">
        <v>0</v>
      </c>
      <c r="FY25" s="72">
        <v>0</v>
      </c>
      <c r="FZ25" s="244"/>
      <c r="GA25" s="71">
        <v>0</v>
      </c>
      <c r="GB25" s="71">
        <v>0</v>
      </c>
      <c r="GC25" s="71">
        <v>0</v>
      </c>
      <c r="GD25" s="71">
        <v>0</v>
      </c>
      <c r="GE25" s="71">
        <v>0</v>
      </c>
      <c r="GF25" s="72">
        <v>0</v>
      </c>
      <c r="GG25" s="73">
        <v>0</v>
      </c>
      <c r="GH25" s="70">
        <v>4</v>
      </c>
      <c r="GI25" s="71">
        <v>5</v>
      </c>
      <c r="GJ25" s="72">
        <v>9</v>
      </c>
      <c r="GK25" s="244"/>
      <c r="GL25" s="71">
        <v>9</v>
      </c>
      <c r="GM25" s="71">
        <v>3</v>
      </c>
      <c r="GN25" s="71">
        <v>2</v>
      </c>
      <c r="GO25" s="71">
        <v>3</v>
      </c>
      <c r="GP25" s="71">
        <v>3</v>
      </c>
      <c r="GQ25" s="72">
        <v>20</v>
      </c>
      <c r="GR25" s="73">
        <v>29</v>
      </c>
      <c r="GS25" s="123">
        <v>15</v>
      </c>
      <c r="GT25" s="82">
        <v>14</v>
      </c>
      <c r="GU25" s="83">
        <v>29</v>
      </c>
      <c r="GV25" s="241"/>
      <c r="GW25" s="82">
        <v>35</v>
      </c>
      <c r="GX25" s="82">
        <v>22</v>
      </c>
      <c r="GY25" s="82">
        <v>14</v>
      </c>
      <c r="GZ25" s="82">
        <v>13</v>
      </c>
      <c r="HA25" s="82">
        <v>10</v>
      </c>
      <c r="HB25" s="84">
        <v>94</v>
      </c>
      <c r="HC25" s="85">
        <v>123</v>
      </c>
      <c r="HD25" s="70">
        <v>0</v>
      </c>
      <c r="HE25" s="71">
        <v>1</v>
      </c>
      <c r="HF25" s="72">
        <v>1</v>
      </c>
      <c r="HG25" s="244"/>
      <c r="HH25" s="71">
        <v>1</v>
      </c>
      <c r="HI25" s="71">
        <v>0</v>
      </c>
      <c r="HJ25" s="71">
        <v>0</v>
      </c>
      <c r="HK25" s="71">
        <v>0</v>
      </c>
      <c r="HL25" s="71">
        <v>0</v>
      </c>
      <c r="HM25" s="72">
        <v>1</v>
      </c>
      <c r="HN25" s="73">
        <v>2</v>
      </c>
      <c r="HO25" s="70">
        <v>2</v>
      </c>
      <c r="HP25" s="71">
        <v>1</v>
      </c>
      <c r="HQ25" s="72">
        <v>3</v>
      </c>
      <c r="HR25" s="244"/>
      <c r="HS25" s="71">
        <v>5</v>
      </c>
      <c r="HT25" s="71">
        <v>1</v>
      </c>
      <c r="HU25" s="71">
        <v>1</v>
      </c>
      <c r="HV25" s="71">
        <v>0</v>
      </c>
      <c r="HW25" s="71">
        <v>2</v>
      </c>
      <c r="HX25" s="72">
        <v>9</v>
      </c>
      <c r="HY25" s="73">
        <v>12</v>
      </c>
      <c r="HZ25" s="70">
        <v>3</v>
      </c>
      <c r="IA25" s="71">
        <v>2</v>
      </c>
      <c r="IB25" s="72">
        <v>5</v>
      </c>
      <c r="IC25" s="244"/>
      <c r="ID25" s="71">
        <v>3</v>
      </c>
      <c r="IE25" s="71">
        <v>0</v>
      </c>
      <c r="IF25" s="71">
        <v>1</v>
      </c>
      <c r="IG25" s="71">
        <v>0</v>
      </c>
      <c r="IH25" s="71">
        <v>1</v>
      </c>
      <c r="II25" s="72">
        <v>5</v>
      </c>
      <c r="IJ25" s="73">
        <v>10</v>
      </c>
      <c r="IK25" s="70">
        <v>6</v>
      </c>
      <c r="IL25" s="71">
        <v>6</v>
      </c>
      <c r="IM25" s="72">
        <v>12</v>
      </c>
      <c r="IN25" s="244"/>
      <c r="IO25" s="71">
        <v>9</v>
      </c>
      <c r="IP25" s="71">
        <v>6</v>
      </c>
      <c r="IQ25" s="71">
        <v>5</v>
      </c>
      <c r="IR25" s="71">
        <v>4</v>
      </c>
      <c r="IS25" s="71">
        <v>2</v>
      </c>
      <c r="IT25" s="72">
        <v>26</v>
      </c>
      <c r="IU25" s="73">
        <v>38</v>
      </c>
      <c r="IV25" s="70">
        <v>2</v>
      </c>
      <c r="IW25" s="71">
        <v>2</v>
      </c>
      <c r="IX25" s="72">
        <v>4</v>
      </c>
      <c r="IY25" s="244"/>
      <c r="IZ25" s="71">
        <v>7</v>
      </c>
      <c r="JA25" s="71">
        <v>7</v>
      </c>
      <c r="JB25" s="71">
        <v>3</v>
      </c>
      <c r="JC25" s="71">
        <v>2</v>
      </c>
      <c r="JD25" s="71">
        <v>1</v>
      </c>
      <c r="JE25" s="72">
        <v>20</v>
      </c>
      <c r="JF25" s="73">
        <v>24</v>
      </c>
      <c r="JG25" s="70">
        <v>2</v>
      </c>
      <c r="JH25" s="71">
        <v>2</v>
      </c>
      <c r="JI25" s="72">
        <v>4</v>
      </c>
      <c r="JJ25" s="244"/>
      <c r="JK25" s="71">
        <v>10</v>
      </c>
      <c r="JL25" s="71">
        <v>8</v>
      </c>
      <c r="JM25" s="71">
        <v>4</v>
      </c>
      <c r="JN25" s="71">
        <v>7</v>
      </c>
      <c r="JO25" s="71">
        <v>4</v>
      </c>
      <c r="JP25" s="72">
        <v>33</v>
      </c>
      <c r="JQ25" s="73">
        <v>37</v>
      </c>
      <c r="JR25" s="70">
        <v>0</v>
      </c>
      <c r="JS25" s="71">
        <v>0</v>
      </c>
      <c r="JT25" s="72">
        <v>0</v>
      </c>
      <c r="JU25" s="244"/>
      <c r="JV25" s="71">
        <v>0</v>
      </c>
      <c r="JW25" s="71">
        <v>0</v>
      </c>
      <c r="JX25" s="71">
        <v>0</v>
      </c>
      <c r="JY25" s="71">
        <v>0</v>
      </c>
      <c r="JZ25" s="71">
        <v>0</v>
      </c>
      <c r="KA25" s="72">
        <v>0</v>
      </c>
      <c r="KB25" s="73">
        <v>0</v>
      </c>
      <c r="KC25" s="70">
        <v>15</v>
      </c>
      <c r="KD25" s="71">
        <v>14</v>
      </c>
      <c r="KE25" s="72">
        <v>29</v>
      </c>
      <c r="KF25" s="244"/>
      <c r="KG25" s="71">
        <v>35</v>
      </c>
      <c r="KH25" s="71">
        <v>22</v>
      </c>
      <c r="KI25" s="71">
        <v>14</v>
      </c>
      <c r="KJ25" s="71">
        <v>13</v>
      </c>
      <c r="KK25" s="71">
        <v>10</v>
      </c>
      <c r="KL25" s="72">
        <v>94</v>
      </c>
      <c r="KM25" s="73">
        <v>123</v>
      </c>
    </row>
    <row r="26" spans="2:299" ht="21" customHeight="1" x14ac:dyDescent="0.2">
      <c r="B26" s="126" t="s">
        <v>23</v>
      </c>
      <c r="C26" s="315">
        <v>10</v>
      </c>
      <c r="D26" s="82">
        <v>15</v>
      </c>
      <c r="E26" s="83">
        <v>25</v>
      </c>
      <c r="F26" s="241"/>
      <c r="G26" s="82">
        <v>22</v>
      </c>
      <c r="H26" s="82">
        <v>20</v>
      </c>
      <c r="I26" s="82">
        <v>19</v>
      </c>
      <c r="J26" s="82">
        <v>18</v>
      </c>
      <c r="K26" s="82">
        <v>9</v>
      </c>
      <c r="L26" s="84">
        <v>88</v>
      </c>
      <c r="M26" s="85">
        <v>113</v>
      </c>
      <c r="N26" s="70">
        <v>0</v>
      </c>
      <c r="O26" s="71">
        <v>1</v>
      </c>
      <c r="P26" s="72">
        <v>1</v>
      </c>
      <c r="Q26" s="244"/>
      <c r="R26" s="71">
        <v>0</v>
      </c>
      <c r="S26" s="71">
        <v>1</v>
      </c>
      <c r="T26" s="71">
        <v>0</v>
      </c>
      <c r="U26" s="71">
        <v>0</v>
      </c>
      <c r="V26" s="71">
        <v>1</v>
      </c>
      <c r="W26" s="72">
        <v>2</v>
      </c>
      <c r="X26" s="73">
        <v>3</v>
      </c>
      <c r="Y26" s="70">
        <v>4</v>
      </c>
      <c r="Z26" s="71">
        <v>0</v>
      </c>
      <c r="AA26" s="72">
        <v>4</v>
      </c>
      <c r="AB26" s="244"/>
      <c r="AC26" s="71">
        <v>1</v>
      </c>
      <c r="AD26" s="71">
        <v>4</v>
      </c>
      <c r="AE26" s="71">
        <v>1</v>
      </c>
      <c r="AF26" s="71">
        <v>1</v>
      </c>
      <c r="AG26" s="71">
        <v>1</v>
      </c>
      <c r="AH26" s="72">
        <v>8</v>
      </c>
      <c r="AI26" s="73">
        <v>12</v>
      </c>
      <c r="AJ26" s="70">
        <v>3</v>
      </c>
      <c r="AK26" s="71">
        <v>1</v>
      </c>
      <c r="AL26" s="72">
        <v>4</v>
      </c>
      <c r="AM26" s="244"/>
      <c r="AN26" s="71">
        <v>4</v>
      </c>
      <c r="AO26" s="71">
        <v>5</v>
      </c>
      <c r="AP26" s="71">
        <v>1</v>
      </c>
      <c r="AQ26" s="71">
        <v>2</v>
      </c>
      <c r="AR26" s="71">
        <v>4</v>
      </c>
      <c r="AS26" s="72">
        <v>16</v>
      </c>
      <c r="AT26" s="73">
        <v>20</v>
      </c>
      <c r="AU26" s="70">
        <v>0</v>
      </c>
      <c r="AV26" s="71">
        <v>8</v>
      </c>
      <c r="AW26" s="72">
        <v>8</v>
      </c>
      <c r="AX26" s="244"/>
      <c r="AY26" s="71">
        <v>6</v>
      </c>
      <c r="AZ26" s="71">
        <v>2</v>
      </c>
      <c r="BA26" s="71">
        <v>8</v>
      </c>
      <c r="BB26" s="71">
        <v>6</v>
      </c>
      <c r="BC26" s="71">
        <v>1</v>
      </c>
      <c r="BD26" s="72">
        <v>23</v>
      </c>
      <c r="BE26" s="73">
        <v>31</v>
      </c>
      <c r="BF26" s="70">
        <v>2</v>
      </c>
      <c r="BG26" s="71">
        <v>4</v>
      </c>
      <c r="BH26" s="72">
        <v>6</v>
      </c>
      <c r="BI26" s="244"/>
      <c r="BJ26" s="71">
        <v>5</v>
      </c>
      <c r="BK26" s="71">
        <v>5</v>
      </c>
      <c r="BL26" s="71">
        <v>7</v>
      </c>
      <c r="BM26" s="71">
        <v>3</v>
      </c>
      <c r="BN26" s="71">
        <v>2</v>
      </c>
      <c r="BO26" s="72">
        <v>22</v>
      </c>
      <c r="BP26" s="73">
        <v>28</v>
      </c>
      <c r="BQ26" s="70">
        <v>1</v>
      </c>
      <c r="BR26" s="71">
        <v>1</v>
      </c>
      <c r="BS26" s="72">
        <v>2</v>
      </c>
      <c r="BT26" s="244"/>
      <c r="BU26" s="71">
        <v>6</v>
      </c>
      <c r="BV26" s="71">
        <v>3</v>
      </c>
      <c r="BW26" s="71">
        <v>2</v>
      </c>
      <c r="BX26" s="71">
        <v>6</v>
      </c>
      <c r="BY26" s="71">
        <v>0</v>
      </c>
      <c r="BZ26" s="72">
        <v>17</v>
      </c>
      <c r="CA26" s="73">
        <v>19</v>
      </c>
      <c r="CB26" s="70">
        <v>0</v>
      </c>
      <c r="CC26" s="71">
        <v>0</v>
      </c>
      <c r="CD26" s="72">
        <v>0</v>
      </c>
      <c r="CE26" s="244"/>
      <c r="CF26" s="71">
        <v>0</v>
      </c>
      <c r="CG26" s="71">
        <v>0</v>
      </c>
      <c r="CH26" s="71">
        <v>0</v>
      </c>
      <c r="CI26" s="71">
        <v>0</v>
      </c>
      <c r="CJ26" s="71">
        <v>0</v>
      </c>
      <c r="CK26" s="72">
        <v>0</v>
      </c>
      <c r="CL26" s="73">
        <v>0</v>
      </c>
      <c r="CM26" s="70">
        <v>10</v>
      </c>
      <c r="CN26" s="71">
        <v>15</v>
      </c>
      <c r="CO26" s="72">
        <v>25</v>
      </c>
      <c r="CP26" s="244"/>
      <c r="CQ26" s="71">
        <v>22</v>
      </c>
      <c r="CR26" s="71">
        <v>20</v>
      </c>
      <c r="CS26" s="71">
        <v>19</v>
      </c>
      <c r="CT26" s="71">
        <v>18</v>
      </c>
      <c r="CU26" s="71">
        <v>9</v>
      </c>
      <c r="CV26" s="72">
        <v>88</v>
      </c>
      <c r="CW26" s="73">
        <v>113</v>
      </c>
      <c r="CX26" s="123">
        <v>7</v>
      </c>
      <c r="CY26" s="82">
        <v>8</v>
      </c>
      <c r="CZ26" s="83">
        <v>15</v>
      </c>
      <c r="DA26" s="241"/>
      <c r="DB26" s="82">
        <v>10</v>
      </c>
      <c r="DC26" s="82">
        <v>10</v>
      </c>
      <c r="DD26" s="82">
        <v>2</v>
      </c>
      <c r="DE26" s="82">
        <v>14</v>
      </c>
      <c r="DF26" s="82">
        <v>6</v>
      </c>
      <c r="DG26" s="84">
        <v>42</v>
      </c>
      <c r="DH26" s="85">
        <v>57</v>
      </c>
      <c r="DI26" s="70">
        <v>0</v>
      </c>
      <c r="DJ26" s="71">
        <v>1</v>
      </c>
      <c r="DK26" s="72">
        <v>1</v>
      </c>
      <c r="DL26" s="244"/>
      <c r="DM26" s="71">
        <v>0</v>
      </c>
      <c r="DN26" s="71">
        <v>0</v>
      </c>
      <c r="DO26" s="71">
        <v>0</v>
      </c>
      <c r="DP26" s="71">
        <v>0</v>
      </c>
      <c r="DQ26" s="71">
        <v>0</v>
      </c>
      <c r="DR26" s="72">
        <v>0</v>
      </c>
      <c r="DS26" s="73">
        <v>1</v>
      </c>
      <c r="DT26" s="70">
        <v>0</v>
      </c>
      <c r="DU26" s="71">
        <v>0</v>
      </c>
      <c r="DV26" s="72">
        <v>0</v>
      </c>
      <c r="DW26" s="244"/>
      <c r="DX26" s="71">
        <v>1</v>
      </c>
      <c r="DY26" s="71">
        <v>2</v>
      </c>
      <c r="DZ26" s="71">
        <v>0</v>
      </c>
      <c r="EA26" s="71">
        <v>0</v>
      </c>
      <c r="EB26" s="71">
        <v>0</v>
      </c>
      <c r="EC26" s="72">
        <v>3</v>
      </c>
      <c r="ED26" s="73">
        <v>3</v>
      </c>
      <c r="EE26" s="70">
        <v>2</v>
      </c>
      <c r="EF26" s="71">
        <v>2</v>
      </c>
      <c r="EG26" s="72">
        <v>4</v>
      </c>
      <c r="EH26" s="244"/>
      <c r="EI26" s="71">
        <v>1</v>
      </c>
      <c r="EJ26" s="71">
        <v>0</v>
      </c>
      <c r="EK26" s="71">
        <v>0</v>
      </c>
      <c r="EL26" s="71">
        <v>0</v>
      </c>
      <c r="EM26" s="71">
        <v>1</v>
      </c>
      <c r="EN26" s="72">
        <v>2</v>
      </c>
      <c r="EO26" s="73">
        <v>6</v>
      </c>
      <c r="EP26" s="70">
        <v>2</v>
      </c>
      <c r="EQ26" s="71">
        <v>3</v>
      </c>
      <c r="ER26" s="72">
        <v>5</v>
      </c>
      <c r="ES26" s="244"/>
      <c r="ET26" s="71">
        <v>3</v>
      </c>
      <c r="EU26" s="71">
        <v>2</v>
      </c>
      <c r="EV26" s="71">
        <v>2</v>
      </c>
      <c r="EW26" s="71">
        <v>1</v>
      </c>
      <c r="EX26" s="71">
        <v>0</v>
      </c>
      <c r="EY26" s="72">
        <v>8</v>
      </c>
      <c r="EZ26" s="73">
        <v>13</v>
      </c>
      <c r="FA26" s="70">
        <v>2</v>
      </c>
      <c r="FB26" s="71">
        <v>2</v>
      </c>
      <c r="FC26" s="72">
        <v>4</v>
      </c>
      <c r="FD26" s="244"/>
      <c r="FE26" s="71">
        <v>1</v>
      </c>
      <c r="FF26" s="71">
        <v>4</v>
      </c>
      <c r="FG26" s="71">
        <v>0</v>
      </c>
      <c r="FH26" s="71">
        <v>2</v>
      </c>
      <c r="FI26" s="71">
        <v>0</v>
      </c>
      <c r="FJ26" s="72">
        <v>7</v>
      </c>
      <c r="FK26" s="73">
        <v>11</v>
      </c>
      <c r="FL26" s="70">
        <v>1</v>
      </c>
      <c r="FM26" s="71">
        <v>0</v>
      </c>
      <c r="FN26" s="72">
        <v>1</v>
      </c>
      <c r="FO26" s="244"/>
      <c r="FP26" s="71">
        <v>4</v>
      </c>
      <c r="FQ26" s="71">
        <v>2</v>
      </c>
      <c r="FR26" s="71">
        <v>0</v>
      </c>
      <c r="FS26" s="71">
        <v>11</v>
      </c>
      <c r="FT26" s="71">
        <v>5</v>
      </c>
      <c r="FU26" s="72">
        <v>22</v>
      </c>
      <c r="FV26" s="73">
        <v>23</v>
      </c>
      <c r="FW26" s="70">
        <v>0</v>
      </c>
      <c r="FX26" s="71">
        <v>0</v>
      </c>
      <c r="FY26" s="72">
        <v>0</v>
      </c>
      <c r="FZ26" s="244"/>
      <c r="GA26" s="71">
        <v>0</v>
      </c>
      <c r="GB26" s="71">
        <v>0</v>
      </c>
      <c r="GC26" s="71">
        <v>0</v>
      </c>
      <c r="GD26" s="71">
        <v>0</v>
      </c>
      <c r="GE26" s="71">
        <v>0</v>
      </c>
      <c r="GF26" s="72">
        <v>0</v>
      </c>
      <c r="GG26" s="73">
        <v>0</v>
      </c>
      <c r="GH26" s="70">
        <v>7</v>
      </c>
      <c r="GI26" s="71">
        <v>8</v>
      </c>
      <c r="GJ26" s="72">
        <v>15</v>
      </c>
      <c r="GK26" s="244"/>
      <c r="GL26" s="71">
        <v>10</v>
      </c>
      <c r="GM26" s="71">
        <v>10</v>
      </c>
      <c r="GN26" s="71">
        <v>2</v>
      </c>
      <c r="GO26" s="71">
        <v>14</v>
      </c>
      <c r="GP26" s="71">
        <v>6</v>
      </c>
      <c r="GQ26" s="72">
        <v>42</v>
      </c>
      <c r="GR26" s="73">
        <v>57</v>
      </c>
      <c r="GS26" s="123">
        <v>17</v>
      </c>
      <c r="GT26" s="82">
        <v>23</v>
      </c>
      <c r="GU26" s="83">
        <v>40</v>
      </c>
      <c r="GV26" s="241"/>
      <c r="GW26" s="82">
        <v>32</v>
      </c>
      <c r="GX26" s="82">
        <v>30</v>
      </c>
      <c r="GY26" s="82">
        <v>21</v>
      </c>
      <c r="GZ26" s="82">
        <v>32</v>
      </c>
      <c r="HA26" s="82">
        <v>15</v>
      </c>
      <c r="HB26" s="84">
        <v>130</v>
      </c>
      <c r="HC26" s="85">
        <v>170</v>
      </c>
      <c r="HD26" s="70">
        <v>0</v>
      </c>
      <c r="HE26" s="71">
        <v>2</v>
      </c>
      <c r="HF26" s="72">
        <v>2</v>
      </c>
      <c r="HG26" s="244"/>
      <c r="HH26" s="71">
        <v>0</v>
      </c>
      <c r="HI26" s="71">
        <v>1</v>
      </c>
      <c r="HJ26" s="71">
        <v>0</v>
      </c>
      <c r="HK26" s="71">
        <v>0</v>
      </c>
      <c r="HL26" s="71">
        <v>1</v>
      </c>
      <c r="HM26" s="72">
        <v>2</v>
      </c>
      <c r="HN26" s="73">
        <v>4</v>
      </c>
      <c r="HO26" s="70">
        <v>4</v>
      </c>
      <c r="HP26" s="71">
        <v>0</v>
      </c>
      <c r="HQ26" s="72">
        <v>4</v>
      </c>
      <c r="HR26" s="244"/>
      <c r="HS26" s="71">
        <v>2</v>
      </c>
      <c r="HT26" s="71">
        <v>6</v>
      </c>
      <c r="HU26" s="71">
        <v>1</v>
      </c>
      <c r="HV26" s="71">
        <v>1</v>
      </c>
      <c r="HW26" s="71">
        <v>1</v>
      </c>
      <c r="HX26" s="72">
        <v>11</v>
      </c>
      <c r="HY26" s="73">
        <v>15</v>
      </c>
      <c r="HZ26" s="70">
        <v>5</v>
      </c>
      <c r="IA26" s="71">
        <v>3</v>
      </c>
      <c r="IB26" s="72">
        <v>8</v>
      </c>
      <c r="IC26" s="244"/>
      <c r="ID26" s="71">
        <v>5</v>
      </c>
      <c r="IE26" s="71">
        <v>5</v>
      </c>
      <c r="IF26" s="71">
        <v>1</v>
      </c>
      <c r="IG26" s="71">
        <v>2</v>
      </c>
      <c r="IH26" s="71">
        <v>5</v>
      </c>
      <c r="II26" s="72">
        <v>18</v>
      </c>
      <c r="IJ26" s="73">
        <v>26</v>
      </c>
      <c r="IK26" s="70">
        <v>2</v>
      </c>
      <c r="IL26" s="71">
        <v>11</v>
      </c>
      <c r="IM26" s="72">
        <v>13</v>
      </c>
      <c r="IN26" s="244"/>
      <c r="IO26" s="71">
        <v>9</v>
      </c>
      <c r="IP26" s="71">
        <v>4</v>
      </c>
      <c r="IQ26" s="71">
        <v>10</v>
      </c>
      <c r="IR26" s="71">
        <v>7</v>
      </c>
      <c r="IS26" s="71">
        <v>1</v>
      </c>
      <c r="IT26" s="72">
        <v>31</v>
      </c>
      <c r="IU26" s="73">
        <v>44</v>
      </c>
      <c r="IV26" s="70">
        <v>4</v>
      </c>
      <c r="IW26" s="71">
        <v>6</v>
      </c>
      <c r="IX26" s="72">
        <v>10</v>
      </c>
      <c r="IY26" s="244"/>
      <c r="IZ26" s="71">
        <v>6</v>
      </c>
      <c r="JA26" s="71">
        <v>9</v>
      </c>
      <c r="JB26" s="71">
        <v>7</v>
      </c>
      <c r="JC26" s="71">
        <v>5</v>
      </c>
      <c r="JD26" s="71">
        <v>2</v>
      </c>
      <c r="JE26" s="72">
        <v>29</v>
      </c>
      <c r="JF26" s="73">
        <v>39</v>
      </c>
      <c r="JG26" s="70">
        <v>2</v>
      </c>
      <c r="JH26" s="71">
        <v>1</v>
      </c>
      <c r="JI26" s="72">
        <v>3</v>
      </c>
      <c r="JJ26" s="244"/>
      <c r="JK26" s="71">
        <v>10</v>
      </c>
      <c r="JL26" s="71">
        <v>5</v>
      </c>
      <c r="JM26" s="71">
        <v>2</v>
      </c>
      <c r="JN26" s="71">
        <v>17</v>
      </c>
      <c r="JO26" s="71">
        <v>5</v>
      </c>
      <c r="JP26" s="72">
        <v>39</v>
      </c>
      <c r="JQ26" s="73">
        <v>42</v>
      </c>
      <c r="JR26" s="70">
        <v>0</v>
      </c>
      <c r="JS26" s="71">
        <v>0</v>
      </c>
      <c r="JT26" s="72">
        <v>0</v>
      </c>
      <c r="JU26" s="244"/>
      <c r="JV26" s="71">
        <v>0</v>
      </c>
      <c r="JW26" s="71">
        <v>0</v>
      </c>
      <c r="JX26" s="71">
        <v>0</v>
      </c>
      <c r="JY26" s="71">
        <v>0</v>
      </c>
      <c r="JZ26" s="71">
        <v>0</v>
      </c>
      <c r="KA26" s="72">
        <v>0</v>
      </c>
      <c r="KB26" s="73">
        <v>0</v>
      </c>
      <c r="KC26" s="70">
        <v>17</v>
      </c>
      <c r="KD26" s="71">
        <v>23</v>
      </c>
      <c r="KE26" s="72">
        <v>40</v>
      </c>
      <c r="KF26" s="244"/>
      <c r="KG26" s="71">
        <v>32</v>
      </c>
      <c r="KH26" s="71">
        <v>30</v>
      </c>
      <c r="KI26" s="71">
        <v>21</v>
      </c>
      <c r="KJ26" s="71">
        <v>32</v>
      </c>
      <c r="KK26" s="71">
        <v>15</v>
      </c>
      <c r="KL26" s="72">
        <v>130</v>
      </c>
      <c r="KM26" s="73">
        <v>170</v>
      </c>
    </row>
    <row r="27" spans="2:299" ht="21" customHeight="1" x14ac:dyDescent="0.2">
      <c r="B27" s="126" t="s">
        <v>24</v>
      </c>
      <c r="C27" s="315">
        <v>19</v>
      </c>
      <c r="D27" s="82">
        <v>16</v>
      </c>
      <c r="E27" s="83">
        <v>35</v>
      </c>
      <c r="F27" s="241"/>
      <c r="G27" s="82">
        <v>27</v>
      </c>
      <c r="H27" s="82">
        <v>20</v>
      </c>
      <c r="I27" s="82">
        <v>17</v>
      </c>
      <c r="J27" s="82">
        <v>11</v>
      </c>
      <c r="K27" s="82">
        <v>12</v>
      </c>
      <c r="L27" s="84">
        <v>87</v>
      </c>
      <c r="M27" s="85">
        <v>122</v>
      </c>
      <c r="N27" s="70">
        <v>0</v>
      </c>
      <c r="O27" s="71">
        <v>0</v>
      </c>
      <c r="P27" s="72">
        <v>0</v>
      </c>
      <c r="Q27" s="244"/>
      <c r="R27" s="71">
        <v>0</v>
      </c>
      <c r="S27" s="71">
        <v>0</v>
      </c>
      <c r="T27" s="71">
        <v>0</v>
      </c>
      <c r="U27" s="71">
        <v>0</v>
      </c>
      <c r="V27" s="71">
        <v>0</v>
      </c>
      <c r="W27" s="72">
        <v>0</v>
      </c>
      <c r="X27" s="73">
        <v>0</v>
      </c>
      <c r="Y27" s="70">
        <v>0</v>
      </c>
      <c r="Z27" s="71">
        <v>1</v>
      </c>
      <c r="AA27" s="72">
        <v>1</v>
      </c>
      <c r="AB27" s="244"/>
      <c r="AC27" s="71">
        <v>1</v>
      </c>
      <c r="AD27" s="71">
        <v>3</v>
      </c>
      <c r="AE27" s="71">
        <v>0</v>
      </c>
      <c r="AF27" s="71">
        <v>0</v>
      </c>
      <c r="AG27" s="71">
        <v>1</v>
      </c>
      <c r="AH27" s="72">
        <v>5</v>
      </c>
      <c r="AI27" s="73">
        <v>6</v>
      </c>
      <c r="AJ27" s="70">
        <v>3</v>
      </c>
      <c r="AK27" s="71">
        <v>1</v>
      </c>
      <c r="AL27" s="72">
        <v>4</v>
      </c>
      <c r="AM27" s="244"/>
      <c r="AN27" s="71">
        <v>3</v>
      </c>
      <c r="AO27" s="71">
        <v>2</v>
      </c>
      <c r="AP27" s="71">
        <v>2</v>
      </c>
      <c r="AQ27" s="71">
        <v>1</v>
      </c>
      <c r="AR27" s="71">
        <v>2</v>
      </c>
      <c r="AS27" s="72">
        <v>10</v>
      </c>
      <c r="AT27" s="73">
        <v>14</v>
      </c>
      <c r="AU27" s="70">
        <v>5</v>
      </c>
      <c r="AV27" s="71">
        <v>5</v>
      </c>
      <c r="AW27" s="72">
        <v>10</v>
      </c>
      <c r="AX27" s="244"/>
      <c r="AY27" s="71">
        <v>8</v>
      </c>
      <c r="AZ27" s="71">
        <v>4</v>
      </c>
      <c r="BA27" s="71">
        <v>5</v>
      </c>
      <c r="BB27" s="71">
        <v>1</v>
      </c>
      <c r="BC27" s="71">
        <v>3</v>
      </c>
      <c r="BD27" s="72">
        <v>21</v>
      </c>
      <c r="BE27" s="73">
        <v>31</v>
      </c>
      <c r="BF27" s="70">
        <v>7</v>
      </c>
      <c r="BG27" s="71">
        <v>7</v>
      </c>
      <c r="BH27" s="72">
        <v>14</v>
      </c>
      <c r="BI27" s="244"/>
      <c r="BJ27" s="71">
        <v>9</v>
      </c>
      <c r="BK27" s="71">
        <v>5</v>
      </c>
      <c r="BL27" s="71">
        <v>5</v>
      </c>
      <c r="BM27" s="71">
        <v>3</v>
      </c>
      <c r="BN27" s="71">
        <v>2</v>
      </c>
      <c r="BO27" s="72">
        <v>24</v>
      </c>
      <c r="BP27" s="73">
        <v>38</v>
      </c>
      <c r="BQ27" s="70">
        <v>4</v>
      </c>
      <c r="BR27" s="71">
        <v>2</v>
      </c>
      <c r="BS27" s="72">
        <v>6</v>
      </c>
      <c r="BT27" s="244"/>
      <c r="BU27" s="71">
        <v>6</v>
      </c>
      <c r="BV27" s="71">
        <v>6</v>
      </c>
      <c r="BW27" s="71">
        <v>5</v>
      </c>
      <c r="BX27" s="71">
        <v>6</v>
      </c>
      <c r="BY27" s="71">
        <v>4</v>
      </c>
      <c r="BZ27" s="72">
        <v>27</v>
      </c>
      <c r="CA27" s="73">
        <v>33</v>
      </c>
      <c r="CB27" s="70">
        <v>0</v>
      </c>
      <c r="CC27" s="71">
        <v>0</v>
      </c>
      <c r="CD27" s="72">
        <v>0</v>
      </c>
      <c r="CE27" s="244"/>
      <c r="CF27" s="71">
        <v>0</v>
      </c>
      <c r="CG27" s="71">
        <v>0</v>
      </c>
      <c r="CH27" s="71">
        <v>0</v>
      </c>
      <c r="CI27" s="71">
        <v>0</v>
      </c>
      <c r="CJ27" s="71">
        <v>0</v>
      </c>
      <c r="CK27" s="72">
        <v>0</v>
      </c>
      <c r="CL27" s="73">
        <v>0</v>
      </c>
      <c r="CM27" s="70">
        <v>19</v>
      </c>
      <c r="CN27" s="71">
        <v>16</v>
      </c>
      <c r="CO27" s="72">
        <v>35</v>
      </c>
      <c r="CP27" s="244"/>
      <c r="CQ27" s="71">
        <v>27</v>
      </c>
      <c r="CR27" s="71">
        <v>20</v>
      </c>
      <c r="CS27" s="71">
        <v>17</v>
      </c>
      <c r="CT27" s="71">
        <v>11</v>
      </c>
      <c r="CU27" s="71">
        <v>12</v>
      </c>
      <c r="CV27" s="72">
        <v>87</v>
      </c>
      <c r="CW27" s="73">
        <v>122</v>
      </c>
      <c r="CX27" s="123">
        <v>9</v>
      </c>
      <c r="CY27" s="82">
        <v>6</v>
      </c>
      <c r="CZ27" s="83">
        <v>15</v>
      </c>
      <c r="DA27" s="241"/>
      <c r="DB27" s="82">
        <v>10</v>
      </c>
      <c r="DC27" s="82">
        <v>8</v>
      </c>
      <c r="DD27" s="82">
        <v>5</v>
      </c>
      <c r="DE27" s="82">
        <v>6</v>
      </c>
      <c r="DF27" s="82">
        <v>4</v>
      </c>
      <c r="DG27" s="84">
        <v>33</v>
      </c>
      <c r="DH27" s="85">
        <v>48</v>
      </c>
      <c r="DI27" s="70">
        <v>1</v>
      </c>
      <c r="DJ27" s="71">
        <v>0</v>
      </c>
      <c r="DK27" s="72">
        <v>1</v>
      </c>
      <c r="DL27" s="244"/>
      <c r="DM27" s="71">
        <v>0</v>
      </c>
      <c r="DN27" s="71">
        <v>0</v>
      </c>
      <c r="DO27" s="71">
        <v>0</v>
      </c>
      <c r="DP27" s="71">
        <v>0</v>
      </c>
      <c r="DQ27" s="71">
        <v>0</v>
      </c>
      <c r="DR27" s="72">
        <v>0</v>
      </c>
      <c r="DS27" s="73">
        <v>1</v>
      </c>
      <c r="DT27" s="70">
        <v>1</v>
      </c>
      <c r="DU27" s="71">
        <v>0</v>
      </c>
      <c r="DV27" s="72">
        <v>1</v>
      </c>
      <c r="DW27" s="244"/>
      <c r="DX27" s="71">
        <v>3</v>
      </c>
      <c r="DY27" s="71">
        <v>0</v>
      </c>
      <c r="DZ27" s="71">
        <v>1</v>
      </c>
      <c r="EA27" s="71">
        <v>0</v>
      </c>
      <c r="EB27" s="71">
        <v>0</v>
      </c>
      <c r="EC27" s="72">
        <v>4</v>
      </c>
      <c r="ED27" s="73">
        <v>5</v>
      </c>
      <c r="EE27" s="70">
        <v>1</v>
      </c>
      <c r="EF27" s="71">
        <v>2</v>
      </c>
      <c r="EG27" s="72">
        <v>3</v>
      </c>
      <c r="EH27" s="244"/>
      <c r="EI27" s="71">
        <v>1</v>
      </c>
      <c r="EJ27" s="71">
        <v>1</v>
      </c>
      <c r="EK27" s="71">
        <v>0</v>
      </c>
      <c r="EL27" s="71">
        <v>0</v>
      </c>
      <c r="EM27" s="71">
        <v>0</v>
      </c>
      <c r="EN27" s="72">
        <v>2</v>
      </c>
      <c r="EO27" s="73">
        <v>5</v>
      </c>
      <c r="EP27" s="70">
        <v>0</v>
      </c>
      <c r="EQ27" s="71">
        <v>2</v>
      </c>
      <c r="ER27" s="72">
        <v>2</v>
      </c>
      <c r="ES27" s="244"/>
      <c r="ET27" s="71">
        <v>3</v>
      </c>
      <c r="EU27" s="71">
        <v>2</v>
      </c>
      <c r="EV27" s="71">
        <v>3</v>
      </c>
      <c r="EW27" s="71">
        <v>0</v>
      </c>
      <c r="EX27" s="71">
        <v>1</v>
      </c>
      <c r="EY27" s="72">
        <v>9</v>
      </c>
      <c r="EZ27" s="73">
        <v>11</v>
      </c>
      <c r="FA27" s="70">
        <v>4</v>
      </c>
      <c r="FB27" s="71">
        <v>1</v>
      </c>
      <c r="FC27" s="72">
        <v>5</v>
      </c>
      <c r="FD27" s="244"/>
      <c r="FE27" s="71">
        <v>1</v>
      </c>
      <c r="FF27" s="71">
        <v>2</v>
      </c>
      <c r="FG27" s="71">
        <v>1</v>
      </c>
      <c r="FH27" s="71">
        <v>2</v>
      </c>
      <c r="FI27" s="71">
        <v>2</v>
      </c>
      <c r="FJ27" s="72">
        <v>8</v>
      </c>
      <c r="FK27" s="73">
        <v>13</v>
      </c>
      <c r="FL27" s="70">
        <v>2</v>
      </c>
      <c r="FM27" s="71">
        <v>1</v>
      </c>
      <c r="FN27" s="72">
        <v>3</v>
      </c>
      <c r="FO27" s="244"/>
      <c r="FP27" s="71">
        <v>2</v>
      </c>
      <c r="FQ27" s="71">
        <v>3</v>
      </c>
      <c r="FR27" s="71">
        <v>0</v>
      </c>
      <c r="FS27" s="71">
        <v>4</v>
      </c>
      <c r="FT27" s="71">
        <v>1</v>
      </c>
      <c r="FU27" s="72">
        <v>10</v>
      </c>
      <c r="FV27" s="73">
        <v>13</v>
      </c>
      <c r="FW27" s="70">
        <v>0</v>
      </c>
      <c r="FX27" s="71">
        <v>0</v>
      </c>
      <c r="FY27" s="72">
        <v>0</v>
      </c>
      <c r="FZ27" s="244"/>
      <c r="GA27" s="71">
        <v>0</v>
      </c>
      <c r="GB27" s="71">
        <v>0</v>
      </c>
      <c r="GC27" s="71">
        <v>0</v>
      </c>
      <c r="GD27" s="71">
        <v>0</v>
      </c>
      <c r="GE27" s="71">
        <v>0</v>
      </c>
      <c r="GF27" s="72">
        <v>0</v>
      </c>
      <c r="GG27" s="73">
        <v>0</v>
      </c>
      <c r="GH27" s="70">
        <v>9</v>
      </c>
      <c r="GI27" s="71">
        <v>6</v>
      </c>
      <c r="GJ27" s="72">
        <v>15</v>
      </c>
      <c r="GK27" s="244"/>
      <c r="GL27" s="71">
        <v>10</v>
      </c>
      <c r="GM27" s="71">
        <v>8</v>
      </c>
      <c r="GN27" s="71">
        <v>5</v>
      </c>
      <c r="GO27" s="71">
        <v>6</v>
      </c>
      <c r="GP27" s="71">
        <v>4</v>
      </c>
      <c r="GQ27" s="72">
        <v>33</v>
      </c>
      <c r="GR27" s="73">
        <v>48</v>
      </c>
      <c r="GS27" s="123">
        <v>28</v>
      </c>
      <c r="GT27" s="82">
        <v>22</v>
      </c>
      <c r="GU27" s="83">
        <v>50</v>
      </c>
      <c r="GV27" s="241"/>
      <c r="GW27" s="82">
        <v>37</v>
      </c>
      <c r="GX27" s="82">
        <v>28</v>
      </c>
      <c r="GY27" s="82">
        <v>22</v>
      </c>
      <c r="GZ27" s="82">
        <v>17</v>
      </c>
      <c r="HA27" s="82">
        <v>16</v>
      </c>
      <c r="HB27" s="84">
        <v>120</v>
      </c>
      <c r="HC27" s="85">
        <v>170</v>
      </c>
      <c r="HD27" s="70">
        <v>1</v>
      </c>
      <c r="HE27" s="71">
        <v>0</v>
      </c>
      <c r="HF27" s="72">
        <v>1</v>
      </c>
      <c r="HG27" s="244"/>
      <c r="HH27" s="71">
        <v>0</v>
      </c>
      <c r="HI27" s="71">
        <v>0</v>
      </c>
      <c r="HJ27" s="71">
        <v>0</v>
      </c>
      <c r="HK27" s="71">
        <v>0</v>
      </c>
      <c r="HL27" s="71">
        <v>0</v>
      </c>
      <c r="HM27" s="72">
        <v>0</v>
      </c>
      <c r="HN27" s="73">
        <v>1</v>
      </c>
      <c r="HO27" s="70">
        <v>1</v>
      </c>
      <c r="HP27" s="71">
        <v>1</v>
      </c>
      <c r="HQ27" s="72">
        <v>2</v>
      </c>
      <c r="HR27" s="244"/>
      <c r="HS27" s="71">
        <v>4</v>
      </c>
      <c r="HT27" s="71">
        <v>3</v>
      </c>
      <c r="HU27" s="71">
        <v>1</v>
      </c>
      <c r="HV27" s="71">
        <v>0</v>
      </c>
      <c r="HW27" s="71">
        <v>1</v>
      </c>
      <c r="HX27" s="72">
        <v>9</v>
      </c>
      <c r="HY27" s="73">
        <v>11</v>
      </c>
      <c r="HZ27" s="70">
        <v>4</v>
      </c>
      <c r="IA27" s="71">
        <v>3</v>
      </c>
      <c r="IB27" s="72">
        <v>7</v>
      </c>
      <c r="IC27" s="244"/>
      <c r="ID27" s="71">
        <v>4</v>
      </c>
      <c r="IE27" s="71">
        <v>3</v>
      </c>
      <c r="IF27" s="71">
        <v>2</v>
      </c>
      <c r="IG27" s="71">
        <v>1</v>
      </c>
      <c r="IH27" s="71">
        <v>2</v>
      </c>
      <c r="II27" s="72">
        <v>12</v>
      </c>
      <c r="IJ27" s="73">
        <v>19</v>
      </c>
      <c r="IK27" s="70">
        <v>5</v>
      </c>
      <c r="IL27" s="71">
        <v>7</v>
      </c>
      <c r="IM27" s="72">
        <v>12</v>
      </c>
      <c r="IN27" s="244"/>
      <c r="IO27" s="71">
        <v>11</v>
      </c>
      <c r="IP27" s="71">
        <v>6</v>
      </c>
      <c r="IQ27" s="71">
        <v>8</v>
      </c>
      <c r="IR27" s="71">
        <v>1</v>
      </c>
      <c r="IS27" s="71">
        <v>4</v>
      </c>
      <c r="IT27" s="72">
        <v>30</v>
      </c>
      <c r="IU27" s="73">
        <v>42</v>
      </c>
      <c r="IV27" s="70">
        <v>11</v>
      </c>
      <c r="IW27" s="71">
        <v>8</v>
      </c>
      <c r="IX27" s="72">
        <v>19</v>
      </c>
      <c r="IY27" s="244"/>
      <c r="IZ27" s="71">
        <v>10</v>
      </c>
      <c r="JA27" s="71">
        <v>7</v>
      </c>
      <c r="JB27" s="71">
        <v>6</v>
      </c>
      <c r="JC27" s="71">
        <v>5</v>
      </c>
      <c r="JD27" s="71">
        <v>4</v>
      </c>
      <c r="JE27" s="72">
        <v>32</v>
      </c>
      <c r="JF27" s="73">
        <v>51</v>
      </c>
      <c r="JG27" s="70">
        <v>6</v>
      </c>
      <c r="JH27" s="71">
        <v>3</v>
      </c>
      <c r="JI27" s="72">
        <v>9</v>
      </c>
      <c r="JJ27" s="244"/>
      <c r="JK27" s="71">
        <v>8</v>
      </c>
      <c r="JL27" s="71">
        <v>9</v>
      </c>
      <c r="JM27" s="71">
        <v>5</v>
      </c>
      <c r="JN27" s="71">
        <v>10</v>
      </c>
      <c r="JO27" s="71">
        <v>5</v>
      </c>
      <c r="JP27" s="72">
        <v>37</v>
      </c>
      <c r="JQ27" s="73">
        <v>46</v>
      </c>
      <c r="JR27" s="70">
        <v>0</v>
      </c>
      <c r="JS27" s="71">
        <v>0</v>
      </c>
      <c r="JT27" s="72">
        <v>0</v>
      </c>
      <c r="JU27" s="244"/>
      <c r="JV27" s="71">
        <v>0</v>
      </c>
      <c r="JW27" s="71">
        <v>0</v>
      </c>
      <c r="JX27" s="71">
        <v>0</v>
      </c>
      <c r="JY27" s="71">
        <v>0</v>
      </c>
      <c r="JZ27" s="71">
        <v>0</v>
      </c>
      <c r="KA27" s="72">
        <v>0</v>
      </c>
      <c r="KB27" s="73">
        <v>0</v>
      </c>
      <c r="KC27" s="70">
        <v>28</v>
      </c>
      <c r="KD27" s="71">
        <v>22</v>
      </c>
      <c r="KE27" s="72">
        <v>50</v>
      </c>
      <c r="KF27" s="244"/>
      <c r="KG27" s="71">
        <v>37</v>
      </c>
      <c r="KH27" s="71">
        <v>28</v>
      </c>
      <c r="KI27" s="71">
        <v>22</v>
      </c>
      <c r="KJ27" s="71">
        <v>17</v>
      </c>
      <c r="KK27" s="71">
        <v>16</v>
      </c>
      <c r="KL27" s="72">
        <v>120</v>
      </c>
      <c r="KM27" s="73">
        <v>170</v>
      </c>
    </row>
    <row r="28" spans="2:299" ht="21" customHeight="1" x14ac:dyDescent="0.2">
      <c r="B28" s="126" t="s">
        <v>25</v>
      </c>
      <c r="C28" s="315">
        <v>7</v>
      </c>
      <c r="D28" s="82">
        <v>14</v>
      </c>
      <c r="E28" s="83">
        <v>21</v>
      </c>
      <c r="F28" s="241"/>
      <c r="G28" s="82">
        <v>11</v>
      </c>
      <c r="H28" s="82">
        <v>12</v>
      </c>
      <c r="I28" s="82">
        <v>6</v>
      </c>
      <c r="J28" s="82">
        <v>6</v>
      </c>
      <c r="K28" s="82">
        <v>4</v>
      </c>
      <c r="L28" s="84">
        <v>39</v>
      </c>
      <c r="M28" s="85">
        <v>60</v>
      </c>
      <c r="N28" s="70">
        <v>0</v>
      </c>
      <c r="O28" s="71">
        <v>1</v>
      </c>
      <c r="P28" s="72">
        <v>1</v>
      </c>
      <c r="Q28" s="244"/>
      <c r="R28" s="71">
        <v>0</v>
      </c>
      <c r="S28" s="71">
        <v>1</v>
      </c>
      <c r="T28" s="71">
        <v>0</v>
      </c>
      <c r="U28" s="71">
        <v>1</v>
      </c>
      <c r="V28" s="71">
        <v>0</v>
      </c>
      <c r="W28" s="72">
        <v>2</v>
      </c>
      <c r="X28" s="73">
        <v>3</v>
      </c>
      <c r="Y28" s="70">
        <v>1</v>
      </c>
      <c r="Z28" s="71">
        <v>1</v>
      </c>
      <c r="AA28" s="72">
        <v>2</v>
      </c>
      <c r="AB28" s="244"/>
      <c r="AC28" s="71">
        <v>1</v>
      </c>
      <c r="AD28" s="71">
        <v>2</v>
      </c>
      <c r="AE28" s="71">
        <v>0</v>
      </c>
      <c r="AF28" s="71">
        <v>1</v>
      </c>
      <c r="AG28" s="71">
        <v>1</v>
      </c>
      <c r="AH28" s="72">
        <v>5</v>
      </c>
      <c r="AI28" s="73">
        <v>7</v>
      </c>
      <c r="AJ28" s="70">
        <v>2</v>
      </c>
      <c r="AK28" s="71">
        <v>0</v>
      </c>
      <c r="AL28" s="72">
        <v>2</v>
      </c>
      <c r="AM28" s="244"/>
      <c r="AN28" s="71">
        <v>2</v>
      </c>
      <c r="AO28" s="71">
        <v>1</v>
      </c>
      <c r="AP28" s="71">
        <v>0</v>
      </c>
      <c r="AQ28" s="71">
        <v>1</v>
      </c>
      <c r="AR28" s="71">
        <v>0</v>
      </c>
      <c r="AS28" s="72">
        <v>4</v>
      </c>
      <c r="AT28" s="73">
        <v>6</v>
      </c>
      <c r="AU28" s="70">
        <v>3</v>
      </c>
      <c r="AV28" s="71">
        <v>7</v>
      </c>
      <c r="AW28" s="72">
        <v>10</v>
      </c>
      <c r="AX28" s="244"/>
      <c r="AY28" s="71">
        <v>4</v>
      </c>
      <c r="AZ28" s="71">
        <v>2</v>
      </c>
      <c r="BA28" s="71">
        <v>2</v>
      </c>
      <c r="BB28" s="71">
        <v>0</v>
      </c>
      <c r="BC28" s="71">
        <v>0</v>
      </c>
      <c r="BD28" s="72">
        <v>8</v>
      </c>
      <c r="BE28" s="73">
        <v>18</v>
      </c>
      <c r="BF28" s="70">
        <v>1</v>
      </c>
      <c r="BG28" s="71">
        <v>2</v>
      </c>
      <c r="BH28" s="72">
        <v>3</v>
      </c>
      <c r="BI28" s="244"/>
      <c r="BJ28" s="71">
        <v>1</v>
      </c>
      <c r="BK28" s="71">
        <v>2</v>
      </c>
      <c r="BL28" s="71">
        <v>3</v>
      </c>
      <c r="BM28" s="71">
        <v>1</v>
      </c>
      <c r="BN28" s="71">
        <v>3</v>
      </c>
      <c r="BO28" s="72">
        <v>10</v>
      </c>
      <c r="BP28" s="73">
        <v>13</v>
      </c>
      <c r="BQ28" s="70">
        <v>0</v>
      </c>
      <c r="BR28" s="71">
        <v>3</v>
      </c>
      <c r="BS28" s="72">
        <v>3</v>
      </c>
      <c r="BT28" s="244"/>
      <c r="BU28" s="71">
        <v>3</v>
      </c>
      <c r="BV28" s="71">
        <v>4</v>
      </c>
      <c r="BW28" s="71">
        <v>1</v>
      </c>
      <c r="BX28" s="71">
        <v>2</v>
      </c>
      <c r="BY28" s="71">
        <v>0</v>
      </c>
      <c r="BZ28" s="72">
        <v>10</v>
      </c>
      <c r="CA28" s="73">
        <v>13</v>
      </c>
      <c r="CB28" s="70">
        <v>0</v>
      </c>
      <c r="CC28" s="71">
        <v>0</v>
      </c>
      <c r="CD28" s="72">
        <v>0</v>
      </c>
      <c r="CE28" s="244"/>
      <c r="CF28" s="71">
        <v>0</v>
      </c>
      <c r="CG28" s="71">
        <v>0</v>
      </c>
      <c r="CH28" s="71">
        <v>0</v>
      </c>
      <c r="CI28" s="71">
        <v>0</v>
      </c>
      <c r="CJ28" s="71">
        <v>0</v>
      </c>
      <c r="CK28" s="72">
        <v>0</v>
      </c>
      <c r="CL28" s="73">
        <v>0</v>
      </c>
      <c r="CM28" s="70">
        <v>7</v>
      </c>
      <c r="CN28" s="71">
        <v>14</v>
      </c>
      <c r="CO28" s="72">
        <v>21</v>
      </c>
      <c r="CP28" s="244"/>
      <c r="CQ28" s="71">
        <v>11</v>
      </c>
      <c r="CR28" s="71">
        <v>12</v>
      </c>
      <c r="CS28" s="71">
        <v>6</v>
      </c>
      <c r="CT28" s="71">
        <v>6</v>
      </c>
      <c r="CU28" s="71">
        <v>4</v>
      </c>
      <c r="CV28" s="72">
        <v>39</v>
      </c>
      <c r="CW28" s="73">
        <v>60</v>
      </c>
      <c r="CX28" s="123">
        <v>8</v>
      </c>
      <c r="CY28" s="82">
        <v>18</v>
      </c>
      <c r="CZ28" s="83">
        <v>26</v>
      </c>
      <c r="DA28" s="241"/>
      <c r="DB28" s="82">
        <v>8</v>
      </c>
      <c r="DC28" s="82">
        <v>5</v>
      </c>
      <c r="DD28" s="82">
        <v>4</v>
      </c>
      <c r="DE28" s="82">
        <v>5</v>
      </c>
      <c r="DF28" s="82">
        <v>3</v>
      </c>
      <c r="DG28" s="84">
        <v>25</v>
      </c>
      <c r="DH28" s="85">
        <v>51</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0</v>
      </c>
      <c r="DZ28" s="71">
        <v>0</v>
      </c>
      <c r="EA28" s="71">
        <v>0</v>
      </c>
      <c r="EB28" s="71">
        <v>1</v>
      </c>
      <c r="EC28" s="72">
        <v>1</v>
      </c>
      <c r="ED28" s="73">
        <v>4</v>
      </c>
      <c r="EE28" s="70">
        <v>1</v>
      </c>
      <c r="EF28" s="71">
        <v>3</v>
      </c>
      <c r="EG28" s="72">
        <v>4</v>
      </c>
      <c r="EH28" s="244"/>
      <c r="EI28" s="71">
        <v>0</v>
      </c>
      <c r="EJ28" s="71">
        <v>0</v>
      </c>
      <c r="EK28" s="71">
        <v>0</v>
      </c>
      <c r="EL28" s="71">
        <v>0</v>
      </c>
      <c r="EM28" s="71">
        <v>0</v>
      </c>
      <c r="EN28" s="72">
        <v>0</v>
      </c>
      <c r="EO28" s="73">
        <v>4</v>
      </c>
      <c r="EP28" s="70">
        <v>2</v>
      </c>
      <c r="EQ28" s="71">
        <v>3</v>
      </c>
      <c r="ER28" s="72">
        <v>5</v>
      </c>
      <c r="ES28" s="244"/>
      <c r="ET28" s="71">
        <v>2</v>
      </c>
      <c r="EU28" s="71">
        <v>0</v>
      </c>
      <c r="EV28" s="71">
        <v>0</v>
      </c>
      <c r="EW28" s="71">
        <v>0</v>
      </c>
      <c r="EX28" s="71">
        <v>0</v>
      </c>
      <c r="EY28" s="72">
        <v>2</v>
      </c>
      <c r="EZ28" s="73">
        <v>7</v>
      </c>
      <c r="FA28" s="70">
        <v>1</v>
      </c>
      <c r="FB28" s="71">
        <v>4</v>
      </c>
      <c r="FC28" s="72">
        <v>5</v>
      </c>
      <c r="FD28" s="244"/>
      <c r="FE28" s="71">
        <v>3</v>
      </c>
      <c r="FF28" s="71">
        <v>2</v>
      </c>
      <c r="FG28" s="71">
        <v>1</v>
      </c>
      <c r="FH28" s="71">
        <v>2</v>
      </c>
      <c r="FI28" s="71">
        <v>0</v>
      </c>
      <c r="FJ28" s="72">
        <v>8</v>
      </c>
      <c r="FK28" s="73">
        <v>13</v>
      </c>
      <c r="FL28" s="70">
        <v>2</v>
      </c>
      <c r="FM28" s="71">
        <v>6</v>
      </c>
      <c r="FN28" s="72">
        <v>8</v>
      </c>
      <c r="FO28" s="244"/>
      <c r="FP28" s="71">
        <v>3</v>
      </c>
      <c r="FQ28" s="71">
        <v>3</v>
      </c>
      <c r="FR28" s="71">
        <v>3</v>
      </c>
      <c r="FS28" s="71">
        <v>3</v>
      </c>
      <c r="FT28" s="71">
        <v>2</v>
      </c>
      <c r="FU28" s="72">
        <v>14</v>
      </c>
      <c r="FV28" s="73">
        <v>22</v>
      </c>
      <c r="FW28" s="70">
        <v>0</v>
      </c>
      <c r="FX28" s="71">
        <v>0</v>
      </c>
      <c r="FY28" s="72">
        <v>0</v>
      </c>
      <c r="FZ28" s="244"/>
      <c r="GA28" s="71">
        <v>0</v>
      </c>
      <c r="GB28" s="71">
        <v>0</v>
      </c>
      <c r="GC28" s="71">
        <v>0</v>
      </c>
      <c r="GD28" s="71">
        <v>0</v>
      </c>
      <c r="GE28" s="71">
        <v>0</v>
      </c>
      <c r="GF28" s="72">
        <v>0</v>
      </c>
      <c r="GG28" s="73">
        <v>0</v>
      </c>
      <c r="GH28" s="70">
        <v>8</v>
      </c>
      <c r="GI28" s="71">
        <v>18</v>
      </c>
      <c r="GJ28" s="72">
        <v>26</v>
      </c>
      <c r="GK28" s="244"/>
      <c r="GL28" s="71">
        <v>8</v>
      </c>
      <c r="GM28" s="71">
        <v>5</v>
      </c>
      <c r="GN28" s="71">
        <v>4</v>
      </c>
      <c r="GO28" s="71">
        <v>5</v>
      </c>
      <c r="GP28" s="71">
        <v>3</v>
      </c>
      <c r="GQ28" s="72">
        <v>25</v>
      </c>
      <c r="GR28" s="73">
        <v>51</v>
      </c>
      <c r="GS28" s="123">
        <v>15</v>
      </c>
      <c r="GT28" s="82">
        <v>32</v>
      </c>
      <c r="GU28" s="83">
        <v>47</v>
      </c>
      <c r="GV28" s="241"/>
      <c r="GW28" s="82">
        <v>19</v>
      </c>
      <c r="GX28" s="82">
        <v>17</v>
      </c>
      <c r="GY28" s="82">
        <v>10</v>
      </c>
      <c r="GZ28" s="82">
        <v>11</v>
      </c>
      <c r="HA28" s="82">
        <v>7</v>
      </c>
      <c r="HB28" s="84">
        <v>64</v>
      </c>
      <c r="HC28" s="85">
        <v>111</v>
      </c>
      <c r="HD28" s="70">
        <v>0</v>
      </c>
      <c r="HE28" s="71">
        <v>2</v>
      </c>
      <c r="HF28" s="72">
        <v>2</v>
      </c>
      <c r="HG28" s="244"/>
      <c r="HH28" s="71">
        <v>0</v>
      </c>
      <c r="HI28" s="71">
        <v>1</v>
      </c>
      <c r="HJ28" s="71">
        <v>0</v>
      </c>
      <c r="HK28" s="71">
        <v>1</v>
      </c>
      <c r="HL28" s="71">
        <v>0</v>
      </c>
      <c r="HM28" s="72">
        <v>2</v>
      </c>
      <c r="HN28" s="73">
        <v>4</v>
      </c>
      <c r="HO28" s="70">
        <v>3</v>
      </c>
      <c r="HP28" s="71">
        <v>2</v>
      </c>
      <c r="HQ28" s="72">
        <v>5</v>
      </c>
      <c r="HR28" s="244"/>
      <c r="HS28" s="71">
        <v>1</v>
      </c>
      <c r="HT28" s="71">
        <v>2</v>
      </c>
      <c r="HU28" s="71">
        <v>0</v>
      </c>
      <c r="HV28" s="71">
        <v>1</v>
      </c>
      <c r="HW28" s="71">
        <v>2</v>
      </c>
      <c r="HX28" s="72">
        <v>6</v>
      </c>
      <c r="HY28" s="73">
        <v>11</v>
      </c>
      <c r="HZ28" s="70">
        <v>3</v>
      </c>
      <c r="IA28" s="71">
        <v>3</v>
      </c>
      <c r="IB28" s="72">
        <v>6</v>
      </c>
      <c r="IC28" s="244"/>
      <c r="ID28" s="71">
        <v>2</v>
      </c>
      <c r="IE28" s="71">
        <v>1</v>
      </c>
      <c r="IF28" s="71">
        <v>0</v>
      </c>
      <c r="IG28" s="71">
        <v>1</v>
      </c>
      <c r="IH28" s="71">
        <v>0</v>
      </c>
      <c r="II28" s="72">
        <v>4</v>
      </c>
      <c r="IJ28" s="73">
        <v>10</v>
      </c>
      <c r="IK28" s="70">
        <v>5</v>
      </c>
      <c r="IL28" s="71">
        <v>10</v>
      </c>
      <c r="IM28" s="72">
        <v>15</v>
      </c>
      <c r="IN28" s="244"/>
      <c r="IO28" s="71">
        <v>6</v>
      </c>
      <c r="IP28" s="71">
        <v>2</v>
      </c>
      <c r="IQ28" s="71">
        <v>2</v>
      </c>
      <c r="IR28" s="71">
        <v>0</v>
      </c>
      <c r="IS28" s="71">
        <v>0</v>
      </c>
      <c r="IT28" s="72">
        <v>10</v>
      </c>
      <c r="IU28" s="73">
        <v>25</v>
      </c>
      <c r="IV28" s="70">
        <v>2</v>
      </c>
      <c r="IW28" s="71">
        <v>6</v>
      </c>
      <c r="IX28" s="72">
        <v>8</v>
      </c>
      <c r="IY28" s="244"/>
      <c r="IZ28" s="71">
        <v>4</v>
      </c>
      <c r="JA28" s="71">
        <v>4</v>
      </c>
      <c r="JB28" s="71">
        <v>4</v>
      </c>
      <c r="JC28" s="71">
        <v>3</v>
      </c>
      <c r="JD28" s="71">
        <v>3</v>
      </c>
      <c r="JE28" s="72">
        <v>18</v>
      </c>
      <c r="JF28" s="73">
        <v>26</v>
      </c>
      <c r="JG28" s="70">
        <v>2</v>
      </c>
      <c r="JH28" s="71">
        <v>9</v>
      </c>
      <c r="JI28" s="72">
        <v>11</v>
      </c>
      <c r="JJ28" s="244"/>
      <c r="JK28" s="71">
        <v>6</v>
      </c>
      <c r="JL28" s="71">
        <v>7</v>
      </c>
      <c r="JM28" s="71">
        <v>4</v>
      </c>
      <c r="JN28" s="71">
        <v>5</v>
      </c>
      <c r="JO28" s="71">
        <v>2</v>
      </c>
      <c r="JP28" s="72">
        <v>24</v>
      </c>
      <c r="JQ28" s="73">
        <v>35</v>
      </c>
      <c r="JR28" s="70">
        <v>0</v>
      </c>
      <c r="JS28" s="71">
        <v>0</v>
      </c>
      <c r="JT28" s="72">
        <v>0</v>
      </c>
      <c r="JU28" s="244"/>
      <c r="JV28" s="71">
        <v>0</v>
      </c>
      <c r="JW28" s="71">
        <v>0</v>
      </c>
      <c r="JX28" s="71">
        <v>0</v>
      </c>
      <c r="JY28" s="71">
        <v>0</v>
      </c>
      <c r="JZ28" s="71">
        <v>0</v>
      </c>
      <c r="KA28" s="72">
        <v>0</v>
      </c>
      <c r="KB28" s="73">
        <v>0</v>
      </c>
      <c r="KC28" s="70">
        <v>15</v>
      </c>
      <c r="KD28" s="71">
        <v>32</v>
      </c>
      <c r="KE28" s="72">
        <v>47</v>
      </c>
      <c r="KF28" s="244"/>
      <c r="KG28" s="71">
        <v>19</v>
      </c>
      <c r="KH28" s="71">
        <v>17</v>
      </c>
      <c r="KI28" s="71">
        <v>10</v>
      </c>
      <c r="KJ28" s="71">
        <v>11</v>
      </c>
      <c r="KK28" s="71">
        <v>7</v>
      </c>
      <c r="KL28" s="72">
        <v>64</v>
      </c>
      <c r="KM28" s="73">
        <v>111</v>
      </c>
    </row>
    <row r="29" spans="2:299" ht="21" customHeight="1" x14ac:dyDescent="0.2">
      <c r="B29" s="126" t="s">
        <v>26</v>
      </c>
      <c r="C29" s="315">
        <v>12</v>
      </c>
      <c r="D29" s="82">
        <v>11</v>
      </c>
      <c r="E29" s="83">
        <v>23</v>
      </c>
      <c r="F29" s="241"/>
      <c r="G29" s="82">
        <v>17</v>
      </c>
      <c r="H29" s="82">
        <v>18</v>
      </c>
      <c r="I29" s="82">
        <v>7</v>
      </c>
      <c r="J29" s="82">
        <v>9</v>
      </c>
      <c r="K29" s="82">
        <v>2</v>
      </c>
      <c r="L29" s="84">
        <v>53</v>
      </c>
      <c r="M29" s="85">
        <v>76</v>
      </c>
      <c r="N29" s="70">
        <v>2</v>
      </c>
      <c r="O29" s="71">
        <v>0</v>
      </c>
      <c r="P29" s="72">
        <v>2</v>
      </c>
      <c r="Q29" s="244"/>
      <c r="R29" s="71">
        <v>1</v>
      </c>
      <c r="S29" s="71">
        <v>1</v>
      </c>
      <c r="T29" s="71">
        <v>0</v>
      </c>
      <c r="U29" s="71">
        <v>0</v>
      </c>
      <c r="V29" s="71">
        <v>0</v>
      </c>
      <c r="W29" s="72">
        <v>2</v>
      </c>
      <c r="X29" s="73">
        <v>4</v>
      </c>
      <c r="Y29" s="70">
        <v>1</v>
      </c>
      <c r="Z29" s="71">
        <v>0</v>
      </c>
      <c r="AA29" s="72">
        <v>1</v>
      </c>
      <c r="AB29" s="244"/>
      <c r="AC29" s="71">
        <v>0</v>
      </c>
      <c r="AD29" s="71">
        <v>3</v>
      </c>
      <c r="AE29" s="71">
        <v>1</v>
      </c>
      <c r="AF29" s="71">
        <v>0</v>
      </c>
      <c r="AG29" s="71">
        <v>0</v>
      </c>
      <c r="AH29" s="72">
        <v>4</v>
      </c>
      <c r="AI29" s="73">
        <v>5</v>
      </c>
      <c r="AJ29" s="70">
        <v>1</v>
      </c>
      <c r="AK29" s="71">
        <v>1</v>
      </c>
      <c r="AL29" s="72">
        <v>2</v>
      </c>
      <c r="AM29" s="244"/>
      <c r="AN29" s="71">
        <v>1</v>
      </c>
      <c r="AO29" s="71">
        <v>2</v>
      </c>
      <c r="AP29" s="71">
        <v>1</v>
      </c>
      <c r="AQ29" s="71">
        <v>2</v>
      </c>
      <c r="AR29" s="71">
        <v>0</v>
      </c>
      <c r="AS29" s="72">
        <v>6</v>
      </c>
      <c r="AT29" s="73">
        <v>8</v>
      </c>
      <c r="AU29" s="70">
        <v>1</v>
      </c>
      <c r="AV29" s="71">
        <v>2</v>
      </c>
      <c r="AW29" s="72">
        <v>3</v>
      </c>
      <c r="AX29" s="244"/>
      <c r="AY29" s="71">
        <v>5</v>
      </c>
      <c r="AZ29" s="71">
        <v>2</v>
      </c>
      <c r="BA29" s="71">
        <v>0</v>
      </c>
      <c r="BB29" s="71">
        <v>2</v>
      </c>
      <c r="BC29" s="71">
        <v>0</v>
      </c>
      <c r="BD29" s="72">
        <v>9</v>
      </c>
      <c r="BE29" s="73">
        <v>12</v>
      </c>
      <c r="BF29" s="70">
        <v>4</v>
      </c>
      <c r="BG29" s="71">
        <v>5</v>
      </c>
      <c r="BH29" s="72">
        <v>9</v>
      </c>
      <c r="BI29" s="244"/>
      <c r="BJ29" s="71">
        <v>3</v>
      </c>
      <c r="BK29" s="71">
        <v>5</v>
      </c>
      <c r="BL29" s="71">
        <v>2</v>
      </c>
      <c r="BM29" s="71">
        <v>3</v>
      </c>
      <c r="BN29" s="71">
        <v>2</v>
      </c>
      <c r="BO29" s="72">
        <v>15</v>
      </c>
      <c r="BP29" s="73">
        <v>24</v>
      </c>
      <c r="BQ29" s="70">
        <v>3</v>
      </c>
      <c r="BR29" s="71">
        <v>3</v>
      </c>
      <c r="BS29" s="72">
        <v>6</v>
      </c>
      <c r="BT29" s="244"/>
      <c r="BU29" s="71">
        <v>7</v>
      </c>
      <c r="BV29" s="71">
        <v>5</v>
      </c>
      <c r="BW29" s="71">
        <v>3</v>
      </c>
      <c r="BX29" s="71">
        <v>2</v>
      </c>
      <c r="BY29" s="71">
        <v>0</v>
      </c>
      <c r="BZ29" s="72">
        <v>17</v>
      </c>
      <c r="CA29" s="73">
        <v>23</v>
      </c>
      <c r="CB29" s="70">
        <v>0</v>
      </c>
      <c r="CC29" s="71">
        <v>0</v>
      </c>
      <c r="CD29" s="72">
        <v>0</v>
      </c>
      <c r="CE29" s="244"/>
      <c r="CF29" s="71">
        <v>0</v>
      </c>
      <c r="CG29" s="71">
        <v>0</v>
      </c>
      <c r="CH29" s="71">
        <v>0</v>
      </c>
      <c r="CI29" s="71">
        <v>0</v>
      </c>
      <c r="CJ29" s="71">
        <v>0</v>
      </c>
      <c r="CK29" s="72">
        <v>0</v>
      </c>
      <c r="CL29" s="73">
        <v>0</v>
      </c>
      <c r="CM29" s="70">
        <v>12</v>
      </c>
      <c r="CN29" s="71">
        <v>11</v>
      </c>
      <c r="CO29" s="72">
        <v>23</v>
      </c>
      <c r="CP29" s="244"/>
      <c r="CQ29" s="71">
        <v>17</v>
      </c>
      <c r="CR29" s="71">
        <v>18</v>
      </c>
      <c r="CS29" s="71">
        <v>7</v>
      </c>
      <c r="CT29" s="71">
        <v>9</v>
      </c>
      <c r="CU29" s="71">
        <v>2</v>
      </c>
      <c r="CV29" s="72">
        <v>53</v>
      </c>
      <c r="CW29" s="73">
        <v>76</v>
      </c>
      <c r="CX29" s="123">
        <v>6</v>
      </c>
      <c r="CY29" s="82">
        <v>6</v>
      </c>
      <c r="CZ29" s="83">
        <v>12</v>
      </c>
      <c r="DA29" s="241"/>
      <c r="DB29" s="82">
        <v>10</v>
      </c>
      <c r="DC29" s="82">
        <v>2</v>
      </c>
      <c r="DD29" s="82">
        <v>1</v>
      </c>
      <c r="DE29" s="82">
        <v>2</v>
      </c>
      <c r="DF29" s="82">
        <v>2</v>
      </c>
      <c r="DG29" s="84">
        <v>17</v>
      </c>
      <c r="DH29" s="85">
        <v>29</v>
      </c>
      <c r="DI29" s="70">
        <v>0</v>
      </c>
      <c r="DJ29" s="71">
        <v>0</v>
      </c>
      <c r="DK29" s="72">
        <v>0</v>
      </c>
      <c r="DL29" s="244"/>
      <c r="DM29" s="71">
        <v>1</v>
      </c>
      <c r="DN29" s="71">
        <v>0</v>
      </c>
      <c r="DO29" s="71">
        <v>0</v>
      </c>
      <c r="DP29" s="71">
        <v>0</v>
      </c>
      <c r="DQ29" s="71">
        <v>0</v>
      </c>
      <c r="DR29" s="72">
        <v>1</v>
      </c>
      <c r="DS29" s="73">
        <v>1</v>
      </c>
      <c r="DT29" s="70">
        <v>1</v>
      </c>
      <c r="DU29" s="71">
        <v>0</v>
      </c>
      <c r="DV29" s="72">
        <v>1</v>
      </c>
      <c r="DW29" s="244"/>
      <c r="DX29" s="71">
        <v>0</v>
      </c>
      <c r="DY29" s="71">
        <v>0</v>
      </c>
      <c r="DZ29" s="71">
        <v>0</v>
      </c>
      <c r="EA29" s="71">
        <v>0</v>
      </c>
      <c r="EB29" s="71">
        <v>0</v>
      </c>
      <c r="EC29" s="72">
        <v>0</v>
      </c>
      <c r="ED29" s="73">
        <v>1</v>
      </c>
      <c r="EE29" s="70">
        <v>1</v>
      </c>
      <c r="EF29" s="71">
        <v>1</v>
      </c>
      <c r="EG29" s="72">
        <v>2</v>
      </c>
      <c r="EH29" s="244"/>
      <c r="EI29" s="71">
        <v>1</v>
      </c>
      <c r="EJ29" s="71">
        <v>0</v>
      </c>
      <c r="EK29" s="71">
        <v>0</v>
      </c>
      <c r="EL29" s="71">
        <v>0</v>
      </c>
      <c r="EM29" s="71">
        <v>0</v>
      </c>
      <c r="EN29" s="72">
        <v>1</v>
      </c>
      <c r="EO29" s="73">
        <v>3</v>
      </c>
      <c r="EP29" s="70">
        <v>0</v>
      </c>
      <c r="EQ29" s="71">
        <v>0</v>
      </c>
      <c r="ER29" s="72">
        <v>0</v>
      </c>
      <c r="ES29" s="244"/>
      <c r="ET29" s="71">
        <v>0</v>
      </c>
      <c r="EU29" s="71">
        <v>0</v>
      </c>
      <c r="EV29" s="71">
        <v>0</v>
      </c>
      <c r="EW29" s="71">
        <v>0</v>
      </c>
      <c r="EX29" s="71">
        <v>0</v>
      </c>
      <c r="EY29" s="72">
        <v>0</v>
      </c>
      <c r="EZ29" s="73">
        <v>0</v>
      </c>
      <c r="FA29" s="70">
        <v>2</v>
      </c>
      <c r="FB29" s="71">
        <v>2</v>
      </c>
      <c r="FC29" s="72">
        <v>4</v>
      </c>
      <c r="FD29" s="244"/>
      <c r="FE29" s="71">
        <v>2</v>
      </c>
      <c r="FF29" s="71">
        <v>2</v>
      </c>
      <c r="FG29" s="71">
        <v>0</v>
      </c>
      <c r="FH29" s="71">
        <v>0</v>
      </c>
      <c r="FI29" s="71">
        <v>1</v>
      </c>
      <c r="FJ29" s="72">
        <v>5</v>
      </c>
      <c r="FK29" s="73">
        <v>9</v>
      </c>
      <c r="FL29" s="70">
        <v>2</v>
      </c>
      <c r="FM29" s="71">
        <v>3</v>
      </c>
      <c r="FN29" s="72">
        <v>5</v>
      </c>
      <c r="FO29" s="244"/>
      <c r="FP29" s="71">
        <v>6</v>
      </c>
      <c r="FQ29" s="71">
        <v>0</v>
      </c>
      <c r="FR29" s="71">
        <v>1</v>
      </c>
      <c r="FS29" s="71">
        <v>2</v>
      </c>
      <c r="FT29" s="71">
        <v>1</v>
      </c>
      <c r="FU29" s="72">
        <v>10</v>
      </c>
      <c r="FV29" s="73">
        <v>15</v>
      </c>
      <c r="FW29" s="70">
        <v>0</v>
      </c>
      <c r="FX29" s="71">
        <v>0</v>
      </c>
      <c r="FY29" s="72">
        <v>0</v>
      </c>
      <c r="FZ29" s="244"/>
      <c r="GA29" s="71">
        <v>0</v>
      </c>
      <c r="GB29" s="71">
        <v>0</v>
      </c>
      <c r="GC29" s="71">
        <v>0</v>
      </c>
      <c r="GD29" s="71">
        <v>0</v>
      </c>
      <c r="GE29" s="71">
        <v>0</v>
      </c>
      <c r="GF29" s="72">
        <v>0</v>
      </c>
      <c r="GG29" s="73">
        <v>0</v>
      </c>
      <c r="GH29" s="70">
        <v>6</v>
      </c>
      <c r="GI29" s="71">
        <v>6</v>
      </c>
      <c r="GJ29" s="72">
        <v>12</v>
      </c>
      <c r="GK29" s="244"/>
      <c r="GL29" s="71">
        <v>10</v>
      </c>
      <c r="GM29" s="71">
        <v>2</v>
      </c>
      <c r="GN29" s="71">
        <v>1</v>
      </c>
      <c r="GO29" s="71">
        <v>2</v>
      </c>
      <c r="GP29" s="71">
        <v>2</v>
      </c>
      <c r="GQ29" s="72">
        <v>17</v>
      </c>
      <c r="GR29" s="73">
        <v>29</v>
      </c>
      <c r="GS29" s="123">
        <v>18</v>
      </c>
      <c r="GT29" s="82">
        <v>17</v>
      </c>
      <c r="GU29" s="83">
        <v>35</v>
      </c>
      <c r="GV29" s="241"/>
      <c r="GW29" s="82">
        <v>27</v>
      </c>
      <c r="GX29" s="82">
        <v>20</v>
      </c>
      <c r="GY29" s="82">
        <v>8</v>
      </c>
      <c r="GZ29" s="82">
        <v>11</v>
      </c>
      <c r="HA29" s="82">
        <v>4</v>
      </c>
      <c r="HB29" s="84">
        <v>70</v>
      </c>
      <c r="HC29" s="85">
        <v>105</v>
      </c>
      <c r="HD29" s="70">
        <v>2</v>
      </c>
      <c r="HE29" s="71">
        <v>0</v>
      </c>
      <c r="HF29" s="72">
        <v>2</v>
      </c>
      <c r="HG29" s="244"/>
      <c r="HH29" s="71">
        <v>2</v>
      </c>
      <c r="HI29" s="71">
        <v>1</v>
      </c>
      <c r="HJ29" s="71">
        <v>0</v>
      </c>
      <c r="HK29" s="71">
        <v>0</v>
      </c>
      <c r="HL29" s="71">
        <v>0</v>
      </c>
      <c r="HM29" s="72">
        <v>3</v>
      </c>
      <c r="HN29" s="73">
        <v>5</v>
      </c>
      <c r="HO29" s="70">
        <v>2</v>
      </c>
      <c r="HP29" s="71">
        <v>0</v>
      </c>
      <c r="HQ29" s="72">
        <v>2</v>
      </c>
      <c r="HR29" s="244"/>
      <c r="HS29" s="71">
        <v>0</v>
      </c>
      <c r="HT29" s="71">
        <v>3</v>
      </c>
      <c r="HU29" s="71">
        <v>1</v>
      </c>
      <c r="HV29" s="71">
        <v>0</v>
      </c>
      <c r="HW29" s="71">
        <v>0</v>
      </c>
      <c r="HX29" s="72">
        <v>4</v>
      </c>
      <c r="HY29" s="73">
        <v>6</v>
      </c>
      <c r="HZ29" s="70">
        <v>2</v>
      </c>
      <c r="IA29" s="71">
        <v>2</v>
      </c>
      <c r="IB29" s="72">
        <v>4</v>
      </c>
      <c r="IC29" s="244"/>
      <c r="ID29" s="71">
        <v>2</v>
      </c>
      <c r="IE29" s="71">
        <v>2</v>
      </c>
      <c r="IF29" s="71">
        <v>1</v>
      </c>
      <c r="IG29" s="71">
        <v>2</v>
      </c>
      <c r="IH29" s="71">
        <v>0</v>
      </c>
      <c r="II29" s="72">
        <v>7</v>
      </c>
      <c r="IJ29" s="73">
        <v>11</v>
      </c>
      <c r="IK29" s="70">
        <v>1</v>
      </c>
      <c r="IL29" s="71">
        <v>2</v>
      </c>
      <c r="IM29" s="72">
        <v>3</v>
      </c>
      <c r="IN29" s="244"/>
      <c r="IO29" s="71">
        <v>5</v>
      </c>
      <c r="IP29" s="71">
        <v>2</v>
      </c>
      <c r="IQ29" s="71">
        <v>0</v>
      </c>
      <c r="IR29" s="71">
        <v>2</v>
      </c>
      <c r="IS29" s="71">
        <v>0</v>
      </c>
      <c r="IT29" s="72">
        <v>9</v>
      </c>
      <c r="IU29" s="73">
        <v>12</v>
      </c>
      <c r="IV29" s="70">
        <v>6</v>
      </c>
      <c r="IW29" s="71">
        <v>7</v>
      </c>
      <c r="IX29" s="72">
        <v>13</v>
      </c>
      <c r="IY29" s="244"/>
      <c r="IZ29" s="71">
        <v>5</v>
      </c>
      <c r="JA29" s="71">
        <v>7</v>
      </c>
      <c r="JB29" s="71">
        <v>2</v>
      </c>
      <c r="JC29" s="71">
        <v>3</v>
      </c>
      <c r="JD29" s="71">
        <v>3</v>
      </c>
      <c r="JE29" s="72">
        <v>20</v>
      </c>
      <c r="JF29" s="73">
        <v>33</v>
      </c>
      <c r="JG29" s="70">
        <v>5</v>
      </c>
      <c r="JH29" s="71">
        <v>6</v>
      </c>
      <c r="JI29" s="72">
        <v>11</v>
      </c>
      <c r="JJ29" s="244"/>
      <c r="JK29" s="71">
        <v>13</v>
      </c>
      <c r="JL29" s="71">
        <v>5</v>
      </c>
      <c r="JM29" s="71">
        <v>4</v>
      </c>
      <c r="JN29" s="71">
        <v>4</v>
      </c>
      <c r="JO29" s="71">
        <v>1</v>
      </c>
      <c r="JP29" s="72">
        <v>27</v>
      </c>
      <c r="JQ29" s="73">
        <v>38</v>
      </c>
      <c r="JR29" s="70">
        <v>0</v>
      </c>
      <c r="JS29" s="71">
        <v>0</v>
      </c>
      <c r="JT29" s="72">
        <v>0</v>
      </c>
      <c r="JU29" s="244"/>
      <c r="JV29" s="71">
        <v>0</v>
      </c>
      <c r="JW29" s="71">
        <v>0</v>
      </c>
      <c r="JX29" s="71">
        <v>0</v>
      </c>
      <c r="JY29" s="71">
        <v>0</v>
      </c>
      <c r="JZ29" s="71">
        <v>0</v>
      </c>
      <c r="KA29" s="72">
        <v>0</v>
      </c>
      <c r="KB29" s="73">
        <v>0</v>
      </c>
      <c r="KC29" s="70">
        <v>18</v>
      </c>
      <c r="KD29" s="71">
        <v>17</v>
      </c>
      <c r="KE29" s="72">
        <v>35</v>
      </c>
      <c r="KF29" s="244"/>
      <c r="KG29" s="71">
        <v>27</v>
      </c>
      <c r="KH29" s="71">
        <v>20</v>
      </c>
      <c r="KI29" s="71">
        <v>8</v>
      </c>
      <c r="KJ29" s="71">
        <v>11</v>
      </c>
      <c r="KK29" s="71">
        <v>4</v>
      </c>
      <c r="KL29" s="72">
        <v>70</v>
      </c>
      <c r="KM29" s="73">
        <v>105</v>
      </c>
    </row>
    <row r="30" spans="2:299" ht="21" customHeight="1" x14ac:dyDescent="0.2">
      <c r="B30" s="126" t="s">
        <v>27</v>
      </c>
      <c r="C30" s="315">
        <v>15</v>
      </c>
      <c r="D30" s="82">
        <v>15</v>
      </c>
      <c r="E30" s="83">
        <v>30</v>
      </c>
      <c r="F30" s="241"/>
      <c r="G30" s="82">
        <v>10</v>
      </c>
      <c r="H30" s="82">
        <v>15</v>
      </c>
      <c r="I30" s="82">
        <v>9</v>
      </c>
      <c r="J30" s="82">
        <v>7</v>
      </c>
      <c r="K30" s="82">
        <v>2</v>
      </c>
      <c r="L30" s="84">
        <v>43</v>
      </c>
      <c r="M30" s="85">
        <v>73</v>
      </c>
      <c r="N30" s="70">
        <v>1</v>
      </c>
      <c r="O30" s="71">
        <v>1</v>
      </c>
      <c r="P30" s="72">
        <v>2</v>
      </c>
      <c r="Q30" s="244"/>
      <c r="R30" s="71">
        <v>0</v>
      </c>
      <c r="S30" s="71">
        <v>0</v>
      </c>
      <c r="T30" s="71">
        <v>0</v>
      </c>
      <c r="U30" s="71">
        <v>1</v>
      </c>
      <c r="V30" s="71">
        <v>0</v>
      </c>
      <c r="W30" s="72">
        <v>1</v>
      </c>
      <c r="X30" s="73">
        <v>3</v>
      </c>
      <c r="Y30" s="70">
        <v>0</v>
      </c>
      <c r="Z30" s="71">
        <v>0</v>
      </c>
      <c r="AA30" s="72">
        <v>0</v>
      </c>
      <c r="AB30" s="244"/>
      <c r="AC30" s="71">
        <v>1</v>
      </c>
      <c r="AD30" s="71">
        <v>2</v>
      </c>
      <c r="AE30" s="71">
        <v>0</v>
      </c>
      <c r="AF30" s="71">
        <v>0</v>
      </c>
      <c r="AG30" s="71">
        <v>0</v>
      </c>
      <c r="AH30" s="72">
        <v>3</v>
      </c>
      <c r="AI30" s="73">
        <v>3</v>
      </c>
      <c r="AJ30" s="70">
        <v>3</v>
      </c>
      <c r="AK30" s="71">
        <v>3</v>
      </c>
      <c r="AL30" s="72">
        <v>6</v>
      </c>
      <c r="AM30" s="244"/>
      <c r="AN30" s="71">
        <v>0</v>
      </c>
      <c r="AO30" s="71">
        <v>3</v>
      </c>
      <c r="AP30" s="71">
        <v>0</v>
      </c>
      <c r="AQ30" s="71">
        <v>0</v>
      </c>
      <c r="AR30" s="71">
        <v>0</v>
      </c>
      <c r="AS30" s="72">
        <v>3</v>
      </c>
      <c r="AT30" s="73">
        <v>9</v>
      </c>
      <c r="AU30" s="70">
        <v>4</v>
      </c>
      <c r="AV30" s="71">
        <v>5</v>
      </c>
      <c r="AW30" s="72">
        <v>9</v>
      </c>
      <c r="AX30" s="244"/>
      <c r="AY30" s="71">
        <v>3</v>
      </c>
      <c r="AZ30" s="71">
        <v>3</v>
      </c>
      <c r="BA30" s="71">
        <v>3</v>
      </c>
      <c r="BB30" s="71">
        <v>2</v>
      </c>
      <c r="BC30" s="71">
        <v>0</v>
      </c>
      <c r="BD30" s="72">
        <v>11</v>
      </c>
      <c r="BE30" s="73">
        <v>20</v>
      </c>
      <c r="BF30" s="70">
        <v>2</v>
      </c>
      <c r="BG30" s="71">
        <v>4</v>
      </c>
      <c r="BH30" s="72">
        <v>6</v>
      </c>
      <c r="BI30" s="244"/>
      <c r="BJ30" s="71">
        <v>3</v>
      </c>
      <c r="BK30" s="71">
        <v>4</v>
      </c>
      <c r="BL30" s="71">
        <v>3</v>
      </c>
      <c r="BM30" s="71">
        <v>3</v>
      </c>
      <c r="BN30" s="71">
        <v>2</v>
      </c>
      <c r="BO30" s="72">
        <v>15</v>
      </c>
      <c r="BP30" s="73">
        <v>21</v>
      </c>
      <c r="BQ30" s="70">
        <v>5</v>
      </c>
      <c r="BR30" s="71">
        <v>2</v>
      </c>
      <c r="BS30" s="72">
        <v>7</v>
      </c>
      <c r="BT30" s="244"/>
      <c r="BU30" s="71">
        <v>3</v>
      </c>
      <c r="BV30" s="71">
        <v>3</v>
      </c>
      <c r="BW30" s="71">
        <v>3</v>
      </c>
      <c r="BX30" s="71">
        <v>1</v>
      </c>
      <c r="BY30" s="71">
        <v>0</v>
      </c>
      <c r="BZ30" s="72">
        <v>10</v>
      </c>
      <c r="CA30" s="73">
        <v>17</v>
      </c>
      <c r="CB30" s="70">
        <v>0</v>
      </c>
      <c r="CC30" s="71">
        <v>0</v>
      </c>
      <c r="CD30" s="72">
        <v>0</v>
      </c>
      <c r="CE30" s="244"/>
      <c r="CF30" s="71">
        <v>0</v>
      </c>
      <c r="CG30" s="71">
        <v>0</v>
      </c>
      <c r="CH30" s="71">
        <v>0</v>
      </c>
      <c r="CI30" s="71">
        <v>0</v>
      </c>
      <c r="CJ30" s="71">
        <v>0</v>
      </c>
      <c r="CK30" s="72">
        <v>0</v>
      </c>
      <c r="CL30" s="73">
        <v>0</v>
      </c>
      <c r="CM30" s="70">
        <v>15</v>
      </c>
      <c r="CN30" s="71">
        <v>15</v>
      </c>
      <c r="CO30" s="72">
        <v>30</v>
      </c>
      <c r="CP30" s="244"/>
      <c r="CQ30" s="71">
        <v>10</v>
      </c>
      <c r="CR30" s="71">
        <v>15</v>
      </c>
      <c r="CS30" s="71">
        <v>9</v>
      </c>
      <c r="CT30" s="71">
        <v>7</v>
      </c>
      <c r="CU30" s="71">
        <v>2</v>
      </c>
      <c r="CV30" s="72">
        <v>43</v>
      </c>
      <c r="CW30" s="73">
        <v>73</v>
      </c>
      <c r="CX30" s="123">
        <v>5</v>
      </c>
      <c r="CY30" s="82">
        <v>4</v>
      </c>
      <c r="CZ30" s="83">
        <v>9</v>
      </c>
      <c r="DA30" s="241"/>
      <c r="DB30" s="82">
        <v>5</v>
      </c>
      <c r="DC30" s="82">
        <v>1</v>
      </c>
      <c r="DD30" s="82">
        <v>8</v>
      </c>
      <c r="DE30" s="82">
        <v>2</v>
      </c>
      <c r="DF30" s="82">
        <v>1</v>
      </c>
      <c r="DG30" s="84">
        <v>17</v>
      </c>
      <c r="DH30" s="85">
        <v>26</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1</v>
      </c>
      <c r="EA30" s="71">
        <v>0</v>
      </c>
      <c r="EB30" s="71">
        <v>0</v>
      </c>
      <c r="EC30" s="72">
        <v>1</v>
      </c>
      <c r="ED30" s="73">
        <v>1</v>
      </c>
      <c r="EE30" s="70">
        <v>1</v>
      </c>
      <c r="EF30" s="71">
        <v>0</v>
      </c>
      <c r="EG30" s="72">
        <v>1</v>
      </c>
      <c r="EH30" s="244"/>
      <c r="EI30" s="71">
        <v>0</v>
      </c>
      <c r="EJ30" s="71">
        <v>1</v>
      </c>
      <c r="EK30" s="71">
        <v>0</v>
      </c>
      <c r="EL30" s="71">
        <v>0</v>
      </c>
      <c r="EM30" s="71">
        <v>0</v>
      </c>
      <c r="EN30" s="72">
        <v>1</v>
      </c>
      <c r="EO30" s="73">
        <v>2</v>
      </c>
      <c r="EP30" s="70">
        <v>2</v>
      </c>
      <c r="EQ30" s="71">
        <v>0</v>
      </c>
      <c r="ER30" s="72">
        <v>2</v>
      </c>
      <c r="ES30" s="244"/>
      <c r="ET30" s="71">
        <v>1</v>
      </c>
      <c r="EU30" s="71">
        <v>0</v>
      </c>
      <c r="EV30" s="71">
        <v>0</v>
      </c>
      <c r="EW30" s="71">
        <v>0</v>
      </c>
      <c r="EX30" s="71">
        <v>0</v>
      </c>
      <c r="EY30" s="72">
        <v>1</v>
      </c>
      <c r="EZ30" s="73">
        <v>3</v>
      </c>
      <c r="FA30" s="70">
        <v>1</v>
      </c>
      <c r="FB30" s="71">
        <v>2</v>
      </c>
      <c r="FC30" s="72">
        <v>3</v>
      </c>
      <c r="FD30" s="244"/>
      <c r="FE30" s="71">
        <v>2</v>
      </c>
      <c r="FF30" s="71">
        <v>0</v>
      </c>
      <c r="FG30" s="71">
        <v>3</v>
      </c>
      <c r="FH30" s="71">
        <v>0</v>
      </c>
      <c r="FI30" s="71">
        <v>1</v>
      </c>
      <c r="FJ30" s="72">
        <v>6</v>
      </c>
      <c r="FK30" s="73">
        <v>9</v>
      </c>
      <c r="FL30" s="70">
        <v>1</v>
      </c>
      <c r="FM30" s="71">
        <v>2</v>
      </c>
      <c r="FN30" s="72">
        <v>3</v>
      </c>
      <c r="FO30" s="244"/>
      <c r="FP30" s="71">
        <v>2</v>
      </c>
      <c r="FQ30" s="71">
        <v>0</v>
      </c>
      <c r="FR30" s="71">
        <v>4</v>
      </c>
      <c r="FS30" s="71">
        <v>2</v>
      </c>
      <c r="FT30" s="71">
        <v>0</v>
      </c>
      <c r="FU30" s="72">
        <v>8</v>
      </c>
      <c r="FV30" s="73">
        <v>11</v>
      </c>
      <c r="FW30" s="70">
        <v>0</v>
      </c>
      <c r="FX30" s="71">
        <v>0</v>
      </c>
      <c r="FY30" s="72">
        <v>0</v>
      </c>
      <c r="FZ30" s="244"/>
      <c r="GA30" s="71">
        <v>0</v>
      </c>
      <c r="GB30" s="71">
        <v>0</v>
      </c>
      <c r="GC30" s="71">
        <v>0</v>
      </c>
      <c r="GD30" s="71">
        <v>0</v>
      </c>
      <c r="GE30" s="71">
        <v>0</v>
      </c>
      <c r="GF30" s="72">
        <v>0</v>
      </c>
      <c r="GG30" s="73">
        <v>0</v>
      </c>
      <c r="GH30" s="70">
        <v>5</v>
      </c>
      <c r="GI30" s="71">
        <v>4</v>
      </c>
      <c r="GJ30" s="72">
        <v>9</v>
      </c>
      <c r="GK30" s="244"/>
      <c r="GL30" s="71">
        <v>5</v>
      </c>
      <c r="GM30" s="71">
        <v>1</v>
      </c>
      <c r="GN30" s="71">
        <v>8</v>
      </c>
      <c r="GO30" s="71">
        <v>2</v>
      </c>
      <c r="GP30" s="71">
        <v>1</v>
      </c>
      <c r="GQ30" s="72">
        <v>17</v>
      </c>
      <c r="GR30" s="73">
        <v>26</v>
      </c>
      <c r="GS30" s="123">
        <v>20</v>
      </c>
      <c r="GT30" s="82">
        <v>19</v>
      </c>
      <c r="GU30" s="83">
        <v>39</v>
      </c>
      <c r="GV30" s="241"/>
      <c r="GW30" s="82">
        <v>15</v>
      </c>
      <c r="GX30" s="82">
        <v>16</v>
      </c>
      <c r="GY30" s="82">
        <v>17</v>
      </c>
      <c r="GZ30" s="82">
        <v>9</v>
      </c>
      <c r="HA30" s="82">
        <v>3</v>
      </c>
      <c r="HB30" s="84">
        <v>60</v>
      </c>
      <c r="HC30" s="85">
        <v>99</v>
      </c>
      <c r="HD30" s="70">
        <v>1</v>
      </c>
      <c r="HE30" s="71">
        <v>1</v>
      </c>
      <c r="HF30" s="72">
        <v>2</v>
      </c>
      <c r="HG30" s="244"/>
      <c r="HH30" s="71">
        <v>0</v>
      </c>
      <c r="HI30" s="71">
        <v>0</v>
      </c>
      <c r="HJ30" s="71">
        <v>0</v>
      </c>
      <c r="HK30" s="71">
        <v>1</v>
      </c>
      <c r="HL30" s="71">
        <v>0</v>
      </c>
      <c r="HM30" s="72">
        <v>1</v>
      </c>
      <c r="HN30" s="73">
        <v>3</v>
      </c>
      <c r="HO30" s="70">
        <v>0</v>
      </c>
      <c r="HP30" s="71">
        <v>0</v>
      </c>
      <c r="HQ30" s="72">
        <v>0</v>
      </c>
      <c r="HR30" s="244"/>
      <c r="HS30" s="71">
        <v>1</v>
      </c>
      <c r="HT30" s="71">
        <v>2</v>
      </c>
      <c r="HU30" s="71">
        <v>1</v>
      </c>
      <c r="HV30" s="71">
        <v>0</v>
      </c>
      <c r="HW30" s="71">
        <v>0</v>
      </c>
      <c r="HX30" s="72">
        <v>4</v>
      </c>
      <c r="HY30" s="73">
        <v>4</v>
      </c>
      <c r="HZ30" s="70">
        <v>4</v>
      </c>
      <c r="IA30" s="71">
        <v>3</v>
      </c>
      <c r="IB30" s="72">
        <v>7</v>
      </c>
      <c r="IC30" s="244"/>
      <c r="ID30" s="71">
        <v>0</v>
      </c>
      <c r="IE30" s="71">
        <v>4</v>
      </c>
      <c r="IF30" s="71">
        <v>0</v>
      </c>
      <c r="IG30" s="71">
        <v>0</v>
      </c>
      <c r="IH30" s="71">
        <v>0</v>
      </c>
      <c r="II30" s="72">
        <v>4</v>
      </c>
      <c r="IJ30" s="73">
        <v>11</v>
      </c>
      <c r="IK30" s="70">
        <v>6</v>
      </c>
      <c r="IL30" s="71">
        <v>5</v>
      </c>
      <c r="IM30" s="72">
        <v>11</v>
      </c>
      <c r="IN30" s="244"/>
      <c r="IO30" s="71">
        <v>4</v>
      </c>
      <c r="IP30" s="71">
        <v>3</v>
      </c>
      <c r="IQ30" s="71">
        <v>3</v>
      </c>
      <c r="IR30" s="71">
        <v>2</v>
      </c>
      <c r="IS30" s="71">
        <v>0</v>
      </c>
      <c r="IT30" s="72">
        <v>12</v>
      </c>
      <c r="IU30" s="73">
        <v>23</v>
      </c>
      <c r="IV30" s="70">
        <v>3</v>
      </c>
      <c r="IW30" s="71">
        <v>6</v>
      </c>
      <c r="IX30" s="72">
        <v>9</v>
      </c>
      <c r="IY30" s="244"/>
      <c r="IZ30" s="71">
        <v>5</v>
      </c>
      <c r="JA30" s="71">
        <v>4</v>
      </c>
      <c r="JB30" s="71">
        <v>6</v>
      </c>
      <c r="JC30" s="71">
        <v>3</v>
      </c>
      <c r="JD30" s="71">
        <v>3</v>
      </c>
      <c r="JE30" s="72">
        <v>21</v>
      </c>
      <c r="JF30" s="73">
        <v>30</v>
      </c>
      <c r="JG30" s="70">
        <v>6</v>
      </c>
      <c r="JH30" s="71">
        <v>4</v>
      </c>
      <c r="JI30" s="72">
        <v>10</v>
      </c>
      <c r="JJ30" s="244"/>
      <c r="JK30" s="71">
        <v>5</v>
      </c>
      <c r="JL30" s="71">
        <v>3</v>
      </c>
      <c r="JM30" s="71">
        <v>7</v>
      </c>
      <c r="JN30" s="71">
        <v>3</v>
      </c>
      <c r="JO30" s="71">
        <v>0</v>
      </c>
      <c r="JP30" s="72">
        <v>18</v>
      </c>
      <c r="JQ30" s="73">
        <v>28</v>
      </c>
      <c r="JR30" s="70">
        <v>0</v>
      </c>
      <c r="JS30" s="71">
        <v>0</v>
      </c>
      <c r="JT30" s="72">
        <v>0</v>
      </c>
      <c r="JU30" s="244"/>
      <c r="JV30" s="71">
        <v>0</v>
      </c>
      <c r="JW30" s="71">
        <v>0</v>
      </c>
      <c r="JX30" s="71">
        <v>0</v>
      </c>
      <c r="JY30" s="71">
        <v>0</v>
      </c>
      <c r="JZ30" s="71">
        <v>0</v>
      </c>
      <c r="KA30" s="72">
        <v>0</v>
      </c>
      <c r="KB30" s="73">
        <v>0</v>
      </c>
      <c r="KC30" s="70">
        <v>20</v>
      </c>
      <c r="KD30" s="71">
        <v>19</v>
      </c>
      <c r="KE30" s="72">
        <v>39</v>
      </c>
      <c r="KF30" s="244"/>
      <c r="KG30" s="71">
        <v>15</v>
      </c>
      <c r="KH30" s="71">
        <v>16</v>
      </c>
      <c r="KI30" s="71">
        <v>17</v>
      </c>
      <c r="KJ30" s="71">
        <v>9</v>
      </c>
      <c r="KK30" s="71">
        <v>3</v>
      </c>
      <c r="KL30" s="72">
        <v>60</v>
      </c>
      <c r="KM30" s="73">
        <v>99</v>
      </c>
    </row>
    <row r="31" spans="2:299" ht="21" customHeight="1" x14ac:dyDescent="0.2">
      <c r="B31" s="126" t="s">
        <v>28</v>
      </c>
      <c r="C31" s="315">
        <v>1</v>
      </c>
      <c r="D31" s="82">
        <v>1</v>
      </c>
      <c r="E31" s="83">
        <v>2</v>
      </c>
      <c r="F31" s="241"/>
      <c r="G31" s="82">
        <v>7</v>
      </c>
      <c r="H31" s="82">
        <v>4</v>
      </c>
      <c r="I31" s="82">
        <v>4</v>
      </c>
      <c r="J31" s="82">
        <v>0</v>
      </c>
      <c r="K31" s="82">
        <v>5</v>
      </c>
      <c r="L31" s="84">
        <v>20</v>
      </c>
      <c r="M31" s="85">
        <v>22</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1</v>
      </c>
      <c r="AE31" s="71">
        <v>0</v>
      </c>
      <c r="AF31" s="71">
        <v>0</v>
      </c>
      <c r="AG31" s="71">
        <v>0</v>
      </c>
      <c r="AH31" s="72">
        <v>2</v>
      </c>
      <c r="AI31" s="73">
        <v>3</v>
      </c>
      <c r="AJ31" s="70">
        <v>0</v>
      </c>
      <c r="AK31" s="71">
        <v>0</v>
      </c>
      <c r="AL31" s="72">
        <v>0</v>
      </c>
      <c r="AM31" s="244"/>
      <c r="AN31" s="71">
        <v>1</v>
      </c>
      <c r="AO31" s="71">
        <v>1</v>
      </c>
      <c r="AP31" s="71">
        <v>0</v>
      </c>
      <c r="AQ31" s="71">
        <v>0</v>
      </c>
      <c r="AR31" s="71">
        <v>1</v>
      </c>
      <c r="AS31" s="72">
        <v>3</v>
      </c>
      <c r="AT31" s="73">
        <v>3</v>
      </c>
      <c r="AU31" s="70">
        <v>0</v>
      </c>
      <c r="AV31" s="71">
        <v>0</v>
      </c>
      <c r="AW31" s="72">
        <v>0</v>
      </c>
      <c r="AX31" s="244"/>
      <c r="AY31" s="71">
        <v>3</v>
      </c>
      <c r="AZ31" s="71">
        <v>1</v>
      </c>
      <c r="BA31" s="71">
        <v>0</v>
      </c>
      <c r="BB31" s="71">
        <v>0</v>
      </c>
      <c r="BC31" s="71">
        <v>2</v>
      </c>
      <c r="BD31" s="72">
        <v>6</v>
      </c>
      <c r="BE31" s="73">
        <v>6</v>
      </c>
      <c r="BF31" s="70">
        <v>1</v>
      </c>
      <c r="BG31" s="71">
        <v>0</v>
      </c>
      <c r="BH31" s="72">
        <v>1</v>
      </c>
      <c r="BI31" s="244"/>
      <c r="BJ31" s="71">
        <v>1</v>
      </c>
      <c r="BK31" s="71">
        <v>0</v>
      </c>
      <c r="BL31" s="71">
        <v>0</v>
      </c>
      <c r="BM31" s="71">
        <v>0</v>
      </c>
      <c r="BN31" s="71">
        <v>0</v>
      </c>
      <c r="BO31" s="72">
        <v>1</v>
      </c>
      <c r="BP31" s="73">
        <v>2</v>
      </c>
      <c r="BQ31" s="70">
        <v>0</v>
      </c>
      <c r="BR31" s="71">
        <v>0</v>
      </c>
      <c r="BS31" s="72">
        <v>0</v>
      </c>
      <c r="BT31" s="244"/>
      <c r="BU31" s="71">
        <v>1</v>
      </c>
      <c r="BV31" s="71">
        <v>1</v>
      </c>
      <c r="BW31" s="71">
        <v>3</v>
      </c>
      <c r="BX31" s="71">
        <v>0</v>
      </c>
      <c r="BY31" s="71">
        <v>2</v>
      </c>
      <c r="BZ31" s="72">
        <v>7</v>
      </c>
      <c r="CA31" s="73">
        <v>7</v>
      </c>
      <c r="CB31" s="70">
        <v>0</v>
      </c>
      <c r="CC31" s="71">
        <v>0</v>
      </c>
      <c r="CD31" s="72">
        <v>0</v>
      </c>
      <c r="CE31" s="244"/>
      <c r="CF31" s="71">
        <v>0</v>
      </c>
      <c r="CG31" s="71">
        <v>0</v>
      </c>
      <c r="CH31" s="71">
        <v>0</v>
      </c>
      <c r="CI31" s="71">
        <v>0</v>
      </c>
      <c r="CJ31" s="71">
        <v>0</v>
      </c>
      <c r="CK31" s="72">
        <v>0</v>
      </c>
      <c r="CL31" s="73">
        <v>0</v>
      </c>
      <c r="CM31" s="70">
        <v>1</v>
      </c>
      <c r="CN31" s="71">
        <v>1</v>
      </c>
      <c r="CO31" s="72">
        <v>2</v>
      </c>
      <c r="CP31" s="244"/>
      <c r="CQ31" s="71">
        <v>7</v>
      </c>
      <c r="CR31" s="71">
        <v>4</v>
      </c>
      <c r="CS31" s="71">
        <v>4</v>
      </c>
      <c r="CT31" s="71">
        <v>0</v>
      </c>
      <c r="CU31" s="71">
        <v>5</v>
      </c>
      <c r="CV31" s="72">
        <v>20</v>
      </c>
      <c r="CW31" s="73">
        <v>22</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1</v>
      </c>
      <c r="GT31" s="82">
        <v>1</v>
      </c>
      <c r="GU31" s="83">
        <v>2</v>
      </c>
      <c r="GV31" s="241"/>
      <c r="GW31" s="82">
        <v>7</v>
      </c>
      <c r="GX31" s="82">
        <v>5</v>
      </c>
      <c r="GY31" s="82">
        <v>5</v>
      </c>
      <c r="GZ31" s="82">
        <v>2</v>
      </c>
      <c r="HA31" s="82">
        <v>5</v>
      </c>
      <c r="HB31" s="84">
        <v>24</v>
      </c>
      <c r="HC31" s="85">
        <v>26</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1</v>
      </c>
      <c r="HU31" s="71">
        <v>1</v>
      </c>
      <c r="HV31" s="71">
        <v>0</v>
      </c>
      <c r="HW31" s="71">
        <v>0</v>
      </c>
      <c r="HX31" s="72">
        <v>3</v>
      </c>
      <c r="HY31" s="73">
        <v>4</v>
      </c>
      <c r="HZ31" s="70">
        <v>0</v>
      </c>
      <c r="IA31" s="71">
        <v>0</v>
      </c>
      <c r="IB31" s="72">
        <v>0</v>
      </c>
      <c r="IC31" s="244"/>
      <c r="ID31" s="71">
        <v>1</v>
      </c>
      <c r="IE31" s="71">
        <v>1</v>
      </c>
      <c r="IF31" s="71">
        <v>0</v>
      </c>
      <c r="IG31" s="71">
        <v>0</v>
      </c>
      <c r="IH31" s="71">
        <v>1</v>
      </c>
      <c r="II31" s="72">
        <v>3</v>
      </c>
      <c r="IJ31" s="73">
        <v>3</v>
      </c>
      <c r="IK31" s="70">
        <v>0</v>
      </c>
      <c r="IL31" s="71">
        <v>0</v>
      </c>
      <c r="IM31" s="72">
        <v>0</v>
      </c>
      <c r="IN31" s="244"/>
      <c r="IO31" s="71">
        <v>3</v>
      </c>
      <c r="IP31" s="71">
        <v>2</v>
      </c>
      <c r="IQ31" s="71">
        <v>0</v>
      </c>
      <c r="IR31" s="71">
        <v>0</v>
      </c>
      <c r="IS31" s="71">
        <v>2</v>
      </c>
      <c r="IT31" s="72">
        <v>7</v>
      </c>
      <c r="IU31" s="73">
        <v>7</v>
      </c>
      <c r="IV31" s="70">
        <v>1</v>
      </c>
      <c r="IW31" s="71">
        <v>0</v>
      </c>
      <c r="IX31" s="72">
        <v>1</v>
      </c>
      <c r="IY31" s="244"/>
      <c r="IZ31" s="71">
        <v>1</v>
      </c>
      <c r="JA31" s="71">
        <v>0</v>
      </c>
      <c r="JB31" s="71">
        <v>0</v>
      </c>
      <c r="JC31" s="71">
        <v>2</v>
      </c>
      <c r="JD31" s="71">
        <v>0</v>
      </c>
      <c r="JE31" s="72">
        <v>3</v>
      </c>
      <c r="JF31" s="73">
        <v>4</v>
      </c>
      <c r="JG31" s="70">
        <v>0</v>
      </c>
      <c r="JH31" s="71">
        <v>0</v>
      </c>
      <c r="JI31" s="72">
        <v>0</v>
      </c>
      <c r="JJ31" s="244"/>
      <c r="JK31" s="71">
        <v>1</v>
      </c>
      <c r="JL31" s="71">
        <v>1</v>
      </c>
      <c r="JM31" s="71">
        <v>3</v>
      </c>
      <c r="JN31" s="71">
        <v>0</v>
      </c>
      <c r="JO31" s="71">
        <v>2</v>
      </c>
      <c r="JP31" s="72">
        <v>7</v>
      </c>
      <c r="JQ31" s="73">
        <v>7</v>
      </c>
      <c r="JR31" s="70">
        <v>0</v>
      </c>
      <c r="JS31" s="71">
        <v>0</v>
      </c>
      <c r="JT31" s="72">
        <v>0</v>
      </c>
      <c r="JU31" s="244"/>
      <c r="JV31" s="71">
        <v>0</v>
      </c>
      <c r="JW31" s="71">
        <v>0</v>
      </c>
      <c r="JX31" s="71">
        <v>0</v>
      </c>
      <c r="JY31" s="71">
        <v>0</v>
      </c>
      <c r="JZ31" s="71">
        <v>0</v>
      </c>
      <c r="KA31" s="72">
        <v>0</v>
      </c>
      <c r="KB31" s="73">
        <v>0</v>
      </c>
      <c r="KC31" s="70">
        <v>1</v>
      </c>
      <c r="KD31" s="71">
        <v>1</v>
      </c>
      <c r="KE31" s="72">
        <v>2</v>
      </c>
      <c r="KF31" s="244"/>
      <c r="KG31" s="71">
        <v>7</v>
      </c>
      <c r="KH31" s="71">
        <v>5</v>
      </c>
      <c r="KI31" s="71">
        <v>5</v>
      </c>
      <c r="KJ31" s="71">
        <v>2</v>
      </c>
      <c r="KK31" s="71">
        <v>5</v>
      </c>
      <c r="KL31" s="72">
        <v>24</v>
      </c>
      <c r="KM31" s="73">
        <v>26</v>
      </c>
    </row>
    <row r="32" spans="2:299" ht="21" customHeight="1" x14ac:dyDescent="0.2">
      <c r="B32" s="126" t="s">
        <v>29</v>
      </c>
      <c r="C32" s="315">
        <v>1</v>
      </c>
      <c r="D32" s="82">
        <v>3</v>
      </c>
      <c r="E32" s="83">
        <v>4</v>
      </c>
      <c r="F32" s="241"/>
      <c r="G32" s="82">
        <v>7</v>
      </c>
      <c r="H32" s="82">
        <v>3</v>
      </c>
      <c r="I32" s="82">
        <v>5</v>
      </c>
      <c r="J32" s="82">
        <v>5</v>
      </c>
      <c r="K32" s="82">
        <v>0</v>
      </c>
      <c r="L32" s="84">
        <v>20</v>
      </c>
      <c r="M32" s="85">
        <v>24</v>
      </c>
      <c r="N32" s="70">
        <v>0</v>
      </c>
      <c r="O32" s="71">
        <v>0</v>
      </c>
      <c r="P32" s="72">
        <v>0</v>
      </c>
      <c r="Q32" s="244"/>
      <c r="R32" s="71">
        <v>0</v>
      </c>
      <c r="S32" s="71">
        <v>0</v>
      </c>
      <c r="T32" s="71">
        <v>1</v>
      </c>
      <c r="U32" s="71">
        <v>0</v>
      </c>
      <c r="V32" s="71">
        <v>0</v>
      </c>
      <c r="W32" s="72">
        <v>1</v>
      </c>
      <c r="X32" s="73">
        <v>1</v>
      </c>
      <c r="Y32" s="70">
        <v>0</v>
      </c>
      <c r="Z32" s="71">
        <v>0</v>
      </c>
      <c r="AA32" s="72">
        <v>0</v>
      </c>
      <c r="AB32" s="244"/>
      <c r="AC32" s="71">
        <v>0</v>
      </c>
      <c r="AD32" s="71">
        <v>1</v>
      </c>
      <c r="AE32" s="71">
        <v>0</v>
      </c>
      <c r="AF32" s="71">
        <v>1</v>
      </c>
      <c r="AG32" s="71">
        <v>0</v>
      </c>
      <c r="AH32" s="72">
        <v>2</v>
      </c>
      <c r="AI32" s="73">
        <v>2</v>
      </c>
      <c r="AJ32" s="70">
        <v>0</v>
      </c>
      <c r="AK32" s="71">
        <v>1</v>
      </c>
      <c r="AL32" s="72">
        <v>1</v>
      </c>
      <c r="AM32" s="244"/>
      <c r="AN32" s="71">
        <v>1</v>
      </c>
      <c r="AO32" s="71">
        <v>0</v>
      </c>
      <c r="AP32" s="71">
        <v>1</v>
      </c>
      <c r="AQ32" s="71">
        <v>0</v>
      </c>
      <c r="AR32" s="71">
        <v>0</v>
      </c>
      <c r="AS32" s="72">
        <v>2</v>
      </c>
      <c r="AT32" s="73">
        <v>3</v>
      </c>
      <c r="AU32" s="70">
        <v>0</v>
      </c>
      <c r="AV32" s="71">
        <v>1</v>
      </c>
      <c r="AW32" s="72">
        <v>1</v>
      </c>
      <c r="AX32" s="244"/>
      <c r="AY32" s="71">
        <v>2</v>
      </c>
      <c r="AZ32" s="71">
        <v>0</v>
      </c>
      <c r="BA32" s="71">
        <v>2</v>
      </c>
      <c r="BB32" s="71">
        <v>1</v>
      </c>
      <c r="BC32" s="71">
        <v>0</v>
      </c>
      <c r="BD32" s="72">
        <v>5</v>
      </c>
      <c r="BE32" s="73">
        <v>6</v>
      </c>
      <c r="BF32" s="70">
        <v>0</v>
      </c>
      <c r="BG32" s="71">
        <v>1</v>
      </c>
      <c r="BH32" s="72">
        <v>1</v>
      </c>
      <c r="BI32" s="244"/>
      <c r="BJ32" s="71">
        <v>2</v>
      </c>
      <c r="BK32" s="71">
        <v>0</v>
      </c>
      <c r="BL32" s="71">
        <v>0</v>
      </c>
      <c r="BM32" s="71">
        <v>1</v>
      </c>
      <c r="BN32" s="71">
        <v>0</v>
      </c>
      <c r="BO32" s="72">
        <v>3</v>
      </c>
      <c r="BP32" s="73">
        <v>4</v>
      </c>
      <c r="BQ32" s="70">
        <v>1</v>
      </c>
      <c r="BR32" s="71">
        <v>0</v>
      </c>
      <c r="BS32" s="72">
        <v>1</v>
      </c>
      <c r="BT32" s="244"/>
      <c r="BU32" s="71">
        <v>2</v>
      </c>
      <c r="BV32" s="71">
        <v>2</v>
      </c>
      <c r="BW32" s="71">
        <v>1</v>
      </c>
      <c r="BX32" s="71">
        <v>2</v>
      </c>
      <c r="BY32" s="71">
        <v>0</v>
      </c>
      <c r="BZ32" s="72">
        <v>7</v>
      </c>
      <c r="CA32" s="73">
        <v>8</v>
      </c>
      <c r="CB32" s="70">
        <v>0</v>
      </c>
      <c r="CC32" s="71">
        <v>0</v>
      </c>
      <c r="CD32" s="72">
        <v>0</v>
      </c>
      <c r="CE32" s="244"/>
      <c r="CF32" s="71">
        <v>0</v>
      </c>
      <c r="CG32" s="71">
        <v>0</v>
      </c>
      <c r="CH32" s="71">
        <v>0</v>
      </c>
      <c r="CI32" s="71">
        <v>0</v>
      </c>
      <c r="CJ32" s="71">
        <v>0</v>
      </c>
      <c r="CK32" s="72">
        <v>0</v>
      </c>
      <c r="CL32" s="73">
        <v>0</v>
      </c>
      <c r="CM32" s="70">
        <v>1</v>
      </c>
      <c r="CN32" s="71">
        <v>3</v>
      </c>
      <c r="CO32" s="72">
        <v>4</v>
      </c>
      <c r="CP32" s="244"/>
      <c r="CQ32" s="71">
        <v>7</v>
      </c>
      <c r="CR32" s="71">
        <v>3</v>
      </c>
      <c r="CS32" s="71">
        <v>5</v>
      </c>
      <c r="CT32" s="71">
        <v>5</v>
      </c>
      <c r="CU32" s="71">
        <v>0</v>
      </c>
      <c r="CV32" s="72">
        <v>20</v>
      </c>
      <c r="CW32" s="73">
        <v>24</v>
      </c>
      <c r="CX32" s="123">
        <v>2</v>
      </c>
      <c r="CY32" s="82">
        <v>0</v>
      </c>
      <c r="CZ32" s="83">
        <v>2</v>
      </c>
      <c r="DA32" s="241"/>
      <c r="DB32" s="82">
        <v>5</v>
      </c>
      <c r="DC32" s="82">
        <v>1</v>
      </c>
      <c r="DD32" s="82">
        <v>2</v>
      </c>
      <c r="DE32" s="82">
        <v>3</v>
      </c>
      <c r="DF32" s="82">
        <v>0</v>
      </c>
      <c r="DG32" s="84">
        <v>11</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0</v>
      </c>
      <c r="EF32" s="71">
        <v>0</v>
      </c>
      <c r="EG32" s="72">
        <v>0</v>
      </c>
      <c r="EH32" s="244"/>
      <c r="EI32" s="71">
        <v>0</v>
      </c>
      <c r="EJ32" s="71">
        <v>0</v>
      </c>
      <c r="EK32" s="71">
        <v>0</v>
      </c>
      <c r="EL32" s="71">
        <v>1</v>
      </c>
      <c r="EM32" s="71">
        <v>0</v>
      </c>
      <c r="EN32" s="72">
        <v>1</v>
      </c>
      <c r="EO32" s="73">
        <v>1</v>
      </c>
      <c r="EP32" s="70">
        <v>2</v>
      </c>
      <c r="EQ32" s="71">
        <v>0</v>
      </c>
      <c r="ER32" s="72">
        <v>2</v>
      </c>
      <c r="ES32" s="244"/>
      <c r="ET32" s="71">
        <v>3</v>
      </c>
      <c r="EU32" s="71">
        <v>0</v>
      </c>
      <c r="EV32" s="71">
        <v>1</v>
      </c>
      <c r="EW32" s="71">
        <v>0</v>
      </c>
      <c r="EX32" s="71">
        <v>0</v>
      </c>
      <c r="EY32" s="72">
        <v>4</v>
      </c>
      <c r="EZ32" s="73">
        <v>6</v>
      </c>
      <c r="FA32" s="70">
        <v>0</v>
      </c>
      <c r="FB32" s="71">
        <v>0</v>
      </c>
      <c r="FC32" s="72">
        <v>0</v>
      </c>
      <c r="FD32" s="244"/>
      <c r="FE32" s="71">
        <v>1</v>
      </c>
      <c r="FF32" s="71">
        <v>0</v>
      </c>
      <c r="FG32" s="71">
        <v>0</v>
      </c>
      <c r="FH32" s="71">
        <v>0</v>
      </c>
      <c r="FI32" s="71">
        <v>0</v>
      </c>
      <c r="FJ32" s="72">
        <v>1</v>
      </c>
      <c r="FK32" s="73">
        <v>1</v>
      </c>
      <c r="FL32" s="70">
        <v>0</v>
      </c>
      <c r="FM32" s="71">
        <v>0</v>
      </c>
      <c r="FN32" s="72">
        <v>0</v>
      </c>
      <c r="FO32" s="244"/>
      <c r="FP32" s="71">
        <v>1</v>
      </c>
      <c r="FQ32" s="71">
        <v>1</v>
      </c>
      <c r="FR32" s="71">
        <v>1</v>
      </c>
      <c r="FS32" s="71">
        <v>2</v>
      </c>
      <c r="FT32" s="71">
        <v>0</v>
      </c>
      <c r="FU32" s="72">
        <v>5</v>
      </c>
      <c r="FV32" s="73">
        <v>5</v>
      </c>
      <c r="FW32" s="70">
        <v>0</v>
      </c>
      <c r="FX32" s="71">
        <v>0</v>
      </c>
      <c r="FY32" s="72">
        <v>0</v>
      </c>
      <c r="FZ32" s="244"/>
      <c r="GA32" s="71">
        <v>0</v>
      </c>
      <c r="GB32" s="71">
        <v>0</v>
      </c>
      <c r="GC32" s="71">
        <v>0</v>
      </c>
      <c r="GD32" s="71">
        <v>0</v>
      </c>
      <c r="GE32" s="71">
        <v>0</v>
      </c>
      <c r="GF32" s="72">
        <v>0</v>
      </c>
      <c r="GG32" s="73">
        <v>0</v>
      </c>
      <c r="GH32" s="70">
        <v>2</v>
      </c>
      <c r="GI32" s="71">
        <v>0</v>
      </c>
      <c r="GJ32" s="72">
        <v>2</v>
      </c>
      <c r="GK32" s="244"/>
      <c r="GL32" s="71">
        <v>5</v>
      </c>
      <c r="GM32" s="71">
        <v>1</v>
      </c>
      <c r="GN32" s="71">
        <v>2</v>
      </c>
      <c r="GO32" s="71">
        <v>3</v>
      </c>
      <c r="GP32" s="71">
        <v>0</v>
      </c>
      <c r="GQ32" s="72">
        <v>11</v>
      </c>
      <c r="GR32" s="73">
        <v>13</v>
      </c>
      <c r="GS32" s="123">
        <v>3</v>
      </c>
      <c r="GT32" s="82">
        <v>3</v>
      </c>
      <c r="GU32" s="83">
        <v>6</v>
      </c>
      <c r="GV32" s="241"/>
      <c r="GW32" s="82">
        <v>12</v>
      </c>
      <c r="GX32" s="82">
        <v>4</v>
      </c>
      <c r="GY32" s="82">
        <v>7</v>
      </c>
      <c r="GZ32" s="82">
        <v>8</v>
      </c>
      <c r="HA32" s="82">
        <v>0</v>
      </c>
      <c r="HB32" s="84">
        <v>31</v>
      </c>
      <c r="HC32" s="85">
        <v>37</v>
      </c>
      <c r="HD32" s="70">
        <v>0</v>
      </c>
      <c r="HE32" s="71">
        <v>0</v>
      </c>
      <c r="HF32" s="72">
        <v>0</v>
      </c>
      <c r="HG32" s="244"/>
      <c r="HH32" s="71">
        <v>0</v>
      </c>
      <c r="HI32" s="71">
        <v>0</v>
      </c>
      <c r="HJ32" s="71">
        <v>1</v>
      </c>
      <c r="HK32" s="71">
        <v>0</v>
      </c>
      <c r="HL32" s="71">
        <v>0</v>
      </c>
      <c r="HM32" s="72">
        <v>1</v>
      </c>
      <c r="HN32" s="73">
        <v>1</v>
      </c>
      <c r="HO32" s="70">
        <v>0</v>
      </c>
      <c r="HP32" s="71">
        <v>0</v>
      </c>
      <c r="HQ32" s="72">
        <v>0</v>
      </c>
      <c r="HR32" s="244"/>
      <c r="HS32" s="71">
        <v>0</v>
      </c>
      <c r="HT32" s="71">
        <v>1</v>
      </c>
      <c r="HU32" s="71">
        <v>0</v>
      </c>
      <c r="HV32" s="71">
        <v>1</v>
      </c>
      <c r="HW32" s="71">
        <v>0</v>
      </c>
      <c r="HX32" s="72">
        <v>2</v>
      </c>
      <c r="HY32" s="73">
        <v>2</v>
      </c>
      <c r="HZ32" s="70">
        <v>0</v>
      </c>
      <c r="IA32" s="71">
        <v>1</v>
      </c>
      <c r="IB32" s="72">
        <v>1</v>
      </c>
      <c r="IC32" s="244"/>
      <c r="ID32" s="71">
        <v>1</v>
      </c>
      <c r="IE32" s="71">
        <v>0</v>
      </c>
      <c r="IF32" s="71">
        <v>1</v>
      </c>
      <c r="IG32" s="71">
        <v>1</v>
      </c>
      <c r="IH32" s="71">
        <v>0</v>
      </c>
      <c r="II32" s="72">
        <v>3</v>
      </c>
      <c r="IJ32" s="73">
        <v>4</v>
      </c>
      <c r="IK32" s="70">
        <v>2</v>
      </c>
      <c r="IL32" s="71">
        <v>1</v>
      </c>
      <c r="IM32" s="72">
        <v>3</v>
      </c>
      <c r="IN32" s="244"/>
      <c r="IO32" s="71">
        <v>5</v>
      </c>
      <c r="IP32" s="71">
        <v>0</v>
      </c>
      <c r="IQ32" s="71">
        <v>3</v>
      </c>
      <c r="IR32" s="71">
        <v>1</v>
      </c>
      <c r="IS32" s="71">
        <v>0</v>
      </c>
      <c r="IT32" s="72">
        <v>9</v>
      </c>
      <c r="IU32" s="73">
        <v>12</v>
      </c>
      <c r="IV32" s="70">
        <v>0</v>
      </c>
      <c r="IW32" s="71">
        <v>1</v>
      </c>
      <c r="IX32" s="72">
        <v>1</v>
      </c>
      <c r="IY32" s="244"/>
      <c r="IZ32" s="71">
        <v>3</v>
      </c>
      <c r="JA32" s="71">
        <v>0</v>
      </c>
      <c r="JB32" s="71">
        <v>0</v>
      </c>
      <c r="JC32" s="71">
        <v>1</v>
      </c>
      <c r="JD32" s="71">
        <v>0</v>
      </c>
      <c r="JE32" s="72">
        <v>4</v>
      </c>
      <c r="JF32" s="73">
        <v>5</v>
      </c>
      <c r="JG32" s="70">
        <v>1</v>
      </c>
      <c r="JH32" s="71">
        <v>0</v>
      </c>
      <c r="JI32" s="72">
        <v>1</v>
      </c>
      <c r="JJ32" s="244"/>
      <c r="JK32" s="71">
        <v>3</v>
      </c>
      <c r="JL32" s="71">
        <v>3</v>
      </c>
      <c r="JM32" s="71">
        <v>2</v>
      </c>
      <c r="JN32" s="71">
        <v>4</v>
      </c>
      <c r="JO32" s="71">
        <v>0</v>
      </c>
      <c r="JP32" s="72">
        <v>12</v>
      </c>
      <c r="JQ32" s="73">
        <v>13</v>
      </c>
      <c r="JR32" s="70">
        <v>0</v>
      </c>
      <c r="JS32" s="71">
        <v>0</v>
      </c>
      <c r="JT32" s="72">
        <v>0</v>
      </c>
      <c r="JU32" s="244"/>
      <c r="JV32" s="71">
        <v>0</v>
      </c>
      <c r="JW32" s="71">
        <v>0</v>
      </c>
      <c r="JX32" s="71">
        <v>0</v>
      </c>
      <c r="JY32" s="71">
        <v>0</v>
      </c>
      <c r="JZ32" s="71">
        <v>0</v>
      </c>
      <c r="KA32" s="72">
        <v>0</v>
      </c>
      <c r="KB32" s="73">
        <v>0</v>
      </c>
      <c r="KC32" s="70">
        <v>3</v>
      </c>
      <c r="KD32" s="71">
        <v>3</v>
      </c>
      <c r="KE32" s="72">
        <v>6</v>
      </c>
      <c r="KF32" s="244"/>
      <c r="KG32" s="71">
        <v>12</v>
      </c>
      <c r="KH32" s="71">
        <v>4</v>
      </c>
      <c r="KI32" s="71">
        <v>7</v>
      </c>
      <c r="KJ32" s="71">
        <v>8</v>
      </c>
      <c r="KK32" s="71">
        <v>0</v>
      </c>
      <c r="KL32" s="72">
        <v>31</v>
      </c>
      <c r="KM32" s="73">
        <v>37</v>
      </c>
    </row>
    <row r="33" spans="2:299" ht="21" customHeight="1" x14ac:dyDescent="0.2">
      <c r="B33" s="126" t="s">
        <v>30</v>
      </c>
      <c r="C33" s="315">
        <v>2</v>
      </c>
      <c r="D33" s="82">
        <v>1</v>
      </c>
      <c r="E33" s="83">
        <v>3</v>
      </c>
      <c r="F33" s="241"/>
      <c r="G33" s="82">
        <v>6</v>
      </c>
      <c r="H33" s="82">
        <v>4</v>
      </c>
      <c r="I33" s="82">
        <v>2</v>
      </c>
      <c r="J33" s="82">
        <v>5</v>
      </c>
      <c r="K33" s="82">
        <v>1</v>
      </c>
      <c r="L33" s="84">
        <v>18</v>
      </c>
      <c r="M33" s="85">
        <v>21</v>
      </c>
      <c r="N33" s="70">
        <v>0</v>
      </c>
      <c r="O33" s="71">
        <v>0</v>
      </c>
      <c r="P33" s="72">
        <v>0</v>
      </c>
      <c r="Q33" s="244"/>
      <c r="R33" s="71">
        <v>0</v>
      </c>
      <c r="S33" s="71">
        <v>0</v>
      </c>
      <c r="T33" s="71">
        <v>0</v>
      </c>
      <c r="U33" s="71">
        <v>0</v>
      </c>
      <c r="V33" s="71">
        <v>0</v>
      </c>
      <c r="W33" s="72">
        <v>0</v>
      </c>
      <c r="X33" s="73">
        <v>0</v>
      </c>
      <c r="Y33" s="70">
        <v>0</v>
      </c>
      <c r="Z33" s="71">
        <v>0</v>
      </c>
      <c r="AA33" s="72">
        <v>0</v>
      </c>
      <c r="AB33" s="244"/>
      <c r="AC33" s="71">
        <v>1</v>
      </c>
      <c r="AD33" s="71">
        <v>0</v>
      </c>
      <c r="AE33" s="71">
        <v>0</v>
      </c>
      <c r="AF33" s="71">
        <v>1</v>
      </c>
      <c r="AG33" s="71">
        <v>0</v>
      </c>
      <c r="AH33" s="72">
        <v>2</v>
      </c>
      <c r="AI33" s="73">
        <v>2</v>
      </c>
      <c r="AJ33" s="70">
        <v>0</v>
      </c>
      <c r="AK33" s="71">
        <v>0</v>
      </c>
      <c r="AL33" s="72">
        <v>0</v>
      </c>
      <c r="AM33" s="244"/>
      <c r="AN33" s="71">
        <v>0</v>
      </c>
      <c r="AO33" s="71">
        <v>1</v>
      </c>
      <c r="AP33" s="71">
        <v>0</v>
      </c>
      <c r="AQ33" s="71">
        <v>0</v>
      </c>
      <c r="AR33" s="71">
        <v>0</v>
      </c>
      <c r="AS33" s="72">
        <v>1</v>
      </c>
      <c r="AT33" s="73">
        <v>1</v>
      </c>
      <c r="AU33" s="70">
        <v>0</v>
      </c>
      <c r="AV33" s="71">
        <v>1</v>
      </c>
      <c r="AW33" s="72">
        <v>1</v>
      </c>
      <c r="AX33" s="244"/>
      <c r="AY33" s="71">
        <v>1</v>
      </c>
      <c r="AZ33" s="71">
        <v>1</v>
      </c>
      <c r="BA33" s="71">
        <v>0</v>
      </c>
      <c r="BB33" s="71">
        <v>1</v>
      </c>
      <c r="BC33" s="71">
        <v>0</v>
      </c>
      <c r="BD33" s="72">
        <v>3</v>
      </c>
      <c r="BE33" s="73">
        <v>4</v>
      </c>
      <c r="BF33" s="70">
        <v>1</v>
      </c>
      <c r="BG33" s="71">
        <v>0</v>
      </c>
      <c r="BH33" s="72">
        <v>1</v>
      </c>
      <c r="BI33" s="244"/>
      <c r="BJ33" s="71">
        <v>2</v>
      </c>
      <c r="BK33" s="71">
        <v>1</v>
      </c>
      <c r="BL33" s="71">
        <v>1</v>
      </c>
      <c r="BM33" s="71">
        <v>2</v>
      </c>
      <c r="BN33" s="71">
        <v>1</v>
      </c>
      <c r="BO33" s="72">
        <v>7</v>
      </c>
      <c r="BP33" s="73">
        <v>8</v>
      </c>
      <c r="BQ33" s="70">
        <v>1</v>
      </c>
      <c r="BR33" s="71">
        <v>0</v>
      </c>
      <c r="BS33" s="72">
        <v>1</v>
      </c>
      <c r="BT33" s="244"/>
      <c r="BU33" s="71">
        <v>2</v>
      </c>
      <c r="BV33" s="71">
        <v>1</v>
      </c>
      <c r="BW33" s="71">
        <v>1</v>
      </c>
      <c r="BX33" s="71">
        <v>1</v>
      </c>
      <c r="BY33" s="71">
        <v>0</v>
      </c>
      <c r="BZ33" s="72">
        <v>5</v>
      </c>
      <c r="CA33" s="73">
        <v>6</v>
      </c>
      <c r="CB33" s="70">
        <v>0</v>
      </c>
      <c r="CC33" s="71">
        <v>0</v>
      </c>
      <c r="CD33" s="72">
        <v>0</v>
      </c>
      <c r="CE33" s="244"/>
      <c r="CF33" s="71">
        <v>0</v>
      </c>
      <c r="CG33" s="71">
        <v>0</v>
      </c>
      <c r="CH33" s="71">
        <v>0</v>
      </c>
      <c r="CI33" s="71">
        <v>0</v>
      </c>
      <c r="CJ33" s="71">
        <v>0</v>
      </c>
      <c r="CK33" s="72">
        <v>0</v>
      </c>
      <c r="CL33" s="73">
        <v>0</v>
      </c>
      <c r="CM33" s="70">
        <v>2</v>
      </c>
      <c r="CN33" s="71">
        <v>1</v>
      </c>
      <c r="CO33" s="72">
        <v>3</v>
      </c>
      <c r="CP33" s="244"/>
      <c r="CQ33" s="71">
        <v>6</v>
      </c>
      <c r="CR33" s="71">
        <v>4</v>
      </c>
      <c r="CS33" s="71">
        <v>2</v>
      </c>
      <c r="CT33" s="71">
        <v>5</v>
      </c>
      <c r="CU33" s="71">
        <v>1</v>
      </c>
      <c r="CV33" s="72">
        <v>18</v>
      </c>
      <c r="CW33" s="73">
        <v>21</v>
      </c>
      <c r="CX33" s="123">
        <v>2</v>
      </c>
      <c r="CY33" s="82">
        <v>1</v>
      </c>
      <c r="CZ33" s="83">
        <v>3</v>
      </c>
      <c r="DA33" s="241"/>
      <c r="DB33" s="82">
        <v>3</v>
      </c>
      <c r="DC33" s="82">
        <v>3</v>
      </c>
      <c r="DD33" s="82">
        <v>1</v>
      </c>
      <c r="DE33" s="82">
        <v>1</v>
      </c>
      <c r="DF33" s="82">
        <v>0</v>
      </c>
      <c r="DG33" s="84">
        <v>8</v>
      </c>
      <c r="DH33" s="85">
        <v>11</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1</v>
      </c>
      <c r="EK33" s="71">
        <v>0</v>
      </c>
      <c r="EL33" s="71">
        <v>0</v>
      </c>
      <c r="EM33" s="71">
        <v>0</v>
      </c>
      <c r="EN33" s="72">
        <v>1</v>
      </c>
      <c r="EO33" s="73">
        <v>1</v>
      </c>
      <c r="EP33" s="70">
        <v>1</v>
      </c>
      <c r="EQ33" s="71">
        <v>0</v>
      </c>
      <c r="ER33" s="72">
        <v>1</v>
      </c>
      <c r="ES33" s="244"/>
      <c r="ET33" s="71">
        <v>0</v>
      </c>
      <c r="EU33" s="71">
        <v>0</v>
      </c>
      <c r="EV33" s="71">
        <v>0</v>
      </c>
      <c r="EW33" s="71">
        <v>0</v>
      </c>
      <c r="EX33" s="71">
        <v>0</v>
      </c>
      <c r="EY33" s="72">
        <v>0</v>
      </c>
      <c r="EZ33" s="73">
        <v>1</v>
      </c>
      <c r="FA33" s="70">
        <v>0</v>
      </c>
      <c r="FB33" s="71">
        <v>1</v>
      </c>
      <c r="FC33" s="72">
        <v>1</v>
      </c>
      <c r="FD33" s="244"/>
      <c r="FE33" s="71">
        <v>2</v>
      </c>
      <c r="FF33" s="71">
        <v>0</v>
      </c>
      <c r="FG33" s="71">
        <v>0</v>
      </c>
      <c r="FH33" s="71">
        <v>0</v>
      </c>
      <c r="FI33" s="71">
        <v>0</v>
      </c>
      <c r="FJ33" s="72">
        <v>2</v>
      </c>
      <c r="FK33" s="73">
        <v>3</v>
      </c>
      <c r="FL33" s="70">
        <v>1</v>
      </c>
      <c r="FM33" s="71">
        <v>0</v>
      </c>
      <c r="FN33" s="72">
        <v>1</v>
      </c>
      <c r="FO33" s="244"/>
      <c r="FP33" s="71">
        <v>1</v>
      </c>
      <c r="FQ33" s="71">
        <v>2</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1</v>
      </c>
      <c r="GJ33" s="72">
        <v>3</v>
      </c>
      <c r="GK33" s="244"/>
      <c r="GL33" s="71">
        <v>3</v>
      </c>
      <c r="GM33" s="71">
        <v>3</v>
      </c>
      <c r="GN33" s="71">
        <v>1</v>
      </c>
      <c r="GO33" s="71">
        <v>1</v>
      </c>
      <c r="GP33" s="71">
        <v>0</v>
      </c>
      <c r="GQ33" s="72">
        <v>8</v>
      </c>
      <c r="GR33" s="73">
        <v>11</v>
      </c>
      <c r="GS33" s="123">
        <v>4</v>
      </c>
      <c r="GT33" s="82">
        <v>2</v>
      </c>
      <c r="GU33" s="83">
        <v>6</v>
      </c>
      <c r="GV33" s="241"/>
      <c r="GW33" s="82">
        <v>9</v>
      </c>
      <c r="GX33" s="82">
        <v>7</v>
      </c>
      <c r="GY33" s="82">
        <v>3</v>
      </c>
      <c r="GZ33" s="82">
        <v>6</v>
      </c>
      <c r="HA33" s="82">
        <v>1</v>
      </c>
      <c r="HB33" s="84">
        <v>26</v>
      </c>
      <c r="HC33" s="85">
        <v>32</v>
      </c>
      <c r="HD33" s="70">
        <v>0</v>
      </c>
      <c r="HE33" s="71">
        <v>0</v>
      </c>
      <c r="HF33" s="72">
        <v>0</v>
      </c>
      <c r="HG33" s="244"/>
      <c r="HH33" s="71">
        <v>0</v>
      </c>
      <c r="HI33" s="71">
        <v>0</v>
      </c>
      <c r="HJ33" s="71">
        <v>0</v>
      </c>
      <c r="HK33" s="71">
        <v>0</v>
      </c>
      <c r="HL33" s="71">
        <v>0</v>
      </c>
      <c r="HM33" s="72">
        <v>0</v>
      </c>
      <c r="HN33" s="73">
        <v>0</v>
      </c>
      <c r="HO33" s="70">
        <v>0</v>
      </c>
      <c r="HP33" s="71">
        <v>0</v>
      </c>
      <c r="HQ33" s="72">
        <v>0</v>
      </c>
      <c r="HR33" s="244"/>
      <c r="HS33" s="71">
        <v>1</v>
      </c>
      <c r="HT33" s="71">
        <v>0</v>
      </c>
      <c r="HU33" s="71">
        <v>0</v>
      </c>
      <c r="HV33" s="71">
        <v>1</v>
      </c>
      <c r="HW33" s="71">
        <v>0</v>
      </c>
      <c r="HX33" s="72">
        <v>2</v>
      </c>
      <c r="HY33" s="73">
        <v>2</v>
      </c>
      <c r="HZ33" s="70">
        <v>0</v>
      </c>
      <c r="IA33" s="71">
        <v>0</v>
      </c>
      <c r="IB33" s="72">
        <v>0</v>
      </c>
      <c r="IC33" s="244"/>
      <c r="ID33" s="71">
        <v>0</v>
      </c>
      <c r="IE33" s="71">
        <v>2</v>
      </c>
      <c r="IF33" s="71">
        <v>0</v>
      </c>
      <c r="IG33" s="71">
        <v>0</v>
      </c>
      <c r="IH33" s="71">
        <v>0</v>
      </c>
      <c r="II33" s="72">
        <v>2</v>
      </c>
      <c r="IJ33" s="73">
        <v>2</v>
      </c>
      <c r="IK33" s="70">
        <v>1</v>
      </c>
      <c r="IL33" s="71">
        <v>1</v>
      </c>
      <c r="IM33" s="72">
        <v>2</v>
      </c>
      <c r="IN33" s="244"/>
      <c r="IO33" s="71">
        <v>1</v>
      </c>
      <c r="IP33" s="71">
        <v>1</v>
      </c>
      <c r="IQ33" s="71">
        <v>0</v>
      </c>
      <c r="IR33" s="71">
        <v>1</v>
      </c>
      <c r="IS33" s="71">
        <v>0</v>
      </c>
      <c r="IT33" s="72">
        <v>3</v>
      </c>
      <c r="IU33" s="73">
        <v>5</v>
      </c>
      <c r="IV33" s="70">
        <v>1</v>
      </c>
      <c r="IW33" s="71">
        <v>1</v>
      </c>
      <c r="IX33" s="72">
        <v>2</v>
      </c>
      <c r="IY33" s="244"/>
      <c r="IZ33" s="71">
        <v>4</v>
      </c>
      <c r="JA33" s="71">
        <v>1</v>
      </c>
      <c r="JB33" s="71">
        <v>1</v>
      </c>
      <c r="JC33" s="71">
        <v>2</v>
      </c>
      <c r="JD33" s="71">
        <v>1</v>
      </c>
      <c r="JE33" s="72">
        <v>9</v>
      </c>
      <c r="JF33" s="73">
        <v>11</v>
      </c>
      <c r="JG33" s="70">
        <v>2</v>
      </c>
      <c r="JH33" s="71">
        <v>0</v>
      </c>
      <c r="JI33" s="72">
        <v>2</v>
      </c>
      <c r="JJ33" s="244"/>
      <c r="JK33" s="71">
        <v>3</v>
      </c>
      <c r="JL33" s="71">
        <v>3</v>
      </c>
      <c r="JM33" s="71">
        <v>2</v>
      </c>
      <c r="JN33" s="71">
        <v>2</v>
      </c>
      <c r="JO33" s="71">
        <v>0</v>
      </c>
      <c r="JP33" s="72">
        <v>10</v>
      </c>
      <c r="JQ33" s="73">
        <v>12</v>
      </c>
      <c r="JR33" s="70">
        <v>0</v>
      </c>
      <c r="JS33" s="71">
        <v>0</v>
      </c>
      <c r="JT33" s="72">
        <v>0</v>
      </c>
      <c r="JU33" s="244"/>
      <c r="JV33" s="71">
        <v>0</v>
      </c>
      <c r="JW33" s="71">
        <v>0</v>
      </c>
      <c r="JX33" s="71">
        <v>0</v>
      </c>
      <c r="JY33" s="71">
        <v>0</v>
      </c>
      <c r="JZ33" s="71">
        <v>0</v>
      </c>
      <c r="KA33" s="72">
        <v>0</v>
      </c>
      <c r="KB33" s="73">
        <v>0</v>
      </c>
      <c r="KC33" s="70">
        <v>4</v>
      </c>
      <c r="KD33" s="71">
        <v>2</v>
      </c>
      <c r="KE33" s="72">
        <v>6</v>
      </c>
      <c r="KF33" s="244"/>
      <c r="KG33" s="71">
        <v>9</v>
      </c>
      <c r="KH33" s="71">
        <v>7</v>
      </c>
      <c r="KI33" s="71">
        <v>3</v>
      </c>
      <c r="KJ33" s="71">
        <v>6</v>
      </c>
      <c r="KK33" s="71">
        <v>1</v>
      </c>
      <c r="KL33" s="72">
        <v>26</v>
      </c>
      <c r="KM33" s="73">
        <v>32</v>
      </c>
    </row>
    <row r="34" spans="2:299" ht="21" customHeight="1" x14ac:dyDescent="0.2">
      <c r="B34" s="126" t="s">
        <v>31</v>
      </c>
      <c r="C34" s="315">
        <v>3</v>
      </c>
      <c r="D34" s="82">
        <v>5</v>
      </c>
      <c r="E34" s="83">
        <v>8</v>
      </c>
      <c r="F34" s="241"/>
      <c r="G34" s="82">
        <v>7</v>
      </c>
      <c r="H34" s="82">
        <v>6</v>
      </c>
      <c r="I34" s="82">
        <v>3</v>
      </c>
      <c r="J34" s="82">
        <v>2</v>
      </c>
      <c r="K34" s="82">
        <v>5</v>
      </c>
      <c r="L34" s="84">
        <v>23</v>
      </c>
      <c r="M34" s="85">
        <v>31</v>
      </c>
      <c r="N34" s="70">
        <v>0</v>
      </c>
      <c r="O34" s="71">
        <v>0</v>
      </c>
      <c r="P34" s="72">
        <v>0</v>
      </c>
      <c r="Q34" s="244"/>
      <c r="R34" s="71">
        <v>1</v>
      </c>
      <c r="S34" s="71">
        <v>1</v>
      </c>
      <c r="T34" s="71">
        <v>0</v>
      </c>
      <c r="U34" s="71">
        <v>0</v>
      </c>
      <c r="V34" s="71">
        <v>0</v>
      </c>
      <c r="W34" s="72">
        <v>2</v>
      </c>
      <c r="X34" s="73">
        <v>2</v>
      </c>
      <c r="Y34" s="70">
        <v>0</v>
      </c>
      <c r="Z34" s="71">
        <v>1</v>
      </c>
      <c r="AA34" s="72">
        <v>1</v>
      </c>
      <c r="AB34" s="244"/>
      <c r="AC34" s="71">
        <v>0</v>
      </c>
      <c r="AD34" s="71">
        <v>0</v>
      </c>
      <c r="AE34" s="71">
        <v>2</v>
      </c>
      <c r="AF34" s="71">
        <v>0</v>
      </c>
      <c r="AG34" s="71">
        <v>1</v>
      </c>
      <c r="AH34" s="72">
        <v>3</v>
      </c>
      <c r="AI34" s="73">
        <v>4</v>
      </c>
      <c r="AJ34" s="70">
        <v>0</v>
      </c>
      <c r="AK34" s="71">
        <v>0</v>
      </c>
      <c r="AL34" s="72">
        <v>0</v>
      </c>
      <c r="AM34" s="244"/>
      <c r="AN34" s="71">
        <v>0</v>
      </c>
      <c r="AO34" s="71">
        <v>0</v>
      </c>
      <c r="AP34" s="71">
        <v>0</v>
      </c>
      <c r="AQ34" s="71">
        <v>1</v>
      </c>
      <c r="AR34" s="71">
        <v>0</v>
      </c>
      <c r="AS34" s="72">
        <v>1</v>
      </c>
      <c r="AT34" s="73">
        <v>1</v>
      </c>
      <c r="AU34" s="70">
        <v>1</v>
      </c>
      <c r="AV34" s="71">
        <v>2</v>
      </c>
      <c r="AW34" s="72">
        <v>3</v>
      </c>
      <c r="AX34" s="244"/>
      <c r="AY34" s="71">
        <v>1</v>
      </c>
      <c r="AZ34" s="71">
        <v>0</v>
      </c>
      <c r="BA34" s="71">
        <v>1</v>
      </c>
      <c r="BB34" s="71">
        <v>0</v>
      </c>
      <c r="BC34" s="71">
        <v>0</v>
      </c>
      <c r="BD34" s="72">
        <v>2</v>
      </c>
      <c r="BE34" s="73">
        <v>5</v>
      </c>
      <c r="BF34" s="70">
        <v>2</v>
      </c>
      <c r="BG34" s="71">
        <v>2</v>
      </c>
      <c r="BH34" s="72">
        <v>4</v>
      </c>
      <c r="BI34" s="244"/>
      <c r="BJ34" s="71">
        <v>1</v>
      </c>
      <c r="BK34" s="71">
        <v>3</v>
      </c>
      <c r="BL34" s="71">
        <v>0</v>
      </c>
      <c r="BM34" s="71">
        <v>0</v>
      </c>
      <c r="BN34" s="71">
        <v>1</v>
      </c>
      <c r="BO34" s="72">
        <v>5</v>
      </c>
      <c r="BP34" s="73">
        <v>9</v>
      </c>
      <c r="BQ34" s="70">
        <v>0</v>
      </c>
      <c r="BR34" s="71">
        <v>0</v>
      </c>
      <c r="BS34" s="72">
        <v>0</v>
      </c>
      <c r="BT34" s="244"/>
      <c r="BU34" s="71">
        <v>4</v>
      </c>
      <c r="BV34" s="71">
        <v>2</v>
      </c>
      <c r="BW34" s="71">
        <v>0</v>
      </c>
      <c r="BX34" s="71">
        <v>1</v>
      </c>
      <c r="BY34" s="71">
        <v>3</v>
      </c>
      <c r="BZ34" s="72">
        <v>10</v>
      </c>
      <c r="CA34" s="73">
        <v>10</v>
      </c>
      <c r="CB34" s="70">
        <v>0</v>
      </c>
      <c r="CC34" s="71">
        <v>0</v>
      </c>
      <c r="CD34" s="72">
        <v>0</v>
      </c>
      <c r="CE34" s="244"/>
      <c r="CF34" s="71">
        <v>0</v>
      </c>
      <c r="CG34" s="71">
        <v>0</v>
      </c>
      <c r="CH34" s="71">
        <v>0</v>
      </c>
      <c r="CI34" s="71">
        <v>0</v>
      </c>
      <c r="CJ34" s="71">
        <v>0</v>
      </c>
      <c r="CK34" s="72">
        <v>0</v>
      </c>
      <c r="CL34" s="73">
        <v>0</v>
      </c>
      <c r="CM34" s="70">
        <v>3</v>
      </c>
      <c r="CN34" s="71">
        <v>5</v>
      </c>
      <c r="CO34" s="72">
        <v>8</v>
      </c>
      <c r="CP34" s="244"/>
      <c r="CQ34" s="71">
        <v>7</v>
      </c>
      <c r="CR34" s="71">
        <v>6</v>
      </c>
      <c r="CS34" s="71">
        <v>3</v>
      </c>
      <c r="CT34" s="71">
        <v>2</v>
      </c>
      <c r="CU34" s="71">
        <v>5</v>
      </c>
      <c r="CV34" s="72">
        <v>23</v>
      </c>
      <c r="CW34" s="73">
        <v>31</v>
      </c>
      <c r="CX34" s="123">
        <v>1</v>
      </c>
      <c r="CY34" s="82">
        <v>0</v>
      </c>
      <c r="CZ34" s="83">
        <v>1</v>
      </c>
      <c r="DA34" s="241"/>
      <c r="DB34" s="82">
        <v>2</v>
      </c>
      <c r="DC34" s="82">
        <v>0</v>
      </c>
      <c r="DD34" s="82">
        <v>3</v>
      </c>
      <c r="DE34" s="82">
        <v>1</v>
      </c>
      <c r="DF34" s="82">
        <v>1</v>
      </c>
      <c r="DG34" s="84">
        <v>7</v>
      </c>
      <c r="DH34" s="85">
        <v>8</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0</v>
      </c>
      <c r="EJ34" s="71">
        <v>0</v>
      </c>
      <c r="EK34" s="71">
        <v>2</v>
      </c>
      <c r="EL34" s="71">
        <v>0</v>
      </c>
      <c r="EM34" s="71">
        <v>0</v>
      </c>
      <c r="EN34" s="72">
        <v>2</v>
      </c>
      <c r="EO34" s="73">
        <v>2</v>
      </c>
      <c r="EP34" s="70">
        <v>1</v>
      </c>
      <c r="EQ34" s="71">
        <v>0</v>
      </c>
      <c r="ER34" s="72">
        <v>1</v>
      </c>
      <c r="ES34" s="244"/>
      <c r="ET34" s="71">
        <v>2</v>
      </c>
      <c r="EU34" s="71">
        <v>0</v>
      </c>
      <c r="EV34" s="71">
        <v>0</v>
      </c>
      <c r="EW34" s="71">
        <v>0</v>
      </c>
      <c r="EX34" s="71">
        <v>0</v>
      </c>
      <c r="EY34" s="72">
        <v>2</v>
      </c>
      <c r="EZ34" s="73">
        <v>3</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1</v>
      </c>
      <c r="FT34" s="71">
        <v>1</v>
      </c>
      <c r="FU34" s="72">
        <v>3</v>
      </c>
      <c r="FV34" s="73">
        <v>3</v>
      </c>
      <c r="FW34" s="70">
        <v>0</v>
      </c>
      <c r="FX34" s="71">
        <v>0</v>
      </c>
      <c r="FY34" s="72">
        <v>0</v>
      </c>
      <c r="FZ34" s="244"/>
      <c r="GA34" s="71">
        <v>0</v>
      </c>
      <c r="GB34" s="71">
        <v>0</v>
      </c>
      <c r="GC34" s="71">
        <v>0</v>
      </c>
      <c r="GD34" s="71">
        <v>0</v>
      </c>
      <c r="GE34" s="71">
        <v>0</v>
      </c>
      <c r="GF34" s="72">
        <v>0</v>
      </c>
      <c r="GG34" s="73">
        <v>0</v>
      </c>
      <c r="GH34" s="70">
        <v>1</v>
      </c>
      <c r="GI34" s="71">
        <v>0</v>
      </c>
      <c r="GJ34" s="72">
        <v>1</v>
      </c>
      <c r="GK34" s="244"/>
      <c r="GL34" s="71">
        <v>2</v>
      </c>
      <c r="GM34" s="71">
        <v>0</v>
      </c>
      <c r="GN34" s="71">
        <v>3</v>
      </c>
      <c r="GO34" s="71">
        <v>1</v>
      </c>
      <c r="GP34" s="71">
        <v>1</v>
      </c>
      <c r="GQ34" s="72">
        <v>7</v>
      </c>
      <c r="GR34" s="73">
        <v>8</v>
      </c>
      <c r="GS34" s="123">
        <v>4</v>
      </c>
      <c r="GT34" s="82">
        <v>5</v>
      </c>
      <c r="GU34" s="83">
        <v>9</v>
      </c>
      <c r="GV34" s="241"/>
      <c r="GW34" s="82">
        <v>9</v>
      </c>
      <c r="GX34" s="82">
        <v>6</v>
      </c>
      <c r="GY34" s="82">
        <v>6</v>
      </c>
      <c r="GZ34" s="82">
        <v>3</v>
      </c>
      <c r="HA34" s="82">
        <v>6</v>
      </c>
      <c r="HB34" s="84">
        <v>30</v>
      </c>
      <c r="HC34" s="85">
        <v>39</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0</v>
      </c>
      <c r="HU34" s="71">
        <v>2</v>
      </c>
      <c r="HV34" s="71">
        <v>0</v>
      </c>
      <c r="HW34" s="71">
        <v>1</v>
      </c>
      <c r="HX34" s="72">
        <v>3</v>
      </c>
      <c r="HY34" s="73">
        <v>4</v>
      </c>
      <c r="HZ34" s="70">
        <v>0</v>
      </c>
      <c r="IA34" s="71">
        <v>0</v>
      </c>
      <c r="IB34" s="72">
        <v>0</v>
      </c>
      <c r="IC34" s="244"/>
      <c r="ID34" s="71">
        <v>0</v>
      </c>
      <c r="IE34" s="71">
        <v>0</v>
      </c>
      <c r="IF34" s="71">
        <v>2</v>
      </c>
      <c r="IG34" s="71">
        <v>1</v>
      </c>
      <c r="IH34" s="71">
        <v>0</v>
      </c>
      <c r="II34" s="72">
        <v>3</v>
      </c>
      <c r="IJ34" s="73">
        <v>3</v>
      </c>
      <c r="IK34" s="70">
        <v>2</v>
      </c>
      <c r="IL34" s="71">
        <v>2</v>
      </c>
      <c r="IM34" s="72">
        <v>4</v>
      </c>
      <c r="IN34" s="244"/>
      <c r="IO34" s="71">
        <v>3</v>
      </c>
      <c r="IP34" s="71">
        <v>0</v>
      </c>
      <c r="IQ34" s="71">
        <v>1</v>
      </c>
      <c r="IR34" s="71">
        <v>0</v>
      </c>
      <c r="IS34" s="71">
        <v>0</v>
      </c>
      <c r="IT34" s="72">
        <v>4</v>
      </c>
      <c r="IU34" s="73">
        <v>8</v>
      </c>
      <c r="IV34" s="70">
        <v>2</v>
      </c>
      <c r="IW34" s="71">
        <v>2</v>
      </c>
      <c r="IX34" s="72">
        <v>4</v>
      </c>
      <c r="IY34" s="244"/>
      <c r="IZ34" s="71">
        <v>1</v>
      </c>
      <c r="JA34" s="71">
        <v>3</v>
      </c>
      <c r="JB34" s="71">
        <v>0</v>
      </c>
      <c r="JC34" s="71">
        <v>0</v>
      </c>
      <c r="JD34" s="71">
        <v>1</v>
      </c>
      <c r="JE34" s="72">
        <v>5</v>
      </c>
      <c r="JF34" s="73">
        <v>9</v>
      </c>
      <c r="JG34" s="70">
        <v>0</v>
      </c>
      <c r="JH34" s="71">
        <v>0</v>
      </c>
      <c r="JI34" s="72">
        <v>0</v>
      </c>
      <c r="JJ34" s="244"/>
      <c r="JK34" s="71">
        <v>4</v>
      </c>
      <c r="JL34" s="71">
        <v>2</v>
      </c>
      <c r="JM34" s="71">
        <v>1</v>
      </c>
      <c r="JN34" s="71">
        <v>2</v>
      </c>
      <c r="JO34" s="71">
        <v>4</v>
      </c>
      <c r="JP34" s="72">
        <v>13</v>
      </c>
      <c r="JQ34" s="73">
        <v>13</v>
      </c>
      <c r="JR34" s="70">
        <v>0</v>
      </c>
      <c r="JS34" s="71">
        <v>0</v>
      </c>
      <c r="JT34" s="72">
        <v>0</v>
      </c>
      <c r="JU34" s="244"/>
      <c r="JV34" s="71">
        <v>0</v>
      </c>
      <c r="JW34" s="71">
        <v>0</v>
      </c>
      <c r="JX34" s="71">
        <v>0</v>
      </c>
      <c r="JY34" s="71">
        <v>0</v>
      </c>
      <c r="JZ34" s="71">
        <v>0</v>
      </c>
      <c r="KA34" s="72">
        <v>0</v>
      </c>
      <c r="KB34" s="73">
        <v>0</v>
      </c>
      <c r="KC34" s="70">
        <v>4</v>
      </c>
      <c r="KD34" s="71">
        <v>5</v>
      </c>
      <c r="KE34" s="72">
        <v>9</v>
      </c>
      <c r="KF34" s="244"/>
      <c r="KG34" s="71">
        <v>9</v>
      </c>
      <c r="KH34" s="71">
        <v>6</v>
      </c>
      <c r="KI34" s="71">
        <v>6</v>
      </c>
      <c r="KJ34" s="71">
        <v>3</v>
      </c>
      <c r="KK34" s="71">
        <v>6</v>
      </c>
      <c r="KL34" s="72">
        <v>30</v>
      </c>
      <c r="KM34" s="73">
        <v>39</v>
      </c>
    </row>
    <row r="35" spans="2:299" ht="21" customHeight="1" x14ac:dyDescent="0.2">
      <c r="B35" s="126" t="s">
        <v>32</v>
      </c>
      <c r="C35" s="315">
        <v>5</v>
      </c>
      <c r="D35" s="82">
        <v>1</v>
      </c>
      <c r="E35" s="83">
        <v>6</v>
      </c>
      <c r="F35" s="241"/>
      <c r="G35" s="82">
        <v>6</v>
      </c>
      <c r="H35" s="82">
        <v>5</v>
      </c>
      <c r="I35" s="82">
        <v>3</v>
      </c>
      <c r="J35" s="82">
        <v>4</v>
      </c>
      <c r="K35" s="82">
        <v>5</v>
      </c>
      <c r="L35" s="84">
        <v>23</v>
      </c>
      <c r="M35" s="85">
        <v>29</v>
      </c>
      <c r="N35" s="70">
        <v>1</v>
      </c>
      <c r="O35" s="71">
        <v>0</v>
      </c>
      <c r="P35" s="72">
        <v>1</v>
      </c>
      <c r="Q35" s="244"/>
      <c r="R35" s="71">
        <v>0</v>
      </c>
      <c r="S35" s="71">
        <v>0</v>
      </c>
      <c r="T35" s="71">
        <v>0</v>
      </c>
      <c r="U35" s="71">
        <v>0</v>
      </c>
      <c r="V35" s="71">
        <v>0</v>
      </c>
      <c r="W35" s="72">
        <v>0</v>
      </c>
      <c r="X35" s="73">
        <v>1</v>
      </c>
      <c r="Y35" s="70">
        <v>2</v>
      </c>
      <c r="Z35" s="71">
        <v>0</v>
      </c>
      <c r="AA35" s="72">
        <v>2</v>
      </c>
      <c r="AB35" s="244"/>
      <c r="AC35" s="71">
        <v>0</v>
      </c>
      <c r="AD35" s="71">
        <v>1</v>
      </c>
      <c r="AE35" s="71">
        <v>0</v>
      </c>
      <c r="AF35" s="71">
        <v>1</v>
      </c>
      <c r="AG35" s="71">
        <v>0</v>
      </c>
      <c r="AH35" s="72">
        <v>2</v>
      </c>
      <c r="AI35" s="73">
        <v>4</v>
      </c>
      <c r="AJ35" s="70">
        <v>1</v>
      </c>
      <c r="AK35" s="71">
        <v>0</v>
      </c>
      <c r="AL35" s="72">
        <v>1</v>
      </c>
      <c r="AM35" s="244"/>
      <c r="AN35" s="71">
        <v>0</v>
      </c>
      <c r="AO35" s="71">
        <v>1</v>
      </c>
      <c r="AP35" s="71">
        <v>0</v>
      </c>
      <c r="AQ35" s="71">
        <v>0</v>
      </c>
      <c r="AR35" s="71">
        <v>2</v>
      </c>
      <c r="AS35" s="72">
        <v>3</v>
      </c>
      <c r="AT35" s="73">
        <v>4</v>
      </c>
      <c r="AU35" s="70">
        <v>0</v>
      </c>
      <c r="AV35" s="71">
        <v>1</v>
      </c>
      <c r="AW35" s="72">
        <v>1</v>
      </c>
      <c r="AX35" s="244"/>
      <c r="AY35" s="71">
        <v>3</v>
      </c>
      <c r="AZ35" s="71">
        <v>0</v>
      </c>
      <c r="BA35" s="71">
        <v>0</v>
      </c>
      <c r="BB35" s="71">
        <v>1</v>
      </c>
      <c r="BC35" s="71">
        <v>0</v>
      </c>
      <c r="BD35" s="72">
        <v>4</v>
      </c>
      <c r="BE35" s="73">
        <v>5</v>
      </c>
      <c r="BF35" s="70">
        <v>1</v>
      </c>
      <c r="BG35" s="71">
        <v>0</v>
      </c>
      <c r="BH35" s="72">
        <v>1</v>
      </c>
      <c r="BI35" s="244"/>
      <c r="BJ35" s="71">
        <v>2</v>
      </c>
      <c r="BK35" s="71">
        <v>1</v>
      </c>
      <c r="BL35" s="71">
        <v>2</v>
      </c>
      <c r="BM35" s="71">
        <v>1</v>
      </c>
      <c r="BN35" s="71">
        <v>2</v>
      </c>
      <c r="BO35" s="72">
        <v>8</v>
      </c>
      <c r="BP35" s="73">
        <v>9</v>
      </c>
      <c r="BQ35" s="70">
        <v>0</v>
      </c>
      <c r="BR35" s="71">
        <v>0</v>
      </c>
      <c r="BS35" s="72">
        <v>0</v>
      </c>
      <c r="BT35" s="244"/>
      <c r="BU35" s="71">
        <v>1</v>
      </c>
      <c r="BV35" s="71">
        <v>2</v>
      </c>
      <c r="BW35" s="71">
        <v>1</v>
      </c>
      <c r="BX35" s="71">
        <v>1</v>
      </c>
      <c r="BY35" s="71">
        <v>1</v>
      </c>
      <c r="BZ35" s="72">
        <v>6</v>
      </c>
      <c r="CA35" s="73">
        <v>6</v>
      </c>
      <c r="CB35" s="70">
        <v>0</v>
      </c>
      <c r="CC35" s="71">
        <v>0</v>
      </c>
      <c r="CD35" s="72">
        <v>0</v>
      </c>
      <c r="CE35" s="244"/>
      <c r="CF35" s="71">
        <v>0</v>
      </c>
      <c r="CG35" s="71">
        <v>0</v>
      </c>
      <c r="CH35" s="71">
        <v>0</v>
      </c>
      <c r="CI35" s="71">
        <v>0</v>
      </c>
      <c r="CJ35" s="71">
        <v>0</v>
      </c>
      <c r="CK35" s="72">
        <v>0</v>
      </c>
      <c r="CL35" s="73">
        <v>0</v>
      </c>
      <c r="CM35" s="70">
        <v>5</v>
      </c>
      <c r="CN35" s="71">
        <v>1</v>
      </c>
      <c r="CO35" s="72">
        <v>6</v>
      </c>
      <c r="CP35" s="244"/>
      <c r="CQ35" s="71">
        <v>6</v>
      </c>
      <c r="CR35" s="71">
        <v>5</v>
      </c>
      <c r="CS35" s="71">
        <v>3</v>
      </c>
      <c r="CT35" s="71">
        <v>4</v>
      </c>
      <c r="CU35" s="71">
        <v>5</v>
      </c>
      <c r="CV35" s="72">
        <v>23</v>
      </c>
      <c r="CW35" s="73">
        <v>29</v>
      </c>
      <c r="CX35" s="123">
        <v>0</v>
      </c>
      <c r="CY35" s="82">
        <v>1</v>
      </c>
      <c r="CZ35" s="83">
        <v>1</v>
      </c>
      <c r="DA35" s="241"/>
      <c r="DB35" s="82">
        <v>2</v>
      </c>
      <c r="DC35" s="82">
        <v>3</v>
      </c>
      <c r="DD35" s="82">
        <v>2</v>
      </c>
      <c r="DE35" s="82">
        <v>2</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0</v>
      </c>
      <c r="EU35" s="71">
        <v>0</v>
      </c>
      <c r="EV35" s="71">
        <v>0</v>
      </c>
      <c r="EW35" s="71">
        <v>0</v>
      </c>
      <c r="EX35" s="71">
        <v>0</v>
      </c>
      <c r="EY35" s="72">
        <v>0</v>
      </c>
      <c r="EZ35" s="73">
        <v>0</v>
      </c>
      <c r="FA35" s="70">
        <v>0</v>
      </c>
      <c r="FB35" s="71">
        <v>0</v>
      </c>
      <c r="FC35" s="72">
        <v>0</v>
      </c>
      <c r="FD35" s="244"/>
      <c r="FE35" s="71">
        <v>1</v>
      </c>
      <c r="FF35" s="71">
        <v>1</v>
      </c>
      <c r="FG35" s="71">
        <v>1</v>
      </c>
      <c r="FH35" s="71">
        <v>0</v>
      </c>
      <c r="FI35" s="71">
        <v>0</v>
      </c>
      <c r="FJ35" s="72">
        <v>3</v>
      </c>
      <c r="FK35" s="73">
        <v>3</v>
      </c>
      <c r="FL35" s="70">
        <v>0</v>
      </c>
      <c r="FM35" s="71">
        <v>0</v>
      </c>
      <c r="FN35" s="72">
        <v>0</v>
      </c>
      <c r="FO35" s="244"/>
      <c r="FP35" s="71">
        <v>1</v>
      </c>
      <c r="FQ35" s="71">
        <v>2</v>
      </c>
      <c r="FR35" s="71">
        <v>1</v>
      </c>
      <c r="FS35" s="71">
        <v>2</v>
      </c>
      <c r="FT35" s="71">
        <v>0</v>
      </c>
      <c r="FU35" s="72">
        <v>6</v>
      </c>
      <c r="FV35" s="73">
        <v>6</v>
      </c>
      <c r="FW35" s="70">
        <v>0</v>
      </c>
      <c r="FX35" s="71">
        <v>0</v>
      </c>
      <c r="FY35" s="72">
        <v>0</v>
      </c>
      <c r="FZ35" s="244"/>
      <c r="GA35" s="71">
        <v>0</v>
      </c>
      <c r="GB35" s="71">
        <v>0</v>
      </c>
      <c r="GC35" s="71">
        <v>0</v>
      </c>
      <c r="GD35" s="71">
        <v>0</v>
      </c>
      <c r="GE35" s="71">
        <v>0</v>
      </c>
      <c r="GF35" s="72">
        <v>0</v>
      </c>
      <c r="GG35" s="73">
        <v>0</v>
      </c>
      <c r="GH35" s="70">
        <v>0</v>
      </c>
      <c r="GI35" s="71">
        <v>1</v>
      </c>
      <c r="GJ35" s="72">
        <v>1</v>
      </c>
      <c r="GK35" s="244"/>
      <c r="GL35" s="71">
        <v>2</v>
      </c>
      <c r="GM35" s="71">
        <v>3</v>
      </c>
      <c r="GN35" s="71">
        <v>2</v>
      </c>
      <c r="GO35" s="71">
        <v>2</v>
      </c>
      <c r="GP35" s="71">
        <v>0</v>
      </c>
      <c r="GQ35" s="72">
        <v>9</v>
      </c>
      <c r="GR35" s="73">
        <v>10</v>
      </c>
      <c r="GS35" s="123">
        <v>5</v>
      </c>
      <c r="GT35" s="82">
        <v>2</v>
      </c>
      <c r="GU35" s="83">
        <v>7</v>
      </c>
      <c r="GV35" s="241"/>
      <c r="GW35" s="82">
        <v>8</v>
      </c>
      <c r="GX35" s="82">
        <v>8</v>
      </c>
      <c r="GY35" s="82">
        <v>5</v>
      </c>
      <c r="GZ35" s="82">
        <v>6</v>
      </c>
      <c r="HA35" s="82">
        <v>5</v>
      </c>
      <c r="HB35" s="84">
        <v>32</v>
      </c>
      <c r="HC35" s="85">
        <v>39</v>
      </c>
      <c r="HD35" s="70">
        <v>1</v>
      </c>
      <c r="HE35" s="71">
        <v>0</v>
      </c>
      <c r="HF35" s="72">
        <v>1</v>
      </c>
      <c r="HG35" s="244"/>
      <c r="HH35" s="71">
        <v>0</v>
      </c>
      <c r="HI35" s="71">
        <v>0</v>
      </c>
      <c r="HJ35" s="71">
        <v>0</v>
      </c>
      <c r="HK35" s="71">
        <v>0</v>
      </c>
      <c r="HL35" s="71">
        <v>0</v>
      </c>
      <c r="HM35" s="72">
        <v>0</v>
      </c>
      <c r="HN35" s="73">
        <v>1</v>
      </c>
      <c r="HO35" s="70">
        <v>2</v>
      </c>
      <c r="HP35" s="71">
        <v>0</v>
      </c>
      <c r="HQ35" s="72">
        <v>2</v>
      </c>
      <c r="HR35" s="244"/>
      <c r="HS35" s="71">
        <v>0</v>
      </c>
      <c r="HT35" s="71">
        <v>1</v>
      </c>
      <c r="HU35" s="71">
        <v>0</v>
      </c>
      <c r="HV35" s="71">
        <v>1</v>
      </c>
      <c r="HW35" s="71">
        <v>0</v>
      </c>
      <c r="HX35" s="72">
        <v>2</v>
      </c>
      <c r="HY35" s="73">
        <v>4</v>
      </c>
      <c r="HZ35" s="70">
        <v>1</v>
      </c>
      <c r="IA35" s="71">
        <v>1</v>
      </c>
      <c r="IB35" s="72">
        <v>2</v>
      </c>
      <c r="IC35" s="244"/>
      <c r="ID35" s="71">
        <v>0</v>
      </c>
      <c r="IE35" s="71">
        <v>1</v>
      </c>
      <c r="IF35" s="71">
        <v>0</v>
      </c>
      <c r="IG35" s="71">
        <v>0</v>
      </c>
      <c r="IH35" s="71">
        <v>2</v>
      </c>
      <c r="II35" s="72">
        <v>3</v>
      </c>
      <c r="IJ35" s="73">
        <v>5</v>
      </c>
      <c r="IK35" s="70">
        <v>0</v>
      </c>
      <c r="IL35" s="71">
        <v>1</v>
      </c>
      <c r="IM35" s="72">
        <v>1</v>
      </c>
      <c r="IN35" s="244"/>
      <c r="IO35" s="71">
        <v>3</v>
      </c>
      <c r="IP35" s="71">
        <v>0</v>
      </c>
      <c r="IQ35" s="71">
        <v>0</v>
      </c>
      <c r="IR35" s="71">
        <v>1</v>
      </c>
      <c r="IS35" s="71">
        <v>0</v>
      </c>
      <c r="IT35" s="72">
        <v>4</v>
      </c>
      <c r="IU35" s="73">
        <v>5</v>
      </c>
      <c r="IV35" s="70">
        <v>1</v>
      </c>
      <c r="IW35" s="71">
        <v>0</v>
      </c>
      <c r="IX35" s="72">
        <v>1</v>
      </c>
      <c r="IY35" s="244"/>
      <c r="IZ35" s="71">
        <v>3</v>
      </c>
      <c r="JA35" s="71">
        <v>2</v>
      </c>
      <c r="JB35" s="71">
        <v>3</v>
      </c>
      <c r="JC35" s="71">
        <v>1</v>
      </c>
      <c r="JD35" s="71">
        <v>2</v>
      </c>
      <c r="JE35" s="72">
        <v>11</v>
      </c>
      <c r="JF35" s="73">
        <v>12</v>
      </c>
      <c r="JG35" s="70">
        <v>0</v>
      </c>
      <c r="JH35" s="71">
        <v>0</v>
      </c>
      <c r="JI35" s="72">
        <v>0</v>
      </c>
      <c r="JJ35" s="244"/>
      <c r="JK35" s="71">
        <v>2</v>
      </c>
      <c r="JL35" s="71">
        <v>4</v>
      </c>
      <c r="JM35" s="71">
        <v>2</v>
      </c>
      <c r="JN35" s="71">
        <v>3</v>
      </c>
      <c r="JO35" s="71">
        <v>1</v>
      </c>
      <c r="JP35" s="72">
        <v>12</v>
      </c>
      <c r="JQ35" s="73">
        <v>12</v>
      </c>
      <c r="JR35" s="70">
        <v>0</v>
      </c>
      <c r="JS35" s="71">
        <v>0</v>
      </c>
      <c r="JT35" s="72">
        <v>0</v>
      </c>
      <c r="JU35" s="244"/>
      <c r="JV35" s="71">
        <v>0</v>
      </c>
      <c r="JW35" s="71">
        <v>0</v>
      </c>
      <c r="JX35" s="71">
        <v>0</v>
      </c>
      <c r="JY35" s="71">
        <v>0</v>
      </c>
      <c r="JZ35" s="71">
        <v>0</v>
      </c>
      <c r="KA35" s="72">
        <v>0</v>
      </c>
      <c r="KB35" s="73">
        <v>0</v>
      </c>
      <c r="KC35" s="70">
        <v>5</v>
      </c>
      <c r="KD35" s="71">
        <v>2</v>
      </c>
      <c r="KE35" s="72">
        <v>7</v>
      </c>
      <c r="KF35" s="244"/>
      <c r="KG35" s="71">
        <v>8</v>
      </c>
      <c r="KH35" s="71">
        <v>8</v>
      </c>
      <c r="KI35" s="71">
        <v>5</v>
      </c>
      <c r="KJ35" s="71">
        <v>6</v>
      </c>
      <c r="KK35" s="71">
        <v>5</v>
      </c>
      <c r="KL35" s="72">
        <v>32</v>
      </c>
      <c r="KM35" s="73">
        <v>39</v>
      </c>
    </row>
    <row r="36" spans="2:299" ht="21" customHeight="1" x14ac:dyDescent="0.2">
      <c r="B36" s="126" t="s">
        <v>33</v>
      </c>
      <c r="C36" s="315">
        <v>3</v>
      </c>
      <c r="D36" s="82">
        <v>1</v>
      </c>
      <c r="E36" s="83">
        <v>4</v>
      </c>
      <c r="F36" s="241"/>
      <c r="G36" s="82">
        <v>8</v>
      </c>
      <c r="H36" s="82">
        <v>1</v>
      </c>
      <c r="I36" s="82">
        <v>3</v>
      </c>
      <c r="J36" s="82">
        <v>3</v>
      </c>
      <c r="K36" s="82">
        <v>4</v>
      </c>
      <c r="L36" s="84">
        <v>19</v>
      </c>
      <c r="M36" s="85">
        <v>23</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1</v>
      </c>
      <c r="AF36" s="71">
        <v>0</v>
      </c>
      <c r="AG36" s="71">
        <v>1</v>
      </c>
      <c r="AH36" s="72">
        <v>3</v>
      </c>
      <c r="AI36" s="73">
        <v>3</v>
      </c>
      <c r="AJ36" s="70">
        <v>0</v>
      </c>
      <c r="AK36" s="71">
        <v>0</v>
      </c>
      <c r="AL36" s="72">
        <v>0</v>
      </c>
      <c r="AM36" s="244"/>
      <c r="AN36" s="71">
        <v>2</v>
      </c>
      <c r="AO36" s="71">
        <v>0</v>
      </c>
      <c r="AP36" s="71">
        <v>0</v>
      </c>
      <c r="AQ36" s="71">
        <v>0</v>
      </c>
      <c r="AR36" s="71">
        <v>2</v>
      </c>
      <c r="AS36" s="72">
        <v>4</v>
      </c>
      <c r="AT36" s="73">
        <v>4</v>
      </c>
      <c r="AU36" s="70">
        <v>0</v>
      </c>
      <c r="AV36" s="71">
        <v>0</v>
      </c>
      <c r="AW36" s="72">
        <v>0</v>
      </c>
      <c r="AX36" s="244"/>
      <c r="AY36" s="71">
        <v>0</v>
      </c>
      <c r="AZ36" s="71">
        <v>1</v>
      </c>
      <c r="BA36" s="71">
        <v>0</v>
      </c>
      <c r="BB36" s="71">
        <v>1</v>
      </c>
      <c r="BC36" s="71">
        <v>0</v>
      </c>
      <c r="BD36" s="72">
        <v>2</v>
      </c>
      <c r="BE36" s="73">
        <v>2</v>
      </c>
      <c r="BF36" s="70">
        <v>1</v>
      </c>
      <c r="BG36" s="71">
        <v>0</v>
      </c>
      <c r="BH36" s="72">
        <v>1</v>
      </c>
      <c r="BI36" s="244"/>
      <c r="BJ36" s="71">
        <v>1</v>
      </c>
      <c r="BK36" s="71">
        <v>0</v>
      </c>
      <c r="BL36" s="71">
        <v>1</v>
      </c>
      <c r="BM36" s="71">
        <v>0</v>
      </c>
      <c r="BN36" s="71">
        <v>1</v>
      </c>
      <c r="BO36" s="72">
        <v>3</v>
      </c>
      <c r="BP36" s="73">
        <v>4</v>
      </c>
      <c r="BQ36" s="70">
        <v>2</v>
      </c>
      <c r="BR36" s="71">
        <v>1</v>
      </c>
      <c r="BS36" s="72">
        <v>3</v>
      </c>
      <c r="BT36" s="244"/>
      <c r="BU36" s="71">
        <v>3</v>
      </c>
      <c r="BV36" s="71">
        <v>0</v>
      </c>
      <c r="BW36" s="71">
        <v>1</v>
      </c>
      <c r="BX36" s="71">
        <v>2</v>
      </c>
      <c r="BY36" s="71">
        <v>0</v>
      </c>
      <c r="BZ36" s="72">
        <v>6</v>
      </c>
      <c r="CA36" s="73">
        <v>9</v>
      </c>
      <c r="CB36" s="70">
        <v>0</v>
      </c>
      <c r="CC36" s="71">
        <v>0</v>
      </c>
      <c r="CD36" s="72">
        <v>0</v>
      </c>
      <c r="CE36" s="244"/>
      <c r="CF36" s="71">
        <v>0</v>
      </c>
      <c r="CG36" s="71">
        <v>0</v>
      </c>
      <c r="CH36" s="71">
        <v>0</v>
      </c>
      <c r="CI36" s="71">
        <v>0</v>
      </c>
      <c r="CJ36" s="71">
        <v>0</v>
      </c>
      <c r="CK36" s="72">
        <v>0</v>
      </c>
      <c r="CL36" s="73">
        <v>0</v>
      </c>
      <c r="CM36" s="70">
        <v>3</v>
      </c>
      <c r="CN36" s="71">
        <v>1</v>
      </c>
      <c r="CO36" s="72">
        <v>4</v>
      </c>
      <c r="CP36" s="244"/>
      <c r="CQ36" s="71">
        <v>8</v>
      </c>
      <c r="CR36" s="71">
        <v>1</v>
      </c>
      <c r="CS36" s="71">
        <v>3</v>
      </c>
      <c r="CT36" s="71">
        <v>3</v>
      </c>
      <c r="CU36" s="71">
        <v>4</v>
      </c>
      <c r="CV36" s="72">
        <v>19</v>
      </c>
      <c r="CW36" s="73">
        <v>23</v>
      </c>
      <c r="CX36" s="123">
        <v>4</v>
      </c>
      <c r="CY36" s="82">
        <v>4</v>
      </c>
      <c r="CZ36" s="83">
        <v>8</v>
      </c>
      <c r="DA36" s="241"/>
      <c r="DB36" s="82">
        <v>3</v>
      </c>
      <c r="DC36" s="82">
        <v>1</v>
      </c>
      <c r="DD36" s="82">
        <v>4</v>
      </c>
      <c r="DE36" s="82">
        <v>2</v>
      </c>
      <c r="DF36" s="82">
        <v>1</v>
      </c>
      <c r="DG36" s="84">
        <v>11</v>
      </c>
      <c r="DH36" s="85">
        <v>19</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0</v>
      </c>
      <c r="EA36" s="71">
        <v>0</v>
      </c>
      <c r="EB36" s="71">
        <v>0</v>
      </c>
      <c r="EC36" s="72">
        <v>0</v>
      </c>
      <c r="ED36" s="73">
        <v>0</v>
      </c>
      <c r="EE36" s="70">
        <v>0</v>
      </c>
      <c r="EF36" s="71">
        <v>1</v>
      </c>
      <c r="EG36" s="72">
        <v>1</v>
      </c>
      <c r="EH36" s="244"/>
      <c r="EI36" s="71">
        <v>0</v>
      </c>
      <c r="EJ36" s="71">
        <v>1</v>
      </c>
      <c r="EK36" s="71">
        <v>2</v>
      </c>
      <c r="EL36" s="71">
        <v>0</v>
      </c>
      <c r="EM36" s="71">
        <v>0</v>
      </c>
      <c r="EN36" s="72">
        <v>3</v>
      </c>
      <c r="EO36" s="73">
        <v>4</v>
      </c>
      <c r="EP36" s="70">
        <v>3</v>
      </c>
      <c r="EQ36" s="71">
        <v>0</v>
      </c>
      <c r="ER36" s="72">
        <v>3</v>
      </c>
      <c r="ES36" s="244"/>
      <c r="ET36" s="71">
        <v>0</v>
      </c>
      <c r="EU36" s="71">
        <v>0</v>
      </c>
      <c r="EV36" s="71">
        <v>0</v>
      </c>
      <c r="EW36" s="71">
        <v>0</v>
      </c>
      <c r="EX36" s="71">
        <v>0</v>
      </c>
      <c r="EY36" s="72">
        <v>0</v>
      </c>
      <c r="EZ36" s="73">
        <v>3</v>
      </c>
      <c r="FA36" s="70">
        <v>1</v>
      </c>
      <c r="FB36" s="71">
        <v>2</v>
      </c>
      <c r="FC36" s="72">
        <v>3</v>
      </c>
      <c r="FD36" s="244"/>
      <c r="FE36" s="71">
        <v>2</v>
      </c>
      <c r="FF36" s="71">
        <v>0</v>
      </c>
      <c r="FG36" s="71">
        <v>0</v>
      </c>
      <c r="FH36" s="71">
        <v>1</v>
      </c>
      <c r="FI36" s="71">
        <v>1</v>
      </c>
      <c r="FJ36" s="72">
        <v>4</v>
      </c>
      <c r="FK36" s="73">
        <v>7</v>
      </c>
      <c r="FL36" s="70">
        <v>0</v>
      </c>
      <c r="FM36" s="71">
        <v>1</v>
      </c>
      <c r="FN36" s="72">
        <v>1</v>
      </c>
      <c r="FO36" s="244"/>
      <c r="FP36" s="71">
        <v>1</v>
      </c>
      <c r="FQ36" s="71">
        <v>0</v>
      </c>
      <c r="FR36" s="71">
        <v>2</v>
      </c>
      <c r="FS36" s="71">
        <v>1</v>
      </c>
      <c r="FT36" s="71">
        <v>0</v>
      </c>
      <c r="FU36" s="72">
        <v>4</v>
      </c>
      <c r="FV36" s="73">
        <v>5</v>
      </c>
      <c r="FW36" s="70">
        <v>0</v>
      </c>
      <c r="FX36" s="71">
        <v>0</v>
      </c>
      <c r="FY36" s="72">
        <v>0</v>
      </c>
      <c r="FZ36" s="244"/>
      <c r="GA36" s="71">
        <v>0</v>
      </c>
      <c r="GB36" s="71">
        <v>0</v>
      </c>
      <c r="GC36" s="71">
        <v>0</v>
      </c>
      <c r="GD36" s="71">
        <v>0</v>
      </c>
      <c r="GE36" s="71">
        <v>0</v>
      </c>
      <c r="GF36" s="72">
        <v>0</v>
      </c>
      <c r="GG36" s="73">
        <v>0</v>
      </c>
      <c r="GH36" s="70">
        <v>4</v>
      </c>
      <c r="GI36" s="71">
        <v>4</v>
      </c>
      <c r="GJ36" s="72">
        <v>8</v>
      </c>
      <c r="GK36" s="244"/>
      <c r="GL36" s="71">
        <v>3</v>
      </c>
      <c r="GM36" s="71">
        <v>1</v>
      </c>
      <c r="GN36" s="71">
        <v>4</v>
      </c>
      <c r="GO36" s="71">
        <v>2</v>
      </c>
      <c r="GP36" s="71">
        <v>1</v>
      </c>
      <c r="GQ36" s="72">
        <v>11</v>
      </c>
      <c r="GR36" s="73">
        <v>19</v>
      </c>
      <c r="GS36" s="123">
        <v>7</v>
      </c>
      <c r="GT36" s="82">
        <v>5</v>
      </c>
      <c r="GU36" s="83">
        <v>12</v>
      </c>
      <c r="GV36" s="241"/>
      <c r="GW36" s="82">
        <v>11</v>
      </c>
      <c r="GX36" s="82">
        <v>2</v>
      </c>
      <c r="GY36" s="82">
        <v>7</v>
      </c>
      <c r="GZ36" s="82">
        <v>5</v>
      </c>
      <c r="HA36" s="82">
        <v>5</v>
      </c>
      <c r="HB36" s="84">
        <v>30</v>
      </c>
      <c r="HC36" s="85">
        <v>42</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0</v>
      </c>
      <c r="HU36" s="71">
        <v>1</v>
      </c>
      <c r="HV36" s="71">
        <v>0</v>
      </c>
      <c r="HW36" s="71">
        <v>1</v>
      </c>
      <c r="HX36" s="72">
        <v>3</v>
      </c>
      <c r="HY36" s="73">
        <v>3</v>
      </c>
      <c r="HZ36" s="70">
        <v>0</v>
      </c>
      <c r="IA36" s="71">
        <v>1</v>
      </c>
      <c r="IB36" s="72">
        <v>1</v>
      </c>
      <c r="IC36" s="244"/>
      <c r="ID36" s="71">
        <v>2</v>
      </c>
      <c r="IE36" s="71">
        <v>1</v>
      </c>
      <c r="IF36" s="71">
        <v>2</v>
      </c>
      <c r="IG36" s="71">
        <v>0</v>
      </c>
      <c r="IH36" s="71">
        <v>2</v>
      </c>
      <c r="II36" s="72">
        <v>7</v>
      </c>
      <c r="IJ36" s="73">
        <v>8</v>
      </c>
      <c r="IK36" s="70">
        <v>3</v>
      </c>
      <c r="IL36" s="71">
        <v>0</v>
      </c>
      <c r="IM36" s="72">
        <v>3</v>
      </c>
      <c r="IN36" s="244"/>
      <c r="IO36" s="71">
        <v>0</v>
      </c>
      <c r="IP36" s="71">
        <v>1</v>
      </c>
      <c r="IQ36" s="71">
        <v>0</v>
      </c>
      <c r="IR36" s="71">
        <v>1</v>
      </c>
      <c r="IS36" s="71">
        <v>0</v>
      </c>
      <c r="IT36" s="72">
        <v>2</v>
      </c>
      <c r="IU36" s="73">
        <v>5</v>
      </c>
      <c r="IV36" s="70">
        <v>2</v>
      </c>
      <c r="IW36" s="71">
        <v>2</v>
      </c>
      <c r="IX36" s="72">
        <v>4</v>
      </c>
      <c r="IY36" s="244"/>
      <c r="IZ36" s="71">
        <v>3</v>
      </c>
      <c r="JA36" s="71">
        <v>0</v>
      </c>
      <c r="JB36" s="71">
        <v>1</v>
      </c>
      <c r="JC36" s="71">
        <v>1</v>
      </c>
      <c r="JD36" s="71">
        <v>2</v>
      </c>
      <c r="JE36" s="72">
        <v>7</v>
      </c>
      <c r="JF36" s="73">
        <v>11</v>
      </c>
      <c r="JG36" s="70">
        <v>2</v>
      </c>
      <c r="JH36" s="71">
        <v>2</v>
      </c>
      <c r="JI36" s="72">
        <v>4</v>
      </c>
      <c r="JJ36" s="244"/>
      <c r="JK36" s="71">
        <v>4</v>
      </c>
      <c r="JL36" s="71">
        <v>0</v>
      </c>
      <c r="JM36" s="71">
        <v>3</v>
      </c>
      <c r="JN36" s="71">
        <v>3</v>
      </c>
      <c r="JO36" s="71">
        <v>0</v>
      </c>
      <c r="JP36" s="72">
        <v>10</v>
      </c>
      <c r="JQ36" s="73">
        <v>14</v>
      </c>
      <c r="JR36" s="70">
        <v>0</v>
      </c>
      <c r="JS36" s="71">
        <v>0</v>
      </c>
      <c r="JT36" s="72">
        <v>0</v>
      </c>
      <c r="JU36" s="244"/>
      <c r="JV36" s="71">
        <v>0</v>
      </c>
      <c r="JW36" s="71">
        <v>0</v>
      </c>
      <c r="JX36" s="71">
        <v>0</v>
      </c>
      <c r="JY36" s="71">
        <v>0</v>
      </c>
      <c r="JZ36" s="71">
        <v>0</v>
      </c>
      <c r="KA36" s="72">
        <v>0</v>
      </c>
      <c r="KB36" s="73">
        <v>0</v>
      </c>
      <c r="KC36" s="70">
        <v>7</v>
      </c>
      <c r="KD36" s="71">
        <v>5</v>
      </c>
      <c r="KE36" s="72">
        <v>12</v>
      </c>
      <c r="KF36" s="244"/>
      <c r="KG36" s="71">
        <v>11</v>
      </c>
      <c r="KH36" s="71">
        <v>2</v>
      </c>
      <c r="KI36" s="71">
        <v>7</v>
      </c>
      <c r="KJ36" s="71">
        <v>5</v>
      </c>
      <c r="KK36" s="71">
        <v>5</v>
      </c>
      <c r="KL36" s="72">
        <v>30</v>
      </c>
      <c r="KM36" s="73">
        <v>42</v>
      </c>
    </row>
    <row r="37" spans="2:299" ht="21" customHeight="1" x14ac:dyDescent="0.2">
      <c r="B37" s="126" t="s">
        <v>34</v>
      </c>
      <c r="C37" s="315">
        <v>1</v>
      </c>
      <c r="D37" s="82">
        <v>1</v>
      </c>
      <c r="E37" s="83">
        <v>2</v>
      </c>
      <c r="F37" s="241"/>
      <c r="G37" s="82">
        <v>1</v>
      </c>
      <c r="H37" s="82">
        <v>4</v>
      </c>
      <c r="I37" s="82">
        <v>2</v>
      </c>
      <c r="J37" s="82">
        <v>0</v>
      </c>
      <c r="K37" s="82">
        <v>1</v>
      </c>
      <c r="L37" s="84">
        <v>8</v>
      </c>
      <c r="M37" s="85">
        <v>1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1</v>
      </c>
      <c r="AP37" s="71">
        <v>0</v>
      </c>
      <c r="AQ37" s="71">
        <v>0</v>
      </c>
      <c r="AR37" s="71">
        <v>0</v>
      </c>
      <c r="AS37" s="72">
        <v>1</v>
      </c>
      <c r="AT37" s="73">
        <v>2</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0</v>
      </c>
      <c r="BL37" s="71">
        <v>1</v>
      </c>
      <c r="BM37" s="71">
        <v>0</v>
      </c>
      <c r="BN37" s="71">
        <v>0</v>
      </c>
      <c r="BO37" s="72">
        <v>1</v>
      </c>
      <c r="BP37" s="73">
        <v>1</v>
      </c>
      <c r="BQ37" s="70">
        <v>0</v>
      </c>
      <c r="BR37" s="71">
        <v>0</v>
      </c>
      <c r="BS37" s="72">
        <v>0</v>
      </c>
      <c r="BT37" s="244"/>
      <c r="BU37" s="71">
        <v>0</v>
      </c>
      <c r="BV37" s="71">
        <v>2</v>
      </c>
      <c r="BW37" s="71">
        <v>1</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1</v>
      </c>
      <c r="CR37" s="71">
        <v>4</v>
      </c>
      <c r="CS37" s="71">
        <v>2</v>
      </c>
      <c r="CT37" s="71">
        <v>0</v>
      </c>
      <c r="CU37" s="71">
        <v>1</v>
      </c>
      <c r="CV37" s="72">
        <v>8</v>
      </c>
      <c r="CW37" s="73">
        <v>10</v>
      </c>
      <c r="CX37" s="123">
        <v>1</v>
      </c>
      <c r="CY37" s="82">
        <v>0</v>
      </c>
      <c r="CZ37" s="83">
        <v>1</v>
      </c>
      <c r="DA37" s="241"/>
      <c r="DB37" s="82">
        <v>1</v>
      </c>
      <c r="DC37" s="82">
        <v>0</v>
      </c>
      <c r="DD37" s="82">
        <v>1</v>
      </c>
      <c r="DE37" s="82">
        <v>0</v>
      </c>
      <c r="DF37" s="82">
        <v>0</v>
      </c>
      <c r="DG37" s="84">
        <v>2</v>
      </c>
      <c r="DH37" s="85">
        <v>3</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1</v>
      </c>
      <c r="EQ37" s="71">
        <v>0</v>
      </c>
      <c r="ER37" s="72">
        <v>1</v>
      </c>
      <c r="ES37" s="244"/>
      <c r="ET37" s="71">
        <v>0</v>
      </c>
      <c r="EU37" s="71">
        <v>0</v>
      </c>
      <c r="EV37" s="71">
        <v>0</v>
      </c>
      <c r="EW37" s="71">
        <v>0</v>
      </c>
      <c r="EX37" s="71">
        <v>0</v>
      </c>
      <c r="EY37" s="72">
        <v>0</v>
      </c>
      <c r="EZ37" s="73">
        <v>1</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1</v>
      </c>
      <c r="GI37" s="71">
        <v>0</v>
      </c>
      <c r="GJ37" s="72">
        <v>1</v>
      </c>
      <c r="GK37" s="244"/>
      <c r="GL37" s="71">
        <v>1</v>
      </c>
      <c r="GM37" s="71">
        <v>0</v>
      </c>
      <c r="GN37" s="71">
        <v>1</v>
      </c>
      <c r="GO37" s="71">
        <v>0</v>
      </c>
      <c r="GP37" s="71">
        <v>0</v>
      </c>
      <c r="GQ37" s="72">
        <v>2</v>
      </c>
      <c r="GR37" s="73">
        <v>3</v>
      </c>
      <c r="GS37" s="123">
        <v>2</v>
      </c>
      <c r="GT37" s="82">
        <v>1</v>
      </c>
      <c r="GU37" s="83">
        <v>3</v>
      </c>
      <c r="GV37" s="241"/>
      <c r="GW37" s="82">
        <v>2</v>
      </c>
      <c r="GX37" s="82">
        <v>4</v>
      </c>
      <c r="GY37" s="82">
        <v>3</v>
      </c>
      <c r="GZ37" s="82">
        <v>0</v>
      </c>
      <c r="HA37" s="82">
        <v>1</v>
      </c>
      <c r="HB37" s="84">
        <v>10</v>
      </c>
      <c r="HC37" s="85">
        <v>13</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1</v>
      </c>
      <c r="IF37" s="71">
        <v>1</v>
      </c>
      <c r="IG37" s="71">
        <v>0</v>
      </c>
      <c r="IH37" s="71">
        <v>0</v>
      </c>
      <c r="II37" s="72">
        <v>2</v>
      </c>
      <c r="IJ37" s="73">
        <v>3</v>
      </c>
      <c r="IK37" s="70">
        <v>2</v>
      </c>
      <c r="IL37" s="71">
        <v>0</v>
      </c>
      <c r="IM37" s="72">
        <v>2</v>
      </c>
      <c r="IN37" s="244"/>
      <c r="IO37" s="71">
        <v>1</v>
      </c>
      <c r="IP37" s="71">
        <v>0</v>
      </c>
      <c r="IQ37" s="71">
        <v>0</v>
      </c>
      <c r="IR37" s="71">
        <v>0</v>
      </c>
      <c r="IS37" s="71">
        <v>0</v>
      </c>
      <c r="IT37" s="72">
        <v>1</v>
      </c>
      <c r="IU37" s="73">
        <v>3</v>
      </c>
      <c r="IV37" s="70">
        <v>0</v>
      </c>
      <c r="IW37" s="71">
        <v>0</v>
      </c>
      <c r="IX37" s="72">
        <v>0</v>
      </c>
      <c r="IY37" s="244"/>
      <c r="IZ37" s="71">
        <v>1</v>
      </c>
      <c r="JA37" s="71">
        <v>0</v>
      </c>
      <c r="JB37" s="71">
        <v>1</v>
      </c>
      <c r="JC37" s="71">
        <v>0</v>
      </c>
      <c r="JD37" s="71">
        <v>0</v>
      </c>
      <c r="JE37" s="72">
        <v>2</v>
      </c>
      <c r="JF37" s="73">
        <v>2</v>
      </c>
      <c r="JG37" s="70">
        <v>0</v>
      </c>
      <c r="JH37" s="71">
        <v>0</v>
      </c>
      <c r="JI37" s="72">
        <v>0</v>
      </c>
      <c r="JJ37" s="244"/>
      <c r="JK37" s="71">
        <v>0</v>
      </c>
      <c r="JL37" s="71">
        <v>2</v>
      </c>
      <c r="JM37" s="71">
        <v>1</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2</v>
      </c>
      <c r="KD37" s="71">
        <v>1</v>
      </c>
      <c r="KE37" s="72">
        <v>3</v>
      </c>
      <c r="KF37" s="244"/>
      <c r="KG37" s="71">
        <v>2</v>
      </c>
      <c r="KH37" s="71">
        <v>4</v>
      </c>
      <c r="KI37" s="71">
        <v>3</v>
      </c>
      <c r="KJ37" s="71">
        <v>0</v>
      </c>
      <c r="KK37" s="71">
        <v>1</v>
      </c>
      <c r="KL37" s="72">
        <v>10</v>
      </c>
      <c r="KM37" s="73">
        <v>13</v>
      </c>
    </row>
    <row r="38" spans="2:299" ht="21" customHeight="1" x14ac:dyDescent="0.2">
      <c r="B38" s="126" t="s">
        <v>35</v>
      </c>
      <c r="C38" s="315">
        <v>4</v>
      </c>
      <c r="D38" s="82">
        <v>12</v>
      </c>
      <c r="E38" s="83">
        <v>16</v>
      </c>
      <c r="F38" s="241"/>
      <c r="G38" s="82">
        <v>18</v>
      </c>
      <c r="H38" s="82">
        <v>7</v>
      </c>
      <c r="I38" s="82">
        <v>6</v>
      </c>
      <c r="J38" s="82">
        <v>5</v>
      </c>
      <c r="K38" s="82">
        <v>0</v>
      </c>
      <c r="L38" s="84">
        <v>36</v>
      </c>
      <c r="M38" s="85">
        <v>52</v>
      </c>
      <c r="N38" s="70">
        <v>0</v>
      </c>
      <c r="O38" s="71">
        <v>0</v>
      </c>
      <c r="P38" s="72">
        <v>0</v>
      </c>
      <c r="Q38" s="244"/>
      <c r="R38" s="71">
        <v>0</v>
      </c>
      <c r="S38" s="71">
        <v>0</v>
      </c>
      <c r="T38" s="71">
        <v>0</v>
      </c>
      <c r="U38" s="71">
        <v>1</v>
      </c>
      <c r="V38" s="71">
        <v>0</v>
      </c>
      <c r="W38" s="72">
        <v>1</v>
      </c>
      <c r="X38" s="73">
        <v>1</v>
      </c>
      <c r="Y38" s="70">
        <v>0</v>
      </c>
      <c r="Z38" s="71">
        <v>0</v>
      </c>
      <c r="AA38" s="72">
        <v>0</v>
      </c>
      <c r="AB38" s="244"/>
      <c r="AC38" s="71">
        <v>0</v>
      </c>
      <c r="AD38" s="71">
        <v>1</v>
      </c>
      <c r="AE38" s="71">
        <v>0</v>
      </c>
      <c r="AF38" s="71">
        <v>0</v>
      </c>
      <c r="AG38" s="71">
        <v>0</v>
      </c>
      <c r="AH38" s="72">
        <v>1</v>
      </c>
      <c r="AI38" s="73">
        <v>1</v>
      </c>
      <c r="AJ38" s="70">
        <v>0</v>
      </c>
      <c r="AK38" s="71">
        <v>2</v>
      </c>
      <c r="AL38" s="72">
        <v>2</v>
      </c>
      <c r="AM38" s="244"/>
      <c r="AN38" s="71">
        <v>6</v>
      </c>
      <c r="AO38" s="71">
        <v>1</v>
      </c>
      <c r="AP38" s="71">
        <v>3</v>
      </c>
      <c r="AQ38" s="71">
        <v>2</v>
      </c>
      <c r="AR38" s="71">
        <v>0</v>
      </c>
      <c r="AS38" s="72">
        <v>12</v>
      </c>
      <c r="AT38" s="73">
        <v>14</v>
      </c>
      <c r="AU38" s="70">
        <v>1</v>
      </c>
      <c r="AV38" s="71">
        <v>2</v>
      </c>
      <c r="AW38" s="72">
        <v>3</v>
      </c>
      <c r="AX38" s="244"/>
      <c r="AY38" s="71">
        <v>5</v>
      </c>
      <c r="AZ38" s="71">
        <v>2</v>
      </c>
      <c r="BA38" s="71">
        <v>0</v>
      </c>
      <c r="BB38" s="71">
        <v>0</v>
      </c>
      <c r="BC38" s="71">
        <v>0</v>
      </c>
      <c r="BD38" s="72">
        <v>7</v>
      </c>
      <c r="BE38" s="73">
        <v>10</v>
      </c>
      <c r="BF38" s="70">
        <v>0</v>
      </c>
      <c r="BG38" s="71">
        <v>5</v>
      </c>
      <c r="BH38" s="72">
        <v>5</v>
      </c>
      <c r="BI38" s="244"/>
      <c r="BJ38" s="71">
        <v>4</v>
      </c>
      <c r="BK38" s="71">
        <v>1</v>
      </c>
      <c r="BL38" s="71">
        <v>2</v>
      </c>
      <c r="BM38" s="71">
        <v>1</v>
      </c>
      <c r="BN38" s="71">
        <v>0</v>
      </c>
      <c r="BO38" s="72">
        <v>8</v>
      </c>
      <c r="BP38" s="73">
        <v>13</v>
      </c>
      <c r="BQ38" s="70">
        <v>3</v>
      </c>
      <c r="BR38" s="71">
        <v>3</v>
      </c>
      <c r="BS38" s="72">
        <v>6</v>
      </c>
      <c r="BT38" s="244"/>
      <c r="BU38" s="71">
        <v>3</v>
      </c>
      <c r="BV38" s="71">
        <v>2</v>
      </c>
      <c r="BW38" s="71">
        <v>1</v>
      </c>
      <c r="BX38" s="71">
        <v>1</v>
      </c>
      <c r="BY38" s="71">
        <v>0</v>
      </c>
      <c r="BZ38" s="72">
        <v>7</v>
      </c>
      <c r="CA38" s="73">
        <v>13</v>
      </c>
      <c r="CB38" s="70">
        <v>0</v>
      </c>
      <c r="CC38" s="71">
        <v>0</v>
      </c>
      <c r="CD38" s="72">
        <v>0</v>
      </c>
      <c r="CE38" s="244"/>
      <c r="CF38" s="71">
        <v>0</v>
      </c>
      <c r="CG38" s="71">
        <v>0</v>
      </c>
      <c r="CH38" s="71">
        <v>0</v>
      </c>
      <c r="CI38" s="71">
        <v>0</v>
      </c>
      <c r="CJ38" s="71">
        <v>0</v>
      </c>
      <c r="CK38" s="72">
        <v>0</v>
      </c>
      <c r="CL38" s="73">
        <v>0</v>
      </c>
      <c r="CM38" s="70">
        <v>4</v>
      </c>
      <c r="CN38" s="71">
        <v>12</v>
      </c>
      <c r="CO38" s="72">
        <v>16</v>
      </c>
      <c r="CP38" s="244"/>
      <c r="CQ38" s="71">
        <v>18</v>
      </c>
      <c r="CR38" s="71">
        <v>7</v>
      </c>
      <c r="CS38" s="71">
        <v>6</v>
      </c>
      <c r="CT38" s="71">
        <v>5</v>
      </c>
      <c r="CU38" s="71">
        <v>0</v>
      </c>
      <c r="CV38" s="72">
        <v>36</v>
      </c>
      <c r="CW38" s="73">
        <v>52</v>
      </c>
      <c r="CX38" s="123">
        <v>2</v>
      </c>
      <c r="CY38" s="82">
        <v>2</v>
      </c>
      <c r="CZ38" s="83">
        <v>4</v>
      </c>
      <c r="DA38" s="241"/>
      <c r="DB38" s="82">
        <v>6</v>
      </c>
      <c r="DC38" s="82">
        <v>4</v>
      </c>
      <c r="DD38" s="82">
        <v>2</v>
      </c>
      <c r="DE38" s="82">
        <v>8</v>
      </c>
      <c r="DF38" s="82">
        <v>0</v>
      </c>
      <c r="DG38" s="84">
        <v>20</v>
      </c>
      <c r="DH38" s="85">
        <v>24</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0</v>
      </c>
      <c r="EJ38" s="71">
        <v>1</v>
      </c>
      <c r="EK38" s="71">
        <v>0</v>
      </c>
      <c r="EL38" s="71">
        <v>0</v>
      </c>
      <c r="EM38" s="71">
        <v>0</v>
      </c>
      <c r="EN38" s="72">
        <v>1</v>
      </c>
      <c r="EO38" s="73">
        <v>1</v>
      </c>
      <c r="EP38" s="70">
        <v>1</v>
      </c>
      <c r="EQ38" s="71">
        <v>0</v>
      </c>
      <c r="ER38" s="72">
        <v>1</v>
      </c>
      <c r="ES38" s="244"/>
      <c r="ET38" s="71">
        <v>3</v>
      </c>
      <c r="EU38" s="71">
        <v>1</v>
      </c>
      <c r="EV38" s="71">
        <v>0</v>
      </c>
      <c r="EW38" s="71">
        <v>2</v>
      </c>
      <c r="EX38" s="71">
        <v>0</v>
      </c>
      <c r="EY38" s="72">
        <v>6</v>
      </c>
      <c r="EZ38" s="73">
        <v>7</v>
      </c>
      <c r="FA38" s="70">
        <v>1</v>
      </c>
      <c r="FB38" s="71">
        <v>1</v>
      </c>
      <c r="FC38" s="72">
        <v>2</v>
      </c>
      <c r="FD38" s="244"/>
      <c r="FE38" s="71">
        <v>2</v>
      </c>
      <c r="FF38" s="71">
        <v>2</v>
      </c>
      <c r="FG38" s="71">
        <v>0</v>
      </c>
      <c r="FH38" s="71">
        <v>1</v>
      </c>
      <c r="FI38" s="71">
        <v>0</v>
      </c>
      <c r="FJ38" s="72">
        <v>5</v>
      </c>
      <c r="FK38" s="73">
        <v>7</v>
      </c>
      <c r="FL38" s="70">
        <v>0</v>
      </c>
      <c r="FM38" s="71">
        <v>1</v>
      </c>
      <c r="FN38" s="72">
        <v>1</v>
      </c>
      <c r="FO38" s="244"/>
      <c r="FP38" s="71">
        <v>1</v>
      </c>
      <c r="FQ38" s="71">
        <v>0</v>
      </c>
      <c r="FR38" s="71">
        <v>1</v>
      </c>
      <c r="FS38" s="71">
        <v>5</v>
      </c>
      <c r="FT38" s="71">
        <v>0</v>
      </c>
      <c r="FU38" s="72">
        <v>7</v>
      </c>
      <c r="FV38" s="73">
        <v>8</v>
      </c>
      <c r="FW38" s="70">
        <v>0</v>
      </c>
      <c r="FX38" s="71">
        <v>0</v>
      </c>
      <c r="FY38" s="72">
        <v>0</v>
      </c>
      <c r="FZ38" s="244"/>
      <c r="GA38" s="71">
        <v>0</v>
      </c>
      <c r="GB38" s="71">
        <v>0</v>
      </c>
      <c r="GC38" s="71">
        <v>0</v>
      </c>
      <c r="GD38" s="71">
        <v>0</v>
      </c>
      <c r="GE38" s="71">
        <v>0</v>
      </c>
      <c r="GF38" s="72">
        <v>0</v>
      </c>
      <c r="GG38" s="73">
        <v>0</v>
      </c>
      <c r="GH38" s="70">
        <v>2</v>
      </c>
      <c r="GI38" s="71">
        <v>2</v>
      </c>
      <c r="GJ38" s="72">
        <v>4</v>
      </c>
      <c r="GK38" s="244"/>
      <c r="GL38" s="71">
        <v>6</v>
      </c>
      <c r="GM38" s="71">
        <v>4</v>
      </c>
      <c r="GN38" s="71">
        <v>2</v>
      </c>
      <c r="GO38" s="71">
        <v>8</v>
      </c>
      <c r="GP38" s="71">
        <v>0</v>
      </c>
      <c r="GQ38" s="72">
        <v>20</v>
      </c>
      <c r="GR38" s="73">
        <v>24</v>
      </c>
      <c r="GS38" s="123">
        <v>6</v>
      </c>
      <c r="GT38" s="82">
        <v>14</v>
      </c>
      <c r="GU38" s="83">
        <v>20</v>
      </c>
      <c r="GV38" s="241"/>
      <c r="GW38" s="82">
        <v>24</v>
      </c>
      <c r="GX38" s="82">
        <v>11</v>
      </c>
      <c r="GY38" s="82">
        <v>8</v>
      </c>
      <c r="GZ38" s="82">
        <v>13</v>
      </c>
      <c r="HA38" s="82">
        <v>0</v>
      </c>
      <c r="HB38" s="84">
        <v>56</v>
      </c>
      <c r="HC38" s="85">
        <v>76</v>
      </c>
      <c r="HD38" s="70">
        <v>0</v>
      </c>
      <c r="HE38" s="71">
        <v>0</v>
      </c>
      <c r="HF38" s="72">
        <v>0</v>
      </c>
      <c r="HG38" s="244"/>
      <c r="HH38" s="71">
        <v>0</v>
      </c>
      <c r="HI38" s="71">
        <v>0</v>
      </c>
      <c r="HJ38" s="71">
        <v>0</v>
      </c>
      <c r="HK38" s="71">
        <v>1</v>
      </c>
      <c r="HL38" s="71">
        <v>0</v>
      </c>
      <c r="HM38" s="72">
        <v>1</v>
      </c>
      <c r="HN38" s="73">
        <v>1</v>
      </c>
      <c r="HO38" s="70">
        <v>0</v>
      </c>
      <c r="HP38" s="71">
        <v>0</v>
      </c>
      <c r="HQ38" s="72">
        <v>0</v>
      </c>
      <c r="HR38" s="244"/>
      <c r="HS38" s="71">
        <v>0</v>
      </c>
      <c r="HT38" s="71">
        <v>1</v>
      </c>
      <c r="HU38" s="71">
        <v>1</v>
      </c>
      <c r="HV38" s="71">
        <v>0</v>
      </c>
      <c r="HW38" s="71">
        <v>0</v>
      </c>
      <c r="HX38" s="72">
        <v>2</v>
      </c>
      <c r="HY38" s="73">
        <v>2</v>
      </c>
      <c r="HZ38" s="70">
        <v>0</v>
      </c>
      <c r="IA38" s="71">
        <v>2</v>
      </c>
      <c r="IB38" s="72">
        <v>2</v>
      </c>
      <c r="IC38" s="244"/>
      <c r="ID38" s="71">
        <v>6</v>
      </c>
      <c r="IE38" s="71">
        <v>2</v>
      </c>
      <c r="IF38" s="71">
        <v>3</v>
      </c>
      <c r="IG38" s="71">
        <v>2</v>
      </c>
      <c r="IH38" s="71">
        <v>0</v>
      </c>
      <c r="II38" s="72">
        <v>13</v>
      </c>
      <c r="IJ38" s="73">
        <v>15</v>
      </c>
      <c r="IK38" s="70">
        <v>2</v>
      </c>
      <c r="IL38" s="71">
        <v>2</v>
      </c>
      <c r="IM38" s="72">
        <v>4</v>
      </c>
      <c r="IN38" s="244"/>
      <c r="IO38" s="71">
        <v>8</v>
      </c>
      <c r="IP38" s="71">
        <v>3</v>
      </c>
      <c r="IQ38" s="71">
        <v>0</v>
      </c>
      <c r="IR38" s="71">
        <v>2</v>
      </c>
      <c r="IS38" s="71">
        <v>0</v>
      </c>
      <c r="IT38" s="72">
        <v>13</v>
      </c>
      <c r="IU38" s="73">
        <v>17</v>
      </c>
      <c r="IV38" s="70">
        <v>1</v>
      </c>
      <c r="IW38" s="71">
        <v>6</v>
      </c>
      <c r="IX38" s="72">
        <v>7</v>
      </c>
      <c r="IY38" s="244"/>
      <c r="IZ38" s="71">
        <v>6</v>
      </c>
      <c r="JA38" s="71">
        <v>3</v>
      </c>
      <c r="JB38" s="71">
        <v>2</v>
      </c>
      <c r="JC38" s="71">
        <v>2</v>
      </c>
      <c r="JD38" s="71">
        <v>0</v>
      </c>
      <c r="JE38" s="72">
        <v>13</v>
      </c>
      <c r="JF38" s="73">
        <v>20</v>
      </c>
      <c r="JG38" s="70">
        <v>3</v>
      </c>
      <c r="JH38" s="71">
        <v>4</v>
      </c>
      <c r="JI38" s="72">
        <v>7</v>
      </c>
      <c r="JJ38" s="244"/>
      <c r="JK38" s="71">
        <v>4</v>
      </c>
      <c r="JL38" s="71">
        <v>2</v>
      </c>
      <c r="JM38" s="71">
        <v>2</v>
      </c>
      <c r="JN38" s="71">
        <v>6</v>
      </c>
      <c r="JO38" s="71">
        <v>0</v>
      </c>
      <c r="JP38" s="72">
        <v>14</v>
      </c>
      <c r="JQ38" s="73">
        <v>21</v>
      </c>
      <c r="JR38" s="70">
        <v>0</v>
      </c>
      <c r="JS38" s="71">
        <v>0</v>
      </c>
      <c r="JT38" s="72">
        <v>0</v>
      </c>
      <c r="JU38" s="244"/>
      <c r="JV38" s="71">
        <v>0</v>
      </c>
      <c r="JW38" s="71">
        <v>0</v>
      </c>
      <c r="JX38" s="71">
        <v>0</v>
      </c>
      <c r="JY38" s="71">
        <v>0</v>
      </c>
      <c r="JZ38" s="71">
        <v>0</v>
      </c>
      <c r="KA38" s="72">
        <v>0</v>
      </c>
      <c r="KB38" s="73">
        <v>0</v>
      </c>
      <c r="KC38" s="70">
        <v>6</v>
      </c>
      <c r="KD38" s="71">
        <v>14</v>
      </c>
      <c r="KE38" s="72">
        <v>20</v>
      </c>
      <c r="KF38" s="244"/>
      <c r="KG38" s="71">
        <v>24</v>
      </c>
      <c r="KH38" s="71">
        <v>11</v>
      </c>
      <c r="KI38" s="71">
        <v>8</v>
      </c>
      <c r="KJ38" s="71">
        <v>13</v>
      </c>
      <c r="KK38" s="71">
        <v>0</v>
      </c>
      <c r="KL38" s="72">
        <v>56</v>
      </c>
      <c r="KM38" s="73">
        <v>76</v>
      </c>
    </row>
    <row r="39" spans="2:299" ht="21" customHeight="1" x14ac:dyDescent="0.2">
      <c r="B39" s="126" t="s">
        <v>36</v>
      </c>
      <c r="C39" s="315">
        <v>3</v>
      </c>
      <c r="D39" s="82">
        <v>6</v>
      </c>
      <c r="E39" s="83">
        <v>9</v>
      </c>
      <c r="F39" s="241"/>
      <c r="G39" s="82">
        <v>6</v>
      </c>
      <c r="H39" s="82">
        <v>6</v>
      </c>
      <c r="I39" s="82">
        <v>3</v>
      </c>
      <c r="J39" s="82">
        <v>6</v>
      </c>
      <c r="K39" s="82">
        <v>3</v>
      </c>
      <c r="L39" s="84">
        <v>24</v>
      </c>
      <c r="M39" s="85">
        <v>33</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2</v>
      </c>
      <c r="AE39" s="71">
        <v>0</v>
      </c>
      <c r="AF39" s="71">
        <v>0</v>
      </c>
      <c r="AG39" s="71">
        <v>0</v>
      </c>
      <c r="AH39" s="72">
        <v>2</v>
      </c>
      <c r="AI39" s="73">
        <v>2</v>
      </c>
      <c r="AJ39" s="70">
        <v>1</v>
      </c>
      <c r="AK39" s="71">
        <v>0</v>
      </c>
      <c r="AL39" s="72">
        <v>1</v>
      </c>
      <c r="AM39" s="244"/>
      <c r="AN39" s="71">
        <v>2</v>
      </c>
      <c r="AO39" s="71">
        <v>1</v>
      </c>
      <c r="AP39" s="71">
        <v>0</v>
      </c>
      <c r="AQ39" s="71">
        <v>0</v>
      </c>
      <c r="AR39" s="71">
        <v>2</v>
      </c>
      <c r="AS39" s="72">
        <v>5</v>
      </c>
      <c r="AT39" s="73">
        <v>6</v>
      </c>
      <c r="AU39" s="70">
        <v>0</v>
      </c>
      <c r="AV39" s="71">
        <v>3</v>
      </c>
      <c r="AW39" s="72">
        <v>3</v>
      </c>
      <c r="AX39" s="244"/>
      <c r="AY39" s="71">
        <v>3</v>
      </c>
      <c r="AZ39" s="71">
        <v>2</v>
      </c>
      <c r="BA39" s="71">
        <v>1</v>
      </c>
      <c r="BB39" s="71">
        <v>0</v>
      </c>
      <c r="BC39" s="71">
        <v>1</v>
      </c>
      <c r="BD39" s="72">
        <v>7</v>
      </c>
      <c r="BE39" s="73">
        <v>10</v>
      </c>
      <c r="BF39" s="70">
        <v>1</v>
      </c>
      <c r="BG39" s="71">
        <v>3</v>
      </c>
      <c r="BH39" s="72">
        <v>4</v>
      </c>
      <c r="BI39" s="244"/>
      <c r="BJ39" s="71">
        <v>0</v>
      </c>
      <c r="BK39" s="71">
        <v>0</v>
      </c>
      <c r="BL39" s="71">
        <v>0</v>
      </c>
      <c r="BM39" s="71">
        <v>3</v>
      </c>
      <c r="BN39" s="71">
        <v>0</v>
      </c>
      <c r="BO39" s="72">
        <v>3</v>
      </c>
      <c r="BP39" s="73">
        <v>7</v>
      </c>
      <c r="BQ39" s="70">
        <v>1</v>
      </c>
      <c r="BR39" s="71">
        <v>0</v>
      </c>
      <c r="BS39" s="72">
        <v>1</v>
      </c>
      <c r="BT39" s="244"/>
      <c r="BU39" s="71">
        <v>1</v>
      </c>
      <c r="BV39" s="71">
        <v>1</v>
      </c>
      <c r="BW39" s="71">
        <v>2</v>
      </c>
      <c r="BX39" s="71">
        <v>3</v>
      </c>
      <c r="BY39" s="71">
        <v>0</v>
      </c>
      <c r="BZ39" s="72">
        <v>7</v>
      </c>
      <c r="CA39" s="73">
        <v>8</v>
      </c>
      <c r="CB39" s="70">
        <v>0</v>
      </c>
      <c r="CC39" s="71">
        <v>0</v>
      </c>
      <c r="CD39" s="72">
        <v>0</v>
      </c>
      <c r="CE39" s="244"/>
      <c r="CF39" s="71">
        <v>0</v>
      </c>
      <c r="CG39" s="71">
        <v>0</v>
      </c>
      <c r="CH39" s="71">
        <v>0</v>
      </c>
      <c r="CI39" s="71">
        <v>0</v>
      </c>
      <c r="CJ39" s="71">
        <v>0</v>
      </c>
      <c r="CK39" s="72">
        <v>0</v>
      </c>
      <c r="CL39" s="73">
        <v>0</v>
      </c>
      <c r="CM39" s="70">
        <v>3</v>
      </c>
      <c r="CN39" s="71">
        <v>6</v>
      </c>
      <c r="CO39" s="72">
        <v>9</v>
      </c>
      <c r="CP39" s="244"/>
      <c r="CQ39" s="71">
        <v>6</v>
      </c>
      <c r="CR39" s="71">
        <v>6</v>
      </c>
      <c r="CS39" s="71">
        <v>3</v>
      </c>
      <c r="CT39" s="71">
        <v>6</v>
      </c>
      <c r="CU39" s="71">
        <v>3</v>
      </c>
      <c r="CV39" s="72">
        <v>24</v>
      </c>
      <c r="CW39" s="73">
        <v>33</v>
      </c>
      <c r="CX39" s="123">
        <v>3</v>
      </c>
      <c r="CY39" s="82">
        <v>4</v>
      </c>
      <c r="CZ39" s="83">
        <v>7</v>
      </c>
      <c r="DA39" s="241"/>
      <c r="DB39" s="82">
        <v>7</v>
      </c>
      <c r="DC39" s="82">
        <v>3</v>
      </c>
      <c r="DD39" s="82">
        <v>5</v>
      </c>
      <c r="DE39" s="82">
        <v>5</v>
      </c>
      <c r="DF39" s="82">
        <v>3</v>
      </c>
      <c r="DG39" s="84">
        <v>23</v>
      </c>
      <c r="DH39" s="85">
        <v>30</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1</v>
      </c>
      <c r="EQ39" s="71">
        <v>1</v>
      </c>
      <c r="ER39" s="72">
        <v>2</v>
      </c>
      <c r="ES39" s="244"/>
      <c r="ET39" s="71">
        <v>1</v>
      </c>
      <c r="EU39" s="71">
        <v>0</v>
      </c>
      <c r="EV39" s="71">
        <v>1</v>
      </c>
      <c r="EW39" s="71">
        <v>0</v>
      </c>
      <c r="EX39" s="71">
        <v>0</v>
      </c>
      <c r="EY39" s="72">
        <v>2</v>
      </c>
      <c r="EZ39" s="73">
        <v>4</v>
      </c>
      <c r="FA39" s="70">
        <v>1</v>
      </c>
      <c r="FB39" s="71">
        <v>1</v>
      </c>
      <c r="FC39" s="72">
        <v>2</v>
      </c>
      <c r="FD39" s="244"/>
      <c r="FE39" s="71">
        <v>2</v>
      </c>
      <c r="FF39" s="71">
        <v>2</v>
      </c>
      <c r="FG39" s="71">
        <v>1</v>
      </c>
      <c r="FH39" s="71">
        <v>4</v>
      </c>
      <c r="FI39" s="71">
        <v>1</v>
      </c>
      <c r="FJ39" s="72">
        <v>10</v>
      </c>
      <c r="FK39" s="73">
        <v>12</v>
      </c>
      <c r="FL39" s="70">
        <v>1</v>
      </c>
      <c r="FM39" s="71">
        <v>0</v>
      </c>
      <c r="FN39" s="72">
        <v>1</v>
      </c>
      <c r="FO39" s="244"/>
      <c r="FP39" s="71">
        <v>3</v>
      </c>
      <c r="FQ39" s="71">
        <v>1</v>
      </c>
      <c r="FR39" s="71">
        <v>3</v>
      </c>
      <c r="FS39" s="71">
        <v>1</v>
      </c>
      <c r="FT39" s="71">
        <v>2</v>
      </c>
      <c r="FU39" s="72">
        <v>10</v>
      </c>
      <c r="FV39" s="73">
        <v>11</v>
      </c>
      <c r="FW39" s="70">
        <v>0</v>
      </c>
      <c r="FX39" s="71">
        <v>0</v>
      </c>
      <c r="FY39" s="72">
        <v>0</v>
      </c>
      <c r="FZ39" s="244"/>
      <c r="GA39" s="71">
        <v>0</v>
      </c>
      <c r="GB39" s="71">
        <v>0</v>
      </c>
      <c r="GC39" s="71">
        <v>0</v>
      </c>
      <c r="GD39" s="71">
        <v>0</v>
      </c>
      <c r="GE39" s="71">
        <v>0</v>
      </c>
      <c r="GF39" s="72">
        <v>0</v>
      </c>
      <c r="GG39" s="73">
        <v>0</v>
      </c>
      <c r="GH39" s="70">
        <v>3</v>
      </c>
      <c r="GI39" s="71">
        <v>4</v>
      </c>
      <c r="GJ39" s="72">
        <v>7</v>
      </c>
      <c r="GK39" s="244"/>
      <c r="GL39" s="71">
        <v>7</v>
      </c>
      <c r="GM39" s="71">
        <v>3</v>
      </c>
      <c r="GN39" s="71">
        <v>5</v>
      </c>
      <c r="GO39" s="71">
        <v>5</v>
      </c>
      <c r="GP39" s="71">
        <v>3</v>
      </c>
      <c r="GQ39" s="72">
        <v>23</v>
      </c>
      <c r="GR39" s="73">
        <v>30</v>
      </c>
      <c r="GS39" s="123">
        <v>6</v>
      </c>
      <c r="GT39" s="82">
        <v>10</v>
      </c>
      <c r="GU39" s="83">
        <v>16</v>
      </c>
      <c r="GV39" s="241"/>
      <c r="GW39" s="82">
        <v>13</v>
      </c>
      <c r="GX39" s="82">
        <v>9</v>
      </c>
      <c r="GY39" s="82">
        <v>8</v>
      </c>
      <c r="GZ39" s="82">
        <v>11</v>
      </c>
      <c r="HA39" s="82">
        <v>6</v>
      </c>
      <c r="HB39" s="84">
        <v>47</v>
      </c>
      <c r="HC39" s="85">
        <v>63</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2</v>
      </c>
      <c r="HU39" s="71">
        <v>0</v>
      </c>
      <c r="HV39" s="71">
        <v>0</v>
      </c>
      <c r="HW39" s="71">
        <v>0</v>
      </c>
      <c r="HX39" s="72">
        <v>2</v>
      </c>
      <c r="HY39" s="73">
        <v>2</v>
      </c>
      <c r="HZ39" s="70">
        <v>1</v>
      </c>
      <c r="IA39" s="71">
        <v>2</v>
      </c>
      <c r="IB39" s="72">
        <v>3</v>
      </c>
      <c r="IC39" s="244"/>
      <c r="ID39" s="71">
        <v>3</v>
      </c>
      <c r="IE39" s="71">
        <v>1</v>
      </c>
      <c r="IF39" s="71">
        <v>0</v>
      </c>
      <c r="IG39" s="71">
        <v>0</v>
      </c>
      <c r="IH39" s="71">
        <v>2</v>
      </c>
      <c r="II39" s="72">
        <v>6</v>
      </c>
      <c r="IJ39" s="73">
        <v>9</v>
      </c>
      <c r="IK39" s="70">
        <v>1</v>
      </c>
      <c r="IL39" s="71">
        <v>4</v>
      </c>
      <c r="IM39" s="72">
        <v>5</v>
      </c>
      <c r="IN39" s="244"/>
      <c r="IO39" s="71">
        <v>4</v>
      </c>
      <c r="IP39" s="71">
        <v>2</v>
      </c>
      <c r="IQ39" s="71">
        <v>2</v>
      </c>
      <c r="IR39" s="71">
        <v>0</v>
      </c>
      <c r="IS39" s="71">
        <v>1</v>
      </c>
      <c r="IT39" s="72">
        <v>9</v>
      </c>
      <c r="IU39" s="73">
        <v>14</v>
      </c>
      <c r="IV39" s="70">
        <v>2</v>
      </c>
      <c r="IW39" s="71">
        <v>4</v>
      </c>
      <c r="IX39" s="72">
        <v>6</v>
      </c>
      <c r="IY39" s="244"/>
      <c r="IZ39" s="71">
        <v>2</v>
      </c>
      <c r="JA39" s="71">
        <v>2</v>
      </c>
      <c r="JB39" s="71">
        <v>1</v>
      </c>
      <c r="JC39" s="71">
        <v>7</v>
      </c>
      <c r="JD39" s="71">
        <v>1</v>
      </c>
      <c r="JE39" s="72">
        <v>13</v>
      </c>
      <c r="JF39" s="73">
        <v>19</v>
      </c>
      <c r="JG39" s="70">
        <v>2</v>
      </c>
      <c r="JH39" s="71">
        <v>0</v>
      </c>
      <c r="JI39" s="72">
        <v>2</v>
      </c>
      <c r="JJ39" s="244"/>
      <c r="JK39" s="71">
        <v>4</v>
      </c>
      <c r="JL39" s="71">
        <v>2</v>
      </c>
      <c r="JM39" s="71">
        <v>5</v>
      </c>
      <c r="JN39" s="71">
        <v>4</v>
      </c>
      <c r="JO39" s="71">
        <v>2</v>
      </c>
      <c r="JP39" s="72">
        <v>17</v>
      </c>
      <c r="JQ39" s="73">
        <v>19</v>
      </c>
      <c r="JR39" s="70">
        <v>0</v>
      </c>
      <c r="JS39" s="71">
        <v>0</v>
      </c>
      <c r="JT39" s="72">
        <v>0</v>
      </c>
      <c r="JU39" s="244"/>
      <c r="JV39" s="71">
        <v>0</v>
      </c>
      <c r="JW39" s="71">
        <v>0</v>
      </c>
      <c r="JX39" s="71">
        <v>0</v>
      </c>
      <c r="JY39" s="71">
        <v>0</v>
      </c>
      <c r="JZ39" s="71">
        <v>0</v>
      </c>
      <c r="KA39" s="72">
        <v>0</v>
      </c>
      <c r="KB39" s="73">
        <v>0</v>
      </c>
      <c r="KC39" s="70">
        <v>6</v>
      </c>
      <c r="KD39" s="71">
        <v>10</v>
      </c>
      <c r="KE39" s="72">
        <v>16</v>
      </c>
      <c r="KF39" s="244"/>
      <c r="KG39" s="71">
        <v>13</v>
      </c>
      <c r="KH39" s="71">
        <v>9</v>
      </c>
      <c r="KI39" s="71">
        <v>8</v>
      </c>
      <c r="KJ39" s="71">
        <v>11</v>
      </c>
      <c r="KK39" s="71">
        <v>6</v>
      </c>
      <c r="KL39" s="72">
        <v>47</v>
      </c>
      <c r="KM39" s="73">
        <v>63</v>
      </c>
    </row>
    <row r="40" spans="2:299" ht="21" customHeight="1" thickBot="1" x14ac:dyDescent="0.25">
      <c r="B40" s="127" t="s">
        <v>37</v>
      </c>
      <c r="C40" s="316">
        <v>0</v>
      </c>
      <c r="D40" s="87">
        <v>1</v>
      </c>
      <c r="E40" s="88">
        <v>1</v>
      </c>
      <c r="F40" s="242"/>
      <c r="G40" s="87">
        <v>0</v>
      </c>
      <c r="H40" s="87">
        <v>0</v>
      </c>
      <c r="I40" s="87">
        <v>0</v>
      </c>
      <c r="J40" s="87">
        <v>1</v>
      </c>
      <c r="K40" s="87">
        <v>0</v>
      </c>
      <c r="L40" s="89">
        <v>1</v>
      </c>
      <c r="M40" s="90">
        <v>2</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0</v>
      </c>
      <c r="BD40" s="76">
        <v>1</v>
      </c>
      <c r="BE40" s="77">
        <v>1</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0</v>
      </c>
      <c r="CV40" s="76">
        <v>1</v>
      </c>
      <c r="CW40" s="77">
        <v>2</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1</v>
      </c>
      <c r="HB40" s="89">
        <v>2</v>
      </c>
      <c r="HC40" s="90">
        <v>3</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0</v>
      </c>
      <c r="IT40" s="76">
        <v>1</v>
      </c>
      <c r="IU40" s="77">
        <v>1</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1</v>
      </c>
      <c r="KL40" s="76">
        <v>2</v>
      </c>
      <c r="KM40" s="77">
        <v>3</v>
      </c>
    </row>
    <row r="41" spans="2:299" ht="32.25" customHeight="1" x14ac:dyDescent="0.2">
      <c r="C41" s="310" t="s">
        <v>126</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26">
        <f>第１表!F2</f>
        <v>5</v>
      </c>
      <c r="H1" s="526"/>
      <c r="I1" s="248">
        <f>第１表!G2</f>
        <v>3</v>
      </c>
      <c r="J1" s="530">
        <f>IF(I1&lt;3,I1+12-2,I1-2)</f>
        <v>1</v>
      </c>
      <c r="K1" s="530"/>
    </row>
    <row r="2" spans="2:35" ht="24" customHeight="1" thickBot="1" x14ac:dyDescent="0.25">
      <c r="B2" s="291"/>
      <c r="J2" s="24"/>
      <c r="K2" s="24"/>
      <c r="L2" s="24"/>
      <c r="M2" s="24"/>
      <c r="N2" s="24"/>
      <c r="O2" s="24"/>
      <c r="P2" s="25"/>
      <c r="Q2" s="25"/>
      <c r="R2" s="25"/>
    </row>
    <row r="3" spans="2:35" s="44" customFormat="1" ht="21" customHeight="1" thickBot="1" x14ac:dyDescent="0.25">
      <c r="B3" s="54"/>
      <c r="C3" s="527" t="s">
        <v>53</v>
      </c>
      <c r="D3" s="528"/>
      <c r="E3" s="528"/>
      <c r="F3" s="528"/>
      <c r="G3" s="528"/>
      <c r="H3" s="528"/>
      <c r="I3" s="528"/>
      <c r="J3" s="528"/>
      <c r="K3" s="528"/>
      <c r="L3" s="528"/>
      <c r="M3" s="529"/>
      <c r="N3" s="527" t="s">
        <v>54</v>
      </c>
      <c r="O3" s="528"/>
      <c r="P3" s="528"/>
      <c r="Q3" s="528"/>
      <c r="R3" s="528"/>
      <c r="S3" s="528"/>
      <c r="T3" s="528"/>
      <c r="U3" s="528"/>
      <c r="V3" s="528"/>
      <c r="W3" s="528"/>
      <c r="X3" s="529"/>
      <c r="Y3" s="527" t="s">
        <v>55</v>
      </c>
      <c r="Z3" s="528"/>
      <c r="AA3" s="528"/>
      <c r="AB3" s="528"/>
      <c r="AC3" s="528"/>
      <c r="AD3" s="528"/>
      <c r="AE3" s="528"/>
      <c r="AF3" s="528"/>
      <c r="AG3" s="528"/>
      <c r="AH3" s="528"/>
      <c r="AI3" s="529"/>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488</v>
      </c>
      <c r="D5" s="216">
        <v>28920</v>
      </c>
      <c r="E5" s="217">
        <v>45408</v>
      </c>
      <c r="F5" s="212">
        <v>0</v>
      </c>
      <c r="G5" s="216">
        <v>59544</v>
      </c>
      <c r="H5" s="216">
        <v>59909</v>
      </c>
      <c r="I5" s="216">
        <v>35168</v>
      </c>
      <c r="J5" s="216">
        <v>27262</v>
      </c>
      <c r="K5" s="216">
        <v>16242</v>
      </c>
      <c r="L5" s="217">
        <v>198125</v>
      </c>
      <c r="M5" s="218">
        <v>243533</v>
      </c>
      <c r="N5" s="219">
        <v>296</v>
      </c>
      <c r="O5" s="216">
        <v>810</v>
      </c>
      <c r="P5" s="217">
        <v>1106</v>
      </c>
      <c r="Q5" s="212">
        <v>0</v>
      </c>
      <c r="R5" s="216">
        <v>1092</v>
      </c>
      <c r="S5" s="216">
        <v>1875</v>
      </c>
      <c r="T5" s="216">
        <v>982</v>
      </c>
      <c r="U5" s="216">
        <v>826</v>
      </c>
      <c r="V5" s="216">
        <v>776</v>
      </c>
      <c r="W5" s="217">
        <v>5551</v>
      </c>
      <c r="X5" s="218">
        <v>6657</v>
      </c>
      <c r="Y5" s="215">
        <v>16784</v>
      </c>
      <c r="Z5" s="216">
        <v>29730</v>
      </c>
      <c r="AA5" s="217">
        <v>46514</v>
      </c>
      <c r="AB5" s="212">
        <v>0</v>
      </c>
      <c r="AC5" s="216">
        <v>60636</v>
      </c>
      <c r="AD5" s="216">
        <v>61784</v>
      </c>
      <c r="AE5" s="216">
        <v>36150</v>
      </c>
      <c r="AF5" s="216">
        <v>28088</v>
      </c>
      <c r="AG5" s="216">
        <v>17018</v>
      </c>
      <c r="AH5" s="217">
        <v>203676</v>
      </c>
      <c r="AI5" s="218">
        <v>250190</v>
      </c>
    </row>
    <row r="6" spans="2:35" ht="21" customHeight="1" x14ac:dyDescent="0.2">
      <c r="B6" s="49" t="s">
        <v>5</v>
      </c>
      <c r="C6" s="220">
        <v>6176</v>
      </c>
      <c r="D6" s="221">
        <v>12803</v>
      </c>
      <c r="E6" s="222">
        <v>18979</v>
      </c>
      <c r="F6" s="213">
        <v>0</v>
      </c>
      <c r="G6" s="221">
        <v>16039</v>
      </c>
      <c r="H6" s="221">
        <v>22380</v>
      </c>
      <c r="I6" s="221">
        <v>11442</v>
      </c>
      <c r="J6" s="221">
        <v>9189</v>
      </c>
      <c r="K6" s="221">
        <v>5436</v>
      </c>
      <c r="L6" s="222">
        <v>64486</v>
      </c>
      <c r="M6" s="223">
        <v>83465</v>
      </c>
      <c r="N6" s="224">
        <v>112</v>
      </c>
      <c r="O6" s="221">
        <v>338</v>
      </c>
      <c r="P6" s="222">
        <v>450</v>
      </c>
      <c r="Q6" s="213">
        <v>0</v>
      </c>
      <c r="R6" s="221">
        <v>256</v>
      </c>
      <c r="S6" s="221">
        <v>764</v>
      </c>
      <c r="T6" s="221">
        <v>365</v>
      </c>
      <c r="U6" s="221">
        <v>299</v>
      </c>
      <c r="V6" s="221">
        <v>296</v>
      </c>
      <c r="W6" s="222">
        <v>1980</v>
      </c>
      <c r="X6" s="223">
        <v>2430</v>
      </c>
      <c r="Y6" s="220">
        <v>6288</v>
      </c>
      <c r="Z6" s="221">
        <v>13141</v>
      </c>
      <c r="AA6" s="222">
        <v>19429</v>
      </c>
      <c r="AB6" s="213">
        <v>0</v>
      </c>
      <c r="AC6" s="221">
        <v>16295</v>
      </c>
      <c r="AD6" s="221">
        <v>23144</v>
      </c>
      <c r="AE6" s="221">
        <v>11807</v>
      </c>
      <c r="AF6" s="221">
        <v>9488</v>
      </c>
      <c r="AG6" s="221">
        <v>5732</v>
      </c>
      <c r="AH6" s="222">
        <v>66466</v>
      </c>
      <c r="AI6" s="223">
        <v>85895</v>
      </c>
    </row>
    <row r="7" spans="2:35" ht="21" customHeight="1" x14ac:dyDescent="0.2">
      <c r="B7" s="49" t="s">
        <v>6</v>
      </c>
      <c r="C7" s="220">
        <v>2241</v>
      </c>
      <c r="D7" s="221">
        <v>3464</v>
      </c>
      <c r="E7" s="222">
        <v>5705</v>
      </c>
      <c r="F7" s="213">
        <v>0</v>
      </c>
      <c r="G7" s="221">
        <v>10730</v>
      </c>
      <c r="H7" s="221">
        <v>8445</v>
      </c>
      <c r="I7" s="221">
        <v>5731</v>
      </c>
      <c r="J7" s="221">
        <v>4597</v>
      </c>
      <c r="K7" s="221">
        <v>2851</v>
      </c>
      <c r="L7" s="222">
        <v>32354</v>
      </c>
      <c r="M7" s="223">
        <v>38059</v>
      </c>
      <c r="N7" s="224">
        <v>53</v>
      </c>
      <c r="O7" s="221">
        <v>104</v>
      </c>
      <c r="P7" s="222">
        <v>157</v>
      </c>
      <c r="Q7" s="213">
        <v>0</v>
      </c>
      <c r="R7" s="221">
        <v>233</v>
      </c>
      <c r="S7" s="221">
        <v>264</v>
      </c>
      <c r="T7" s="221">
        <v>162</v>
      </c>
      <c r="U7" s="221">
        <v>154</v>
      </c>
      <c r="V7" s="221">
        <v>147</v>
      </c>
      <c r="W7" s="222">
        <v>960</v>
      </c>
      <c r="X7" s="223">
        <v>1117</v>
      </c>
      <c r="Y7" s="220">
        <v>2294</v>
      </c>
      <c r="Z7" s="221">
        <v>3568</v>
      </c>
      <c r="AA7" s="222">
        <v>5862</v>
      </c>
      <c r="AB7" s="213">
        <v>0</v>
      </c>
      <c r="AC7" s="221">
        <v>10963</v>
      </c>
      <c r="AD7" s="221">
        <v>8709</v>
      </c>
      <c r="AE7" s="221">
        <v>5893</v>
      </c>
      <c r="AF7" s="221">
        <v>4751</v>
      </c>
      <c r="AG7" s="221">
        <v>2998</v>
      </c>
      <c r="AH7" s="222">
        <v>33314</v>
      </c>
      <c r="AI7" s="223">
        <v>39176</v>
      </c>
    </row>
    <row r="8" spans="2:35" ht="21" customHeight="1" x14ac:dyDescent="0.2">
      <c r="B8" s="49" t="s">
        <v>14</v>
      </c>
      <c r="C8" s="220">
        <v>1142</v>
      </c>
      <c r="D8" s="221">
        <v>2697</v>
      </c>
      <c r="E8" s="222">
        <v>3839</v>
      </c>
      <c r="F8" s="213">
        <v>0</v>
      </c>
      <c r="G8" s="221">
        <v>4371</v>
      </c>
      <c r="H8" s="221">
        <v>5574</v>
      </c>
      <c r="I8" s="221">
        <v>3470</v>
      </c>
      <c r="J8" s="221">
        <v>2296</v>
      </c>
      <c r="K8" s="221">
        <v>1297</v>
      </c>
      <c r="L8" s="222">
        <v>17008</v>
      </c>
      <c r="M8" s="223">
        <v>20847</v>
      </c>
      <c r="N8" s="224">
        <v>15</v>
      </c>
      <c r="O8" s="221">
        <v>99</v>
      </c>
      <c r="P8" s="222">
        <v>114</v>
      </c>
      <c r="Q8" s="213">
        <v>0</v>
      </c>
      <c r="R8" s="221">
        <v>63</v>
      </c>
      <c r="S8" s="221">
        <v>173</v>
      </c>
      <c r="T8" s="221">
        <v>80</v>
      </c>
      <c r="U8" s="221">
        <v>77</v>
      </c>
      <c r="V8" s="221">
        <v>70</v>
      </c>
      <c r="W8" s="222">
        <v>463</v>
      </c>
      <c r="X8" s="223">
        <v>577</v>
      </c>
      <c r="Y8" s="220">
        <v>1157</v>
      </c>
      <c r="Z8" s="221">
        <v>2796</v>
      </c>
      <c r="AA8" s="222">
        <v>3953</v>
      </c>
      <c r="AB8" s="213">
        <v>0</v>
      </c>
      <c r="AC8" s="221">
        <v>4434</v>
      </c>
      <c r="AD8" s="221">
        <v>5747</v>
      </c>
      <c r="AE8" s="221">
        <v>3550</v>
      </c>
      <c r="AF8" s="221">
        <v>2373</v>
      </c>
      <c r="AG8" s="221">
        <v>1367</v>
      </c>
      <c r="AH8" s="222">
        <v>17471</v>
      </c>
      <c r="AI8" s="223">
        <v>21424</v>
      </c>
    </row>
    <row r="9" spans="2:35" ht="21" customHeight="1" x14ac:dyDescent="0.2">
      <c r="B9" s="49" t="s">
        <v>7</v>
      </c>
      <c r="C9" s="220">
        <v>541</v>
      </c>
      <c r="D9" s="221">
        <v>834</v>
      </c>
      <c r="E9" s="222">
        <v>1375</v>
      </c>
      <c r="F9" s="213">
        <v>0</v>
      </c>
      <c r="G9" s="221">
        <v>4960</v>
      </c>
      <c r="H9" s="221">
        <v>3451</v>
      </c>
      <c r="I9" s="221">
        <v>1984</v>
      </c>
      <c r="J9" s="221">
        <v>1565</v>
      </c>
      <c r="K9" s="221">
        <v>826</v>
      </c>
      <c r="L9" s="222">
        <v>12786</v>
      </c>
      <c r="M9" s="223">
        <v>14161</v>
      </c>
      <c r="N9" s="224">
        <v>9</v>
      </c>
      <c r="O9" s="221">
        <v>10</v>
      </c>
      <c r="P9" s="222">
        <v>19</v>
      </c>
      <c r="Q9" s="213">
        <v>0</v>
      </c>
      <c r="R9" s="221">
        <v>93</v>
      </c>
      <c r="S9" s="221">
        <v>92</v>
      </c>
      <c r="T9" s="221">
        <v>53</v>
      </c>
      <c r="U9" s="221">
        <v>35</v>
      </c>
      <c r="V9" s="221">
        <v>28</v>
      </c>
      <c r="W9" s="222">
        <v>301</v>
      </c>
      <c r="X9" s="223">
        <v>320</v>
      </c>
      <c r="Y9" s="220">
        <v>550</v>
      </c>
      <c r="Z9" s="221">
        <v>844</v>
      </c>
      <c r="AA9" s="222">
        <v>1394</v>
      </c>
      <c r="AB9" s="213">
        <v>0</v>
      </c>
      <c r="AC9" s="221">
        <v>5053</v>
      </c>
      <c r="AD9" s="221">
        <v>3543</v>
      </c>
      <c r="AE9" s="221">
        <v>2037</v>
      </c>
      <c r="AF9" s="221">
        <v>1600</v>
      </c>
      <c r="AG9" s="221">
        <v>854</v>
      </c>
      <c r="AH9" s="222">
        <v>13087</v>
      </c>
      <c r="AI9" s="223">
        <v>14481</v>
      </c>
    </row>
    <row r="10" spans="2:35" ht="21" customHeight="1" x14ac:dyDescent="0.2">
      <c r="B10" s="49" t="s">
        <v>8</v>
      </c>
      <c r="C10" s="220">
        <v>563</v>
      </c>
      <c r="D10" s="221">
        <v>648</v>
      </c>
      <c r="E10" s="222">
        <v>1211</v>
      </c>
      <c r="F10" s="213">
        <v>0</v>
      </c>
      <c r="G10" s="221">
        <v>2017</v>
      </c>
      <c r="H10" s="221">
        <v>2104</v>
      </c>
      <c r="I10" s="221">
        <v>1253</v>
      </c>
      <c r="J10" s="221">
        <v>867</v>
      </c>
      <c r="K10" s="221">
        <v>510</v>
      </c>
      <c r="L10" s="222">
        <v>6751</v>
      </c>
      <c r="M10" s="223">
        <v>7962</v>
      </c>
      <c r="N10" s="224">
        <v>6</v>
      </c>
      <c r="O10" s="221">
        <v>26</v>
      </c>
      <c r="P10" s="222">
        <v>32</v>
      </c>
      <c r="Q10" s="213">
        <v>0</v>
      </c>
      <c r="R10" s="221">
        <v>26</v>
      </c>
      <c r="S10" s="221">
        <v>78</v>
      </c>
      <c r="T10" s="221">
        <v>34</v>
      </c>
      <c r="U10" s="221">
        <v>26</v>
      </c>
      <c r="V10" s="221">
        <v>18</v>
      </c>
      <c r="W10" s="222">
        <v>182</v>
      </c>
      <c r="X10" s="223">
        <v>214</v>
      </c>
      <c r="Y10" s="220">
        <v>569</v>
      </c>
      <c r="Z10" s="221">
        <v>674</v>
      </c>
      <c r="AA10" s="222">
        <v>1243</v>
      </c>
      <c r="AB10" s="213">
        <v>0</v>
      </c>
      <c r="AC10" s="221">
        <v>2043</v>
      </c>
      <c r="AD10" s="221">
        <v>2182</v>
      </c>
      <c r="AE10" s="221">
        <v>1287</v>
      </c>
      <c r="AF10" s="221">
        <v>893</v>
      </c>
      <c r="AG10" s="221">
        <v>528</v>
      </c>
      <c r="AH10" s="222">
        <v>6933</v>
      </c>
      <c r="AI10" s="223">
        <v>8176</v>
      </c>
    </row>
    <row r="11" spans="2:35" ht="21" customHeight="1" x14ac:dyDescent="0.2">
      <c r="B11" s="49" t="s">
        <v>9</v>
      </c>
      <c r="C11" s="220">
        <v>502</v>
      </c>
      <c r="D11" s="221">
        <v>578</v>
      </c>
      <c r="E11" s="222">
        <v>1080</v>
      </c>
      <c r="F11" s="213">
        <v>0</v>
      </c>
      <c r="G11" s="221">
        <v>1992</v>
      </c>
      <c r="H11" s="221">
        <v>1470</v>
      </c>
      <c r="I11" s="221">
        <v>993</v>
      </c>
      <c r="J11" s="221">
        <v>837</v>
      </c>
      <c r="K11" s="221">
        <v>546</v>
      </c>
      <c r="L11" s="222">
        <v>5838</v>
      </c>
      <c r="M11" s="223">
        <v>6918</v>
      </c>
      <c r="N11" s="224">
        <v>2</v>
      </c>
      <c r="O11" s="221">
        <v>14</v>
      </c>
      <c r="P11" s="222">
        <v>16</v>
      </c>
      <c r="Q11" s="213">
        <v>0</v>
      </c>
      <c r="R11" s="221">
        <v>33</v>
      </c>
      <c r="S11" s="221">
        <v>34</v>
      </c>
      <c r="T11" s="221">
        <v>20</v>
      </c>
      <c r="U11" s="221">
        <v>19</v>
      </c>
      <c r="V11" s="221">
        <v>15</v>
      </c>
      <c r="W11" s="222">
        <v>121</v>
      </c>
      <c r="X11" s="223">
        <v>137</v>
      </c>
      <c r="Y11" s="220">
        <v>504</v>
      </c>
      <c r="Z11" s="221">
        <v>592</v>
      </c>
      <c r="AA11" s="222">
        <v>1096</v>
      </c>
      <c r="AB11" s="213">
        <v>0</v>
      </c>
      <c r="AC11" s="221">
        <v>2025</v>
      </c>
      <c r="AD11" s="221">
        <v>1504</v>
      </c>
      <c r="AE11" s="221">
        <v>1013</v>
      </c>
      <c r="AF11" s="221">
        <v>856</v>
      </c>
      <c r="AG11" s="221">
        <v>561</v>
      </c>
      <c r="AH11" s="222">
        <v>5959</v>
      </c>
      <c r="AI11" s="223">
        <v>7055</v>
      </c>
    </row>
    <row r="12" spans="2:35" ht="21" customHeight="1" x14ac:dyDescent="0.2">
      <c r="B12" s="49" t="s">
        <v>10</v>
      </c>
      <c r="C12" s="220">
        <v>1267</v>
      </c>
      <c r="D12" s="221">
        <v>1610</v>
      </c>
      <c r="E12" s="222">
        <v>2877</v>
      </c>
      <c r="F12" s="213">
        <v>0</v>
      </c>
      <c r="G12" s="221">
        <v>3996</v>
      </c>
      <c r="H12" s="221">
        <v>2380</v>
      </c>
      <c r="I12" s="221">
        <v>1566</v>
      </c>
      <c r="J12" s="221">
        <v>1305</v>
      </c>
      <c r="K12" s="221">
        <v>887</v>
      </c>
      <c r="L12" s="222">
        <v>10134</v>
      </c>
      <c r="M12" s="223">
        <v>13011</v>
      </c>
      <c r="N12" s="224">
        <v>28</v>
      </c>
      <c r="O12" s="221">
        <v>37</v>
      </c>
      <c r="P12" s="222">
        <v>65</v>
      </c>
      <c r="Q12" s="213">
        <v>0</v>
      </c>
      <c r="R12" s="221">
        <v>95</v>
      </c>
      <c r="S12" s="221">
        <v>68</v>
      </c>
      <c r="T12" s="221">
        <v>43</v>
      </c>
      <c r="U12" s="221">
        <v>34</v>
      </c>
      <c r="V12" s="221">
        <v>45</v>
      </c>
      <c r="W12" s="222">
        <v>285</v>
      </c>
      <c r="X12" s="223">
        <v>350</v>
      </c>
      <c r="Y12" s="220">
        <v>1295</v>
      </c>
      <c r="Z12" s="221">
        <v>1647</v>
      </c>
      <c r="AA12" s="222">
        <v>2942</v>
      </c>
      <c r="AB12" s="213">
        <v>0</v>
      </c>
      <c r="AC12" s="221">
        <v>4091</v>
      </c>
      <c r="AD12" s="221">
        <v>2448</v>
      </c>
      <c r="AE12" s="221">
        <v>1609</v>
      </c>
      <c r="AF12" s="221">
        <v>1339</v>
      </c>
      <c r="AG12" s="221">
        <v>932</v>
      </c>
      <c r="AH12" s="222">
        <v>10419</v>
      </c>
      <c r="AI12" s="223">
        <v>13361</v>
      </c>
    </row>
    <row r="13" spans="2:35" ht="21" customHeight="1" x14ac:dyDescent="0.2">
      <c r="B13" s="49" t="s">
        <v>11</v>
      </c>
      <c r="C13" s="220">
        <v>536</v>
      </c>
      <c r="D13" s="221">
        <v>574</v>
      </c>
      <c r="E13" s="222">
        <v>1110</v>
      </c>
      <c r="F13" s="213">
        <v>0</v>
      </c>
      <c r="G13" s="221">
        <v>2138</v>
      </c>
      <c r="H13" s="221">
        <v>1320</v>
      </c>
      <c r="I13" s="221">
        <v>921</v>
      </c>
      <c r="J13" s="221">
        <v>738</v>
      </c>
      <c r="K13" s="221">
        <v>389</v>
      </c>
      <c r="L13" s="222">
        <v>5506</v>
      </c>
      <c r="M13" s="223">
        <v>6616</v>
      </c>
      <c r="N13" s="224">
        <v>10</v>
      </c>
      <c r="O13" s="221">
        <v>8</v>
      </c>
      <c r="P13" s="222">
        <v>18</v>
      </c>
      <c r="Q13" s="213">
        <v>0</v>
      </c>
      <c r="R13" s="221">
        <v>42</v>
      </c>
      <c r="S13" s="221">
        <v>30</v>
      </c>
      <c r="T13" s="221">
        <v>21</v>
      </c>
      <c r="U13" s="221">
        <v>15</v>
      </c>
      <c r="V13" s="221">
        <v>16</v>
      </c>
      <c r="W13" s="222">
        <v>124</v>
      </c>
      <c r="X13" s="223">
        <v>142</v>
      </c>
      <c r="Y13" s="220">
        <v>546</v>
      </c>
      <c r="Z13" s="221">
        <v>582</v>
      </c>
      <c r="AA13" s="222">
        <v>1128</v>
      </c>
      <c r="AB13" s="213">
        <v>0</v>
      </c>
      <c r="AC13" s="221">
        <v>2180</v>
      </c>
      <c r="AD13" s="221">
        <v>1350</v>
      </c>
      <c r="AE13" s="221">
        <v>942</v>
      </c>
      <c r="AF13" s="221">
        <v>753</v>
      </c>
      <c r="AG13" s="221">
        <v>405</v>
      </c>
      <c r="AH13" s="222">
        <v>5630</v>
      </c>
      <c r="AI13" s="223">
        <v>6758</v>
      </c>
    </row>
    <row r="14" spans="2:35" ht="21" customHeight="1" x14ac:dyDescent="0.2">
      <c r="B14" s="49" t="s">
        <v>12</v>
      </c>
      <c r="C14" s="220">
        <v>762</v>
      </c>
      <c r="D14" s="221">
        <v>1012</v>
      </c>
      <c r="E14" s="222">
        <v>1774</v>
      </c>
      <c r="F14" s="213">
        <v>0</v>
      </c>
      <c r="G14" s="221">
        <v>1636</v>
      </c>
      <c r="H14" s="221">
        <v>1432</v>
      </c>
      <c r="I14" s="221">
        <v>958</v>
      </c>
      <c r="J14" s="221">
        <v>853</v>
      </c>
      <c r="K14" s="221">
        <v>499</v>
      </c>
      <c r="L14" s="222">
        <v>5378</v>
      </c>
      <c r="M14" s="223">
        <v>7152</v>
      </c>
      <c r="N14" s="224">
        <v>16</v>
      </c>
      <c r="O14" s="221">
        <v>28</v>
      </c>
      <c r="P14" s="222">
        <v>44</v>
      </c>
      <c r="Q14" s="213">
        <v>0</v>
      </c>
      <c r="R14" s="221">
        <v>16</v>
      </c>
      <c r="S14" s="221">
        <v>27</v>
      </c>
      <c r="T14" s="221">
        <v>16</v>
      </c>
      <c r="U14" s="221">
        <v>23</v>
      </c>
      <c r="V14" s="221">
        <v>13</v>
      </c>
      <c r="W14" s="222">
        <v>95</v>
      </c>
      <c r="X14" s="223">
        <v>139</v>
      </c>
      <c r="Y14" s="220">
        <v>778</v>
      </c>
      <c r="Z14" s="221">
        <v>1040</v>
      </c>
      <c r="AA14" s="222">
        <v>1818</v>
      </c>
      <c r="AB14" s="213">
        <v>0</v>
      </c>
      <c r="AC14" s="221">
        <v>1652</v>
      </c>
      <c r="AD14" s="221">
        <v>1459</v>
      </c>
      <c r="AE14" s="221">
        <v>974</v>
      </c>
      <c r="AF14" s="221">
        <v>876</v>
      </c>
      <c r="AG14" s="221">
        <v>512</v>
      </c>
      <c r="AH14" s="222">
        <v>5473</v>
      </c>
      <c r="AI14" s="223">
        <v>7291</v>
      </c>
    </row>
    <row r="15" spans="2:35" ht="21" customHeight="1" x14ac:dyDescent="0.2">
      <c r="B15" s="49" t="s">
        <v>13</v>
      </c>
      <c r="C15" s="220">
        <v>126</v>
      </c>
      <c r="D15" s="221">
        <v>218</v>
      </c>
      <c r="E15" s="222">
        <v>344</v>
      </c>
      <c r="F15" s="213">
        <v>0</v>
      </c>
      <c r="G15" s="221">
        <v>652</v>
      </c>
      <c r="H15" s="221">
        <v>604</v>
      </c>
      <c r="I15" s="221">
        <v>393</v>
      </c>
      <c r="J15" s="221">
        <v>316</v>
      </c>
      <c r="K15" s="221">
        <v>197</v>
      </c>
      <c r="L15" s="222">
        <v>2162</v>
      </c>
      <c r="M15" s="223">
        <v>2506</v>
      </c>
      <c r="N15" s="224">
        <v>0</v>
      </c>
      <c r="O15" s="221">
        <v>3</v>
      </c>
      <c r="P15" s="222">
        <v>3</v>
      </c>
      <c r="Q15" s="213">
        <v>0</v>
      </c>
      <c r="R15" s="221">
        <v>13</v>
      </c>
      <c r="S15" s="221">
        <v>11</v>
      </c>
      <c r="T15" s="221">
        <v>10</v>
      </c>
      <c r="U15" s="221">
        <v>4</v>
      </c>
      <c r="V15" s="221">
        <v>9</v>
      </c>
      <c r="W15" s="222">
        <v>47</v>
      </c>
      <c r="X15" s="223">
        <v>50</v>
      </c>
      <c r="Y15" s="220">
        <v>126</v>
      </c>
      <c r="Z15" s="221">
        <v>221</v>
      </c>
      <c r="AA15" s="222">
        <v>347</v>
      </c>
      <c r="AB15" s="213">
        <v>0</v>
      </c>
      <c r="AC15" s="221">
        <v>665</v>
      </c>
      <c r="AD15" s="221">
        <v>615</v>
      </c>
      <c r="AE15" s="221">
        <v>403</v>
      </c>
      <c r="AF15" s="221">
        <v>320</v>
      </c>
      <c r="AG15" s="221">
        <v>206</v>
      </c>
      <c r="AH15" s="222">
        <v>2209</v>
      </c>
      <c r="AI15" s="223">
        <v>2556</v>
      </c>
    </row>
    <row r="16" spans="2:35" ht="21" customHeight="1" x14ac:dyDescent="0.2">
      <c r="B16" s="49" t="s">
        <v>15</v>
      </c>
      <c r="C16" s="220">
        <v>83</v>
      </c>
      <c r="D16" s="221">
        <v>188</v>
      </c>
      <c r="E16" s="222">
        <v>271</v>
      </c>
      <c r="F16" s="213">
        <v>0</v>
      </c>
      <c r="G16" s="221">
        <v>492</v>
      </c>
      <c r="H16" s="221">
        <v>555</v>
      </c>
      <c r="I16" s="221">
        <v>291</v>
      </c>
      <c r="J16" s="221">
        <v>237</v>
      </c>
      <c r="K16" s="221">
        <v>125</v>
      </c>
      <c r="L16" s="222">
        <v>1700</v>
      </c>
      <c r="M16" s="223">
        <v>1971</v>
      </c>
      <c r="N16" s="224">
        <v>0</v>
      </c>
      <c r="O16" s="221">
        <v>5</v>
      </c>
      <c r="P16" s="222">
        <v>5</v>
      </c>
      <c r="Q16" s="213">
        <v>0</v>
      </c>
      <c r="R16" s="221">
        <v>7</v>
      </c>
      <c r="S16" s="221">
        <v>14</v>
      </c>
      <c r="T16" s="221">
        <v>0</v>
      </c>
      <c r="U16" s="221">
        <v>1</v>
      </c>
      <c r="V16" s="221">
        <v>5</v>
      </c>
      <c r="W16" s="222">
        <v>27</v>
      </c>
      <c r="X16" s="223">
        <v>32</v>
      </c>
      <c r="Y16" s="220">
        <v>83</v>
      </c>
      <c r="Z16" s="221">
        <v>193</v>
      </c>
      <c r="AA16" s="222">
        <v>276</v>
      </c>
      <c r="AB16" s="213">
        <v>0</v>
      </c>
      <c r="AC16" s="221">
        <v>499</v>
      </c>
      <c r="AD16" s="221">
        <v>569</v>
      </c>
      <c r="AE16" s="221">
        <v>291</v>
      </c>
      <c r="AF16" s="221">
        <v>238</v>
      </c>
      <c r="AG16" s="221">
        <v>130</v>
      </c>
      <c r="AH16" s="222">
        <v>1727</v>
      </c>
      <c r="AI16" s="223">
        <v>2003</v>
      </c>
    </row>
    <row r="17" spans="2:35" ht="21" customHeight="1" x14ac:dyDescent="0.2">
      <c r="B17" s="49" t="s">
        <v>16</v>
      </c>
      <c r="C17" s="220">
        <v>244</v>
      </c>
      <c r="D17" s="221">
        <v>406</v>
      </c>
      <c r="E17" s="222">
        <v>650</v>
      </c>
      <c r="F17" s="213">
        <v>0</v>
      </c>
      <c r="G17" s="221">
        <v>999</v>
      </c>
      <c r="H17" s="221">
        <v>1289</v>
      </c>
      <c r="I17" s="221">
        <v>721</v>
      </c>
      <c r="J17" s="221">
        <v>558</v>
      </c>
      <c r="K17" s="221">
        <v>340</v>
      </c>
      <c r="L17" s="222">
        <v>3907</v>
      </c>
      <c r="M17" s="223">
        <v>4557</v>
      </c>
      <c r="N17" s="224">
        <v>6</v>
      </c>
      <c r="O17" s="221">
        <v>12</v>
      </c>
      <c r="P17" s="222">
        <v>18</v>
      </c>
      <c r="Q17" s="213">
        <v>0</v>
      </c>
      <c r="R17" s="221">
        <v>16</v>
      </c>
      <c r="S17" s="221">
        <v>41</v>
      </c>
      <c r="T17" s="221">
        <v>24</v>
      </c>
      <c r="U17" s="221">
        <v>12</v>
      </c>
      <c r="V17" s="221">
        <v>15</v>
      </c>
      <c r="W17" s="222">
        <v>108</v>
      </c>
      <c r="X17" s="223">
        <v>126</v>
      </c>
      <c r="Y17" s="220">
        <v>250</v>
      </c>
      <c r="Z17" s="221">
        <v>418</v>
      </c>
      <c r="AA17" s="222">
        <v>668</v>
      </c>
      <c r="AB17" s="213">
        <v>0</v>
      </c>
      <c r="AC17" s="221">
        <v>1015</v>
      </c>
      <c r="AD17" s="221">
        <v>1330</v>
      </c>
      <c r="AE17" s="221">
        <v>745</v>
      </c>
      <c r="AF17" s="221">
        <v>570</v>
      </c>
      <c r="AG17" s="221">
        <v>355</v>
      </c>
      <c r="AH17" s="222">
        <v>4015</v>
      </c>
      <c r="AI17" s="223">
        <v>4683</v>
      </c>
    </row>
    <row r="18" spans="2:35" ht="21" customHeight="1" x14ac:dyDescent="0.2">
      <c r="B18" s="49" t="s">
        <v>17</v>
      </c>
      <c r="C18" s="220">
        <v>296</v>
      </c>
      <c r="D18" s="221">
        <v>595</v>
      </c>
      <c r="E18" s="222">
        <v>891</v>
      </c>
      <c r="F18" s="213">
        <v>0</v>
      </c>
      <c r="G18" s="221">
        <v>1103</v>
      </c>
      <c r="H18" s="221">
        <v>1659</v>
      </c>
      <c r="I18" s="221">
        <v>969</v>
      </c>
      <c r="J18" s="221">
        <v>695</v>
      </c>
      <c r="K18" s="221">
        <v>473</v>
      </c>
      <c r="L18" s="222">
        <v>4899</v>
      </c>
      <c r="M18" s="223">
        <v>5790</v>
      </c>
      <c r="N18" s="224">
        <v>3</v>
      </c>
      <c r="O18" s="221">
        <v>30</v>
      </c>
      <c r="P18" s="222">
        <v>33</v>
      </c>
      <c r="Q18" s="213">
        <v>0</v>
      </c>
      <c r="R18" s="221">
        <v>17</v>
      </c>
      <c r="S18" s="221">
        <v>62</v>
      </c>
      <c r="T18" s="221">
        <v>34</v>
      </c>
      <c r="U18" s="221">
        <v>27</v>
      </c>
      <c r="V18" s="221">
        <v>22</v>
      </c>
      <c r="W18" s="222">
        <v>162</v>
      </c>
      <c r="X18" s="223">
        <v>195</v>
      </c>
      <c r="Y18" s="220">
        <v>299</v>
      </c>
      <c r="Z18" s="221">
        <v>625</v>
      </c>
      <c r="AA18" s="222">
        <v>924</v>
      </c>
      <c r="AB18" s="213">
        <v>0</v>
      </c>
      <c r="AC18" s="221">
        <v>1120</v>
      </c>
      <c r="AD18" s="221">
        <v>1721</v>
      </c>
      <c r="AE18" s="221">
        <v>1003</v>
      </c>
      <c r="AF18" s="221">
        <v>722</v>
      </c>
      <c r="AG18" s="221">
        <v>495</v>
      </c>
      <c r="AH18" s="222">
        <v>5061</v>
      </c>
      <c r="AI18" s="223">
        <v>5985</v>
      </c>
    </row>
    <row r="19" spans="2:35" ht="21" customHeight="1" x14ac:dyDescent="0.2">
      <c r="B19" s="49" t="s">
        <v>18</v>
      </c>
      <c r="C19" s="220">
        <v>344</v>
      </c>
      <c r="D19" s="221">
        <v>651</v>
      </c>
      <c r="E19" s="222">
        <v>995</v>
      </c>
      <c r="F19" s="213">
        <v>0</v>
      </c>
      <c r="G19" s="221">
        <v>1789</v>
      </c>
      <c r="H19" s="221">
        <v>1686</v>
      </c>
      <c r="I19" s="221">
        <v>1055</v>
      </c>
      <c r="J19" s="221">
        <v>727</v>
      </c>
      <c r="K19" s="221">
        <v>451</v>
      </c>
      <c r="L19" s="222">
        <v>5708</v>
      </c>
      <c r="M19" s="223">
        <v>6703</v>
      </c>
      <c r="N19" s="224">
        <v>11</v>
      </c>
      <c r="O19" s="221">
        <v>18</v>
      </c>
      <c r="P19" s="222">
        <v>29</v>
      </c>
      <c r="Q19" s="213">
        <v>0</v>
      </c>
      <c r="R19" s="221">
        <v>54</v>
      </c>
      <c r="S19" s="221">
        <v>52</v>
      </c>
      <c r="T19" s="221">
        <v>36</v>
      </c>
      <c r="U19" s="221">
        <v>31</v>
      </c>
      <c r="V19" s="221">
        <v>26</v>
      </c>
      <c r="W19" s="222">
        <v>199</v>
      </c>
      <c r="X19" s="223">
        <v>228</v>
      </c>
      <c r="Y19" s="220">
        <v>355</v>
      </c>
      <c r="Z19" s="221">
        <v>669</v>
      </c>
      <c r="AA19" s="222">
        <v>1024</v>
      </c>
      <c r="AB19" s="213">
        <v>0</v>
      </c>
      <c r="AC19" s="221">
        <v>1843</v>
      </c>
      <c r="AD19" s="221">
        <v>1738</v>
      </c>
      <c r="AE19" s="221">
        <v>1091</v>
      </c>
      <c r="AF19" s="221">
        <v>758</v>
      </c>
      <c r="AG19" s="221">
        <v>477</v>
      </c>
      <c r="AH19" s="222">
        <v>5907</v>
      </c>
      <c r="AI19" s="223">
        <v>6931</v>
      </c>
    </row>
    <row r="20" spans="2:35" ht="21" customHeight="1" x14ac:dyDescent="0.2">
      <c r="B20" s="49" t="s">
        <v>19</v>
      </c>
      <c r="C20" s="220">
        <v>209</v>
      </c>
      <c r="D20" s="221">
        <v>307</v>
      </c>
      <c r="E20" s="222">
        <v>516</v>
      </c>
      <c r="F20" s="213">
        <v>0</v>
      </c>
      <c r="G20" s="221">
        <v>833</v>
      </c>
      <c r="H20" s="221">
        <v>698</v>
      </c>
      <c r="I20" s="221">
        <v>410</v>
      </c>
      <c r="J20" s="221">
        <v>281</v>
      </c>
      <c r="K20" s="221">
        <v>195</v>
      </c>
      <c r="L20" s="222">
        <v>2417</v>
      </c>
      <c r="M20" s="223">
        <v>2933</v>
      </c>
      <c r="N20" s="224">
        <v>5</v>
      </c>
      <c r="O20" s="221">
        <v>7</v>
      </c>
      <c r="P20" s="222">
        <v>12</v>
      </c>
      <c r="Q20" s="213">
        <v>0</v>
      </c>
      <c r="R20" s="221">
        <v>15</v>
      </c>
      <c r="S20" s="221">
        <v>19</v>
      </c>
      <c r="T20" s="221">
        <v>11</v>
      </c>
      <c r="U20" s="221">
        <v>8</v>
      </c>
      <c r="V20" s="221">
        <v>12</v>
      </c>
      <c r="W20" s="222">
        <v>65</v>
      </c>
      <c r="X20" s="223">
        <v>77</v>
      </c>
      <c r="Y20" s="220">
        <v>214</v>
      </c>
      <c r="Z20" s="221">
        <v>314</v>
      </c>
      <c r="AA20" s="222">
        <v>528</v>
      </c>
      <c r="AB20" s="213">
        <v>0</v>
      </c>
      <c r="AC20" s="221">
        <v>848</v>
      </c>
      <c r="AD20" s="221">
        <v>717</v>
      </c>
      <c r="AE20" s="221">
        <v>421</v>
      </c>
      <c r="AF20" s="221">
        <v>289</v>
      </c>
      <c r="AG20" s="221">
        <v>207</v>
      </c>
      <c r="AH20" s="222">
        <v>2482</v>
      </c>
      <c r="AI20" s="223">
        <v>3010</v>
      </c>
    </row>
    <row r="21" spans="2:35" ht="21" customHeight="1" x14ac:dyDescent="0.2">
      <c r="B21" s="49" t="s">
        <v>20</v>
      </c>
      <c r="C21" s="220">
        <v>206</v>
      </c>
      <c r="D21" s="221">
        <v>430</v>
      </c>
      <c r="E21" s="222">
        <v>636</v>
      </c>
      <c r="F21" s="213">
        <v>0</v>
      </c>
      <c r="G21" s="221">
        <v>1111</v>
      </c>
      <c r="H21" s="221">
        <v>704</v>
      </c>
      <c r="I21" s="221">
        <v>492</v>
      </c>
      <c r="J21" s="221">
        <v>345</v>
      </c>
      <c r="K21" s="221">
        <v>157</v>
      </c>
      <c r="L21" s="222">
        <v>2809</v>
      </c>
      <c r="M21" s="223">
        <v>3445</v>
      </c>
      <c r="N21" s="224">
        <v>4</v>
      </c>
      <c r="O21" s="221">
        <v>21</v>
      </c>
      <c r="P21" s="222">
        <v>25</v>
      </c>
      <c r="Q21" s="213">
        <v>0</v>
      </c>
      <c r="R21" s="221">
        <v>30</v>
      </c>
      <c r="S21" s="221">
        <v>24</v>
      </c>
      <c r="T21" s="221">
        <v>12</v>
      </c>
      <c r="U21" s="221">
        <v>16</v>
      </c>
      <c r="V21" s="221">
        <v>5</v>
      </c>
      <c r="W21" s="222">
        <v>87</v>
      </c>
      <c r="X21" s="223">
        <v>112</v>
      </c>
      <c r="Y21" s="220">
        <v>210</v>
      </c>
      <c r="Z21" s="221">
        <v>451</v>
      </c>
      <c r="AA21" s="222">
        <v>661</v>
      </c>
      <c r="AB21" s="213">
        <v>0</v>
      </c>
      <c r="AC21" s="221">
        <v>1141</v>
      </c>
      <c r="AD21" s="221">
        <v>728</v>
      </c>
      <c r="AE21" s="221">
        <v>504</v>
      </c>
      <c r="AF21" s="221">
        <v>361</v>
      </c>
      <c r="AG21" s="221">
        <v>162</v>
      </c>
      <c r="AH21" s="222">
        <v>2896</v>
      </c>
      <c r="AI21" s="223">
        <v>3557</v>
      </c>
    </row>
    <row r="22" spans="2:35" ht="21" customHeight="1" x14ac:dyDescent="0.2">
      <c r="B22" s="49" t="s">
        <v>21</v>
      </c>
      <c r="C22" s="220">
        <v>277</v>
      </c>
      <c r="D22" s="221">
        <v>431</v>
      </c>
      <c r="E22" s="222">
        <v>708</v>
      </c>
      <c r="F22" s="213">
        <v>0</v>
      </c>
      <c r="G22" s="221">
        <v>980</v>
      </c>
      <c r="H22" s="221">
        <v>1086</v>
      </c>
      <c r="I22" s="221">
        <v>665</v>
      </c>
      <c r="J22" s="221">
        <v>429</v>
      </c>
      <c r="K22" s="221">
        <v>258</v>
      </c>
      <c r="L22" s="222">
        <v>3418</v>
      </c>
      <c r="M22" s="223">
        <v>4126</v>
      </c>
      <c r="N22" s="224">
        <v>7</v>
      </c>
      <c r="O22" s="221">
        <v>14</v>
      </c>
      <c r="P22" s="222">
        <v>21</v>
      </c>
      <c r="Q22" s="213">
        <v>0</v>
      </c>
      <c r="R22" s="221">
        <v>11</v>
      </c>
      <c r="S22" s="221">
        <v>44</v>
      </c>
      <c r="T22" s="221">
        <v>17</v>
      </c>
      <c r="U22" s="221">
        <v>11</v>
      </c>
      <c r="V22" s="221">
        <v>8</v>
      </c>
      <c r="W22" s="222">
        <v>91</v>
      </c>
      <c r="X22" s="223">
        <v>112</v>
      </c>
      <c r="Y22" s="220">
        <v>284</v>
      </c>
      <c r="Z22" s="221">
        <v>445</v>
      </c>
      <c r="AA22" s="222">
        <v>729</v>
      </c>
      <c r="AB22" s="213">
        <v>0</v>
      </c>
      <c r="AC22" s="221">
        <v>991</v>
      </c>
      <c r="AD22" s="221">
        <v>1130</v>
      </c>
      <c r="AE22" s="221">
        <v>682</v>
      </c>
      <c r="AF22" s="221">
        <v>440</v>
      </c>
      <c r="AG22" s="221">
        <v>266</v>
      </c>
      <c r="AH22" s="222">
        <v>3509</v>
      </c>
      <c r="AI22" s="223">
        <v>4238</v>
      </c>
    </row>
    <row r="23" spans="2:35" ht="21" customHeight="1" x14ac:dyDescent="0.2">
      <c r="B23" s="49" t="s">
        <v>22</v>
      </c>
      <c r="C23" s="220">
        <v>65</v>
      </c>
      <c r="D23" s="221">
        <v>161</v>
      </c>
      <c r="E23" s="222">
        <v>226</v>
      </c>
      <c r="F23" s="213">
        <v>0</v>
      </c>
      <c r="G23" s="221">
        <v>406</v>
      </c>
      <c r="H23" s="221">
        <v>382</v>
      </c>
      <c r="I23" s="221">
        <v>204</v>
      </c>
      <c r="J23" s="221">
        <v>129</v>
      </c>
      <c r="K23" s="221">
        <v>83</v>
      </c>
      <c r="L23" s="222">
        <v>1204</v>
      </c>
      <c r="M23" s="223">
        <v>1430</v>
      </c>
      <c r="N23" s="224">
        <v>0</v>
      </c>
      <c r="O23" s="221">
        <v>6</v>
      </c>
      <c r="P23" s="222">
        <v>6</v>
      </c>
      <c r="Q23" s="213">
        <v>0</v>
      </c>
      <c r="R23" s="221">
        <v>12</v>
      </c>
      <c r="S23" s="221">
        <v>5</v>
      </c>
      <c r="T23" s="221">
        <v>7</v>
      </c>
      <c r="U23" s="221">
        <v>5</v>
      </c>
      <c r="V23" s="221">
        <v>1</v>
      </c>
      <c r="W23" s="222">
        <v>30</v>
      </c>
      <c r="X23" s="223">
        <v>36</v>
      </c>
      <c r="Y23" s="220">
        <v>65</v>
      </c>
      <c r="Z23" s="221">
        <v>167</v>
      </c>
      <c r="AA23" s="222">
        <v>232</v>
      </c>
      <c r="AB23" s="213">
        <v>0</v>
      </c>
      <c r="AC23" s="221">
        <v>418</v>
      </c>
      <c r="AD23" s="221">
        <v>387</v>
      </c>
      <c r="AE23" s="221">
        <v>211</v>
      </c>
      <c r="AF23" s="221">
        <v>134</v>
      </c>
      <c r="AG23" s="221">
        <v>84</v>
      </c>
      <c r="AH23" s="222">
        <v>1234</v>
      </c>
      <c r="AI23" s="223">
        <v>1466</v>
      </c>
    </row>
    <row r="24" spans="2:35" ht="21" customHeight="1" x14ac:dyDescent="0.2">
      <c r="B24" s="49" t="s">
        <v>23</v>
      </c>
      <c r="C24" s="220">
        <v>135</v>
      </c>
      <c r="D24" s="221">
        <v>247</v>
      </c>
      <c r="E24" s="222">
        <v>382</v>
      </c>
      <c r="F24" s="213">
        <v>0</v>
      </c>
      <c r="G24" s="221">
        <v>623</v>
      </c>
      <c r="H24" s="221">
        <v>545</v>
      </c>
      <c r="I24" s="221">
        <v>293</v>
      </c>
      <c r="J24" s="221">
        <v>273</v>
      </c>
      <c r="K24" s="221">
        <v>151</v>
      </c>
      <c r="L24" s="222">
        <v>1885</v>
      </c>
      <c r="M24" s="223">
        <v>2267</v>
      </c>
      <c r="N24" s="224">
        <v>3</v>
      </c>
      <c r="O24" s="221">
        <v>7</v>
      </c>
      <c r="P24" s="222">
        <v>10</v>
      </c>
      <c r="Q24" s="213">
        <v>0</v>
      </c>
      <c r="R24" s="221">
        <v>7</v>
      </c>
      <c r="S24" s="221">
        <v>17</v>
      </c>
      <c r="T24" s="221">
        <v>10</v>
      </c>
      <c r="U24" s="221">
        <v>8</v>
      </c>
      <c r="V24" s="221">
        <v>4</v>
      </c>
      <c r="W24" s="222">
        <v>46</v>
      </c>
      <c r="X24" s="223">
        <v>56</v>
      </c>
      <c r="Y24" s="220">
        <v>138</v>
      </c>
      <c r="Z24" s="221">
        <v>254</v>
      </c>
      <c r="AA24" s="222">
        <v>392</v>
      </c>
      <c r="AB24" s="213">
        <v>0</v>
      </c>
      <c r="AC24" s="221">
        <v>630</v>
      </c>
      <c r="AD24" s="221">
        <v>562</v>
      </c>
      <c r="AE24" s="221">
        <v>303</v>
      </c>
      <c r="AF24" s="221">
        <v>281</v>
      </c>
      <c r="AG24" s="221">
        <v>155</v>
      </c>
      <c r="AH24" s="222">
        <v>1931</v>
      </c>
      <c r="AI24" s="223">
        <v>2323</v>
      </c>
    </row>
    <row r="25" spans="2:35" ht="21" customHeight="1" x14ac:dyDescent="0.2">
      <c r="B25" s="49" t="s">
        <v>24</v>
      </c>
      <c r="C25" s="220">
        <v>123</v>
      </c>
      <c r="D25" s="221">
        <v>116</v>
      </c>
      <c r="E25" s="222">
        <v>239</v>
      </c>
      <c r="F25" s="213">
        <v>0</v>
      </c>
      <c r="G25" s="221">
        <v>318</v>
      </c>
      <c r="H25" s="221">
        <v>246</v>
      </c>
      <c r="I25" s="221">
        <v>164</v>
      </c>
      <c r="J25" s="221">
        <v>117</v>
      </c>
      <c r="K25" s="221">
        <v>90</v>
      </c>
      <c r="L25" s="222">
        <v>935</v>
      </c>
      <c r="M25" s="223">
        <v>1174</v>
      </c>
      <c r="N25" s="224">
        <v>2</v>
      </c>
      <c r="O25" s="221">
        <v>1</v>
      </c>
      <c r="P25" s="222">
        <v>3</v>
      </c>
      <c r="Q25" s="213">
        <v>0</v>
      </c>
      <c r="R25" s="221">
        <v>4</v>
      </c>
      <c r="S25" s="221">
        <v>7</v>
      </c>
      <c r="T25" s="221">
        <v>4</v>
      </c>
      <c r="U25" s="221">
        <v>2</v>
      </c>
      <c r="V25" s="221">
        <v>1</v>
      </c>
      <c r="W25" s="222">
        <v>18</v>
      </c>
      <c r="X25" s="223">
        <v>21</v>
      </c>
      <c r="Y25" s="220">
        <v>125</v>
      </c>
      <c r="Z25" s="221">
        <v>117</v>
      </c>
      <c r="AA25" s="222">
        <v>242</v>
      </c>
      <c r="AB25" s="213">
        <v>0</v>
      </c>
      <c r="AC25" s="221">
        <v>322</v>
      </c>
      <c r="AD25" s="221">
        <v>253</v>
      </c>
      <c r="AE25" s="221">
        <v>168</v>
      </c>
      <c r="AF25" s="221">
        <v>119</v>
      </c>
      <c r="AG25" s="221">
        <v>91</v>
      </c>
      <c r="AH25" s="222">
        <v>953</v>
      </c>
      <c r="AI25" s="223">
        <v>1195</v>
      </c>
    </row>
    <row r="26" spans="2:35" ht="21" customHeight="1" x14ac:dyDescent="0.2">
      <c r="B26" s="49" t="s">
        <v>25</v>
      </c>
      <c r="C26" s="220">
        <v>99</v>
      </c>
      <c r="D26" s="221">
        <v>165</v>
      </c>
      <c r="E26" s="222">
        <v>264</v>
      </c>
      <c r="F26" s="213">
        <v>0</v>
      </c>
      <c r="G26" s="221">
        <v>356</v>
      </c>
      <c r="H26" s="221">
        <v>292</v>
      </c>
      <c r="I26" s="221">
        <v>159</v>
      </c>
      <c r="J26" s="221">
        <v>135</v>
      </c>
      <c r="K26" s="221">
        <v>66</v>
      </c>
      <c r="L26" s="222">
        <v>1008</v>
      </c>
      <c r="M26" s="223">
        <v>1272</v>
      </c>
      <c r="N26" s="224">
        <v>1</v>
      </c>
      <c r="O26" s="221">
        <v>6</v>
      </c>
      <c r="P26" s="222">
        <v>7</v>
      </c>
      <c r="Q26" s="213">
        <v>0</v>
      </c>
      <c r="R26" s="221">
        <v>6</v>
      </c>
      <c r="S26" s="221">
        <v>13</v>
      </c>
      <c r="T26" s="221">
        <v>3</v>
      </c>
      <c r="U26" s="221">
        <v>2</v>
      </c>
      <c r="V26" s="221">
        <v>3</v>
      </c>
      <c r="W26" s="222">
        <v>27</v>
      </c>
      <c r="X26" s="223">
        <v>34</v>
      </c>
      <c r="Y26" s="220">
        <v>100</v>
      </c>
      <c r="Z26" s="221">
        <v>171</v>
      </c>
      <c r="AA26" s="222">
        <v>271</v>
      </c>
      <c r="AB26" s="213">
        <v>0</v>
      </c>
      <c r="AC26" s="221">
        <v>362</v>
      </c>
      <c r="AD26" s="221">
        <v>305</v>
      </c>
      <c r="AE26" s="221">
        <v>162</v>
      </c>
      <c r="AF26" s="221">
        <v>137</v>
      </c>
      <c r="AG26" s="221">
        <v>69</v>
      </c>
      <c r="AH26" s="222">
        <v>1035</v>
      </c>
      <c r="AI26" s="223">
        <v>1306</v>
      </c>
    </row>
    <row r="27" spans="2:35" ht="21" customHeight="1" x14ac:dyDescent="0.2">
      <c r="B27" s="49" t="s">
        <v>26</v>
      </c>
      <c r="C27" s="220">
        <v>78</v>
      </c>
      <c r="D27" s="221">
        <v>109</v>
      </c>
      <c r="E27" s="222">
        <v>187</v>
      </c>
      <c r="F27" s="213">
        <v>0</v>
      </c>
      <c r="G27" s="221">
        <v>304</v>
      </c>
      <c r="H27" s="221">
        <v>254</v>
      </c>
      <c r="I27" s="221">
        <v>182</v>
      </c>
      <c r="J27" s="221">
        <v>109</v>
      </c>
      <c r="K27" s="221">
        <v>77</v>
      </c>
      <c r="L27" s="222">
        <v>926</v>
      </c>
      <c r="M27" s="223">
        <v>1113</v>
      </c>
      <c r="N27" s="224">
        <v>0</v>
      </c>
      <c r="O27" s="221">
        <v>0</v>
      </c>
      <c r="P27" s="222">
        <v>0</v>
      </c>
      <c r="Q27" s="213">
        <v>0</v>
      </c>
      <c r="R27" s="221">
        <v>8</v>
      </c>
      <c r="S27" s="221">
        <v>4</v>
      </c>
      <c r="T27" s="221">
        <v>1</v>
      </c>
      <c r="U27" s="221">
        <v>3</v>
      </c>
      <c r="V27" s="221">
        <v>1</v>
      </c>
      <c r="W27" s="222">
        <v>17</v>
      </c>
      <c r="X27" s="223">
        <v>17</v>
      </c>
      <c r="Y27" s="220">
        <v>78</v>
      </c>
      <c r="Z27" s="221">
        <v>109</v>
      </c>
      <c r="AA27" s="222">
        <v>187</v>
      </c>
      <c r="AB27" s="213">
        <v>0</v>
      </c>
      <c r="AC27" s="221">
        <v>312</v>
      </c>
      <c r="AD27" s="221">
        <v>258</v>
      </c>
      <c r="AE27" s="221">
        <v>183</v>
      </c>
      <c r="AF27" s="221">
        <v>112</v>
      </c>
      <c r="AG27" s="221">
        <v>78</v>
      </c>
      <c r="AH27" s="222">
        <v>943</v>
      </c>
      <c r="AI27" s="223">
        <v>1130</v>
      </c>
    </row>
    <row r="28" spans="2:35" ht="21" customHeight="1" x14ac:dyDescent="0.2">
      <c r="B28" s="49" t="s">
        <v>27</v>
      </c>
      <c r="C28" s="220">
        <v>131</v>
      </c>
      <c r="D28" s="221">
        <v>177</v>
      </c>
      <c r="E28" s="222">
        <v>308</v>
      </c>
      <c r="F28" s="213">
        <v>0</v>
      </c>
      <c r="G28" s="221">
        <v>253</v>
      </c>
      <c r="H28" s="221">
        <v>196</v>
      </c>
      <c r="I28" s="221">
        <v>153</v>
      </c>
      <c r="J28" s="221">
        <v>115</v>
      </c>
      <c r="K28" s="221">
        <v>64</v>
      </c>
      <c r="L28" s="222">
        <v>781</v>
      </c>
      <c r="M28" s="223">
        <v>1089</v>
      </c>
      <c r="N28" s="224">
        <v>1</v>
      </c>
      <c r="O28" s="221">
        <v>4</v>
      </c>
      <c r="P28" s="222">
        <v>5</v>
      </c>
      <c r="Q28" s="213">
        <v>0</v>
      </c>
      <c r="R28" s="221">
        <v>5</v>
      </c>
      <c r="S28" s="221">
        <v>4</v>
      </c>
      <c r="T28" s="221">
        <v>3</v>
      </c>
      <c r="U28" s="221">
        <v>1</v>
      </c>
      <c r="V28" s="221">
        <v>3</v>
      </c>
      <c r="W28" s="222">
        <v>16</v>
      </c>
      <c r="X28" s="223">
        <v>21</v>
      </c>
      <c r="Y28" s="220">
        <v>132</v>
      </c>
      <c r="Z28" s="221">
        <v>181</v>
      </c>
      <c r="AA28" s="222">
        <v>313</v>
      </c>
      <c r="AB28" s="213">
        <v>0</v>
      </c>
      <c r="AC28" s="221">
        <v>258</v>
      </c>
      <c r="AD28" s="221">
        <v>200</v>
      </c>
      <c r="AE28" s="221">
        <v>156</v>
      </c>
      <c r="AF28" s="221">
        <v>116</v>
      </c>
      <c r="AG28" s="221">
        <v>67</v>
      </c>
      <c r="AH28" s="222">
        <v>797</v>
      </c>
      <c r="AI28" s="223">
        <v>1110</v>
      </c>
    </row>
    <row r="29" spans="2:35" ht="21" customHeight="1" x14ac:dyDescent="0.2">
      <c r="B29" s="49" t="s">
        <v>28</v>
      </c>
      <c r="C29" s="220">
        <v>10</v>
      </c>
      <c r="D29" s="221">
        <v>23</v>
      </c>
      <c r="E29" s="222">
        <v>33</v>
      </c>
      <c r="F29" s="213">
        <v>0</v>
      </c>
      <c r="G29" s="221">
        <v>75</v>
      </c>
      <c r="H29" s="221">
        <v>100</v>
      </c>
      <c r="I29" s="221">
        <v>52</v>
      </c>
      <c r="J29" s="221">
        <v>43</v>
      </c>
      <c r="K29" s="221">
        <v>19</v>
      </c>
      <c r="L29" s="222">
        <v>289</v>
      </c>
      <c r="M29" s="223">
        <v>322</v>
      </c>
      <c r="N29" s="224">
        <v>0</v>
      </c>
      <c r="O29" s="221">
        <v>1</v>
      </c>
      <c r="P29" s="222">
        <v>1</v>
      </c>
      <c r="Q29" s="213">
        <v>0</v>
      </c>
      <c r="R29" s="221">
        <v>0</v>
      </c>
      <c r="S29" s="221">
        <v>1</v>
      </c>
      <c r="T29" s="221">
        <v>0</v>
      </c>
      <c r="U29" s="221">
        <v>1</v>
      </c>
      <c r="V29" s="221">
        <v>3</v>
      </c>
      <c r="W29" s="222">
        <v>5</v>
      </c>
      <c r="X29" s="223">
        <v>6</v>
      </c>
      <c r="Y29" s="220">
        <v>10</v>
      </c>
      <c r="Z29" s="221">
        <v>24</v>
      </c>
      <c r="AA29" s="222">
        <v>34</v>
      </c>
      <c r="AB29" s="213">
        <v>0</v>
      </c>
      <c r="AC29" s="221">
        <v>75</v>
      </c>
      <c r="AD29" s="221">
        <v>101</v>
      </c>
      <c r="AE29" s="221">
        <v>52</v>
      </c>
      <c r="AF29" s="221">
        <v>44</v>
      </c>
      <c r="AG29" s="221">
        <v>22</v>
      </c>
      <c r="AH29" s="222">
        <v>294</v>
      </c>
      <c r="AI29" s="223">
        <v>328</v>
      </c>
    </row>
    <row r="30" spans="2:35" ht="21" customHeight="1" x14ac:dyDescent="0.2">
      <c r="B30" s="49" t="s">
        <v>29</v>
      </c>
      <c r="C30" s="220">
        <v>35</v>
      </c>
      <c r="D30" s="221">
        <v>33</v>
      </c>
      <c r="E30" s="222">
        <v>68</v>
      </c>
      <c r="F30" s="213">
        <v>0</v>
      </c>
      <c r="G30" s="221">
        <v>92</v>
      </c>
      <c r="H30" s="221">
        <v>102</v>
      </c>
      <c r="I30" s="221">
        <v>59</v>
      </c>
      <c r="J30" s="221">
        <v>49</v>
      </c>
      <c r="K30" s="221">
        <v>25</v>
      </c>
      <c r="L30" s="222">
        <v>327</v>
      </c>
      <c r="M30" s="223">
        <v>395</v>
      </c>
      <c r="N30" s="224">
        <v>1</v>
      </c>
      <c r="O30" s="221">
        <v>3</v>
      </c>
      <c r="P30" s="222">
        <v>4</v>
      </c>
      <c r="Q30" s="213">
        <v>0</v>
      </c>
      <c r="R30" s="221">
        <v>2</v>
      </c>
      <c r="S30" s="221">
        <v>4</v>
      </c>
      <c r="T30" s="221">
        <v>2</v>
      </c>
      <c r="U30" s="221">
        <v>1</v>
      </c>
      <c r="V30" s="221">
        <v>0</v>
      </c>
      <c r="W30" s="222">
        <v>9</v>
      </c>
      <c r="X30" s="223">
        <v>13</v>
      </c>
      <c r="Y30" s="220">
        <v>36</v>
      </c>
      <c r="Z30" s="221">
        <v>36</v>
      </c>
      <c r="AA30" s="222">
        <v>72</v>
      </c>
      <c r="AB30" s="213">
        <v>0</v>
      </c>
      <c r="AC30" s="221">
        <v>94</v>
      </c>
      <c r="AD30" s="221">
        <v>106</v>
      </c>
      <c r="AE30" s="221">
        <v>61</v>
      </c>
      <c r="AF30" s="221">
        <v>50</v>
      </c>
      <c r="AG30" s="221">
        <v>25</v>
      </c>
      <c r="AH30" s="222">
        <v>336</v>
      </c>
      <c r="AI30" s="223">
        <v>408</v>
      </c>
    </row>
    <row r="31" spans="2:35" ht="21" customHeight="1" x14ac:dyDescent="0.2">
      <c r="B31" s="49" t="s">
        <v>30</v>
      </c>
      <c r="C31" s="220">
        <v>41</v>
      </c>
      <c r="D31" s="221">
        <v>29</v>
      </c>
      <c r="E31" s="222">
        <v>70</v>
      </c>
      <c r="F31" s="213">
        <v>0</v>
      </c>
      <c r="G31" s="221">
        <v>96</v>
      </c>
      <c r="H31" s="221">
        <v>79</v>
      </c>
      <c r="I31" s="221">
        <v>66</v>
      </c>
      <c r="J31" s="221">
        <v>50</v>
      </c>
      <c r="K31" s="221">
        <v>15</v>
      </c>
      <c r="L31" s="222">
        <v>306</v>
      </c>
      <c r="M31" s="223">
        <v>376</v>
      </c>
      <c r="N31" s="224">
        <v>0</v>
      </c>
      <c r="O31" s="221">
        <v>0</v>
      </c>
      <c r="P31" s="222">
        <v>0</v>
      </c>
      <c r="Q31" s="213">
        <v>0</v>
      </c>
      <c r="R31" s="221">
        <v>1</v>
      </c>
      <c r="S31" s="221">
        <v>0</v>
      </c>
      <c r="T31" s="221">
        <v>3</v>
      </c>
      <c r="U31" s="221">
        <v>1</v>
      </c>
      <c r="V31" s="221">
        <v>0</v>
      </c>
      <c r="W31" s="222">
        <v>5</v>
      </c>
      <c r="X31" s="223">
        <v>5</v>
      </c>
      <c r="Y31" s="220">
        <v>41</v>
      </c>
      <c r="Z31" s="221">
        <v>29</v>
      </c>
      <c r="AA31" s="222">
        <v>70</v>
      </c>
      <c r="AB31" s="213">
        <v>0</v>
      </c>
      <c r="AC31" s="221">
        <v>97</v>
      </c>
      <c r="AD31" s="221">
        <v>79</v>
      </c>
      <c r="AE31" s="221">
        <v>69</v>
      </c>
      <c r="AF31" s="221">
        <v>51</v>
      </c>
      <c r="AG31" s="221">
        <v>15</v>
      </c>
      <c r="AH31" s="222">
        <v>311</v>
      </c>
      <c r="AI31" s="223">
        <v>381</v>
      </c>
    </row>
    <row r="32" spans="2:35" ht="21" customHeight="1" x14ac:dyDescent="0.2">
      <c r="B32" s="49" t="s">
        <v>31</v>
      </c>
      <c r="C32" s="220">
        <v>25</v>
      </c>
      <c r="D32" s="221">
        <v>54</v>
      </c>
      <c r="E32" s="222">
        <v>79</v>
      </c>
      <c r="F32" s="213">
        <v>0</v>
      </c>
      <c r="G32" s="221">
        <v>113</v>
      </c>
      <c r="H32" s="221">
        <v>97</v>
      </c>
      <c r="I32" s="221">
        <v>56</v>
      </c>
      <c r="J32" s="221">
        <v>35</v>
      </c>
      <c r="K32" s="221">
        <v>19</v>
      </c>
      <c r="L32" s="222">
        <v>320</v>
      </c>
      <c r="M32" s="223">
        <v>399</v>
      </c>
      <c r="N32" s="224">
        <v>0</v>
      </c>
      <c r="O32" s="221">
        <v>1</v>
      </c>
      <c r="P32" s="222">
        <v>1</v>
      </c>
      <c r="Q32" s="213">
        <v>0</v>
      </c>
      <c r="R32" s="221">
        <v>3</v>
      </c>
      <c r="S32" s="221">
        <v>1</v>
      </c>
      <c r="T32" s="221">
        <v>0</v>
      </c>
      <c r="U32" s="221">
        <v>2</v>
      </c>
      <c r="V32" s="221">
        <v>2</v>
      </c>
      <c r="W32" s="222">
        <v>8</v>
      </c>
      <c r="X32" s="223">
        <v>9</v>
      </c>
      <c r="Y32" s="220">
        <v>25</v>
      </c>
      <c r="Z32" s="221">
        <v>55</v>
      </c>
      <c r="AA32" s="222">
        <v>80</v>
      </c>
      <c r="AB32" s="213">
        <v>0</v>
      </c>
      <c r="AC32" s="221">
        <v>116</v>
      </c>
      <c r="AD32" s="221">
        <v>98</v>
      </c>
      <c r="AE32" s="221">
        <v>56</v>
      </c>
      <c r="AF32" s="221">
        <v>37</v>
      </c>
      <c r="AG32" s="221">
        <v>21</v>
      </c>
      <c r="AH32" s="222">
        <v>328</v>
      </c>
      <c r="AI32" s="223">
        <v>408</v>
      </c>
    </row>
    <row r="33" spans="2:35" ht="21" customHeight="1" x14ac:dyDescent="0.2">
      <c r="B33" s="49" t="s">
        <v>32</v>
      </c>
      <c r="C33" s="220">
        <v>31</v>
      </c>
      <c r="D33" s="221">
        <v>44</v>
      </c>
      <c r="E33" s="222">
        <v>75</v>
      </c>
      <c r="F33" s="213">
        <v>0</v>
      </c>
      <c r="G33" s="221">
        <v>138</v>
      </c>
      <c r="H33" s="221">
        <v>115</v>
      </c>
      <c r="I33" s="221">
        <v>67</v>
      </c>
      <c r="J33" s="221">
        <v>51</v>
      </c>
      <c r="K33" s="221">
        <v>33</v>
      </c>
      <c r="L33" s="222">
        <v>404</v>
      </c>
      <c r="M33" s="223">
        <v>479</v>
      </c>
      <c r="N33" s="224">
        <v>0</v>
      </c>
      <c r="O33" s="221">
        <v>1</v>
      </c>
      <c r="P33" s="222">
        <v>1</v>
      </c>
      <c r="Q33" s="213">
        <v>0</v>
      </c>
      <c r="R33" s="221">
        <v>7</v>
      </c>
      <c r="S33" s="221">
        <v>6</v>
      </c>
      <c r="T33" s="221">
        <v>2</v>
      </c>
      <c r="U33" s="221">
        <v>2</v>
      </c>
      <c r="V33" s="221">
        <v>3</v>
      </c>
      <c r="W33" s="222">
        <v>20</v>
      </c>
      <c r="X33" s="223">
        <v>21</v>
      </c>
      <c r="Y33" s="220">
        <v>31</v>
      </c>
      <c r="Z33" s="221">
        <v>45</v>
      </c>
      <c r="AA33" s="222">
        <v>76</v>
      </c>
      <c r="AB33" s="213">
        <v>0</v>
      </c>
      <c r="AC33" s="221">
        <v>145</v>
      </c>
      <c r="AD33" s="221">
        <v>121</v>
      </c>
      <c r="AE33" s="221">
        <v>69</v>
      </c>
      <c r="AF33" s="221">
        <v>53</v>
      </c>
      <c r="AG33" s="221">
        <v>36</v>
      </c>
      <c r="AH33" s="222">
        <v>424</v>
      </c>
      <c r="AI33" s="223">
        <v>500</v>
      </c>
    </row>
    <row r="34" spans="2:35" ht="21" customHeight="1" x14ac:dyDescent="0.2">
      <c r="B34" s="49" t="s">
        <v>33</v>
      </c>
      <c r="C34" s="220">
        <v>44</v>
      </c>
      <c r="D34" s="221">
        <v>58</v>
      </c>
      <c r="E34" s="222">
        <v>102</v>
      </c>
      <c r="F34" s="213">
        <v>0</v>
      </c>
      <c r="G34" s="221">
        <v>129</v>
      </c>
      <c r="H34" s="221">
        <v>84</v>
      </c>
      <c r="I34" s="221">
        <v>55</v>
      </c>
      <c r="J34" s="221">
        <v>32</v>
      </c>
      <c r="K34" s="221">
        <v>22</v>
      </c>
      <c r="L34" s="222">
        <v>322</v>
      </c>
      <c r="M34" s="223">
        <v>424</v>
      </c>
      <c r="N34" s="224">
        <v>0</v>
      </c>
      <c r="O34" s="221">
        <v>0</v>
      </c>
      <c r="P34" s="222">
        <v>0</v>
      </c>
      <c r="Q34" s="213">
        <v>0</v>
      </c>
      <c r="R34" s="221">
        <v>3</v>
      </c>
      <c r="S34" s="221">
        <v>1</v>
      </c>
      <c r="T34" s="221">
        <v>0</v>
      </c>
      <c r="U34" s="221">
        <v>1</v>
      </c>
      <c r="V34" s="221">
        <v>2</v>
      </c>
      <c r="W34" s="222">
        <v>7</v>
      </c>
      <c r="X34" s="223">
        <v>7</v>
      </c>
      <c r="Y34" s="220">
        <v>44</v>
      </c>
      <c r="Z34" s="221">
        <v>58</v>
      </c>
      <c r="AA34" s="222">
        <v>102</v>
      </c>
      <c r="AB34" s="213">
        <v>0</v>
      </c>
      <c r="AC34" s="221">
        <v>132</v>
      </c>
      <c r="AD34" s="221">
        <v>85</v>
      </c>
      <c r="AE34" s="221">
        <v>55</v>
      </c>
      <c r="AF34" s="221">
        <v>33</v>
      </c>
      <c r="AG34" s="221">
        <v>24</v>
      </c>
      <c r="AH34" s="222">
        <v>329</v>
      </c>
      <c r="AI34" s="223">
        <v>431</v>
      </c>
    </row>
    <row r="35" spans="2:35" ht="21" customHeight="1" x14ac:dyDescent="0.2">
      <c r="B35" s="49" t="s">
        <v>34</v>
      </c>
      <c r="C35" s="220">
        <v>19</v>
      </c>
      <c r="D35" s="221">
        <v>25</v>
      </c>
      <c r="E35" s="222">
        <v>44</v>
      </c>
      <c r="F35" s="213">
        <v>0</v>
      </c>
      <c r="G35" s="221">
        <v>101</v>
      </c>
      <c r="H35" s="221">
        <v>71</v>
      </c>
      <c r="I35" s="221">
        <v>35</v>
      </c>
      <c r="J35" s="221">
        <v>34</v>
      </c>
      <c r="K35" s="221">
        <v>18</v>
      </c>
      <c r="L35" s="222">
        <v>259</v>
      </c>
      <c r="M35" s="223">
        <v>303</v>
      </c>
      <c r="N35" s="224">
        <v>0</v>
      </c>
      <c r="O35" s="221">
        <v>0</v>
      </c>
      <c r="P35" s="222">
        <v>0</v>
      </c>
      <c r="Q35" s="213">
        <v>0</v>
      </c>
      <c r="R35" s="221">
        <v>4</v>
      </c>
      <c r="S35" s="221">
        <v>2</v>
      </c>
      <c r="T35" s="221">
        <v>1</v>
      </c>
      <c r="U35" s="221">
        <v>1</v>
      </c>
      <c r="V35" s="221">
        <v>1</v>
      </c>
      <c r="W35" s="222">
        <v>9</v>
      </c>
      <c r="X35" s="223">
        <v>9</v>
      </c>
      <c r="Y35" s="220">
        <v>19</v>
      </c>
      <c r="Z35" s="221">
        <v>25</v>
      </c>
      <c r="AA35" s="222">
        <v>44</v>
      </c>
      <c r="AB35" s="213">
        <v>0</v>
      </c>
      <c r="AC35" s="221">
        <v>105</v>
      </c>
      <c r="AD35" s="221">
        <v>73</v>
      </c>
      <c r="AE35" s="221">
        <v>36</v>
      </c>
      <c r="AF35" s="221">
        <v>35</v>
      </c>
      <c r="AG35" s="221">
        <v>19</v>
      </c>
      <c r="AH35" s="222">
        <v>268</v>
      </c>
      <c r="AI35" s="223">
        <v>312</v>
      </c>
    </row>
    <row r="36" spans="2:35" ht="21" customHeight="1" x14ac:dyDescent="0.2">
      <c r="B36" s="49" t="s">
        <v>35</v>
      </c>
      <c r="C36" s="220">
        <v>72</v>
      </c>
      <c r="D36" s="221">
        <v>109</v>
      </c>
      <c r="E36" s="222">
        <v>181</v>
      </c>
      <c r="F36" s="213">
        <v>0</v>
      </c>
      <c r="G36" s="221">
        <v>388</v>
      </c>
      <c r="H36" s="221">
        <v>233</v>
      </c>
      <c r="I36" s="221">
        <v>131</v>
      </c>
      <c r="J36" s="221">
        <v>129</v>
      </c>
      <c r="K36" s="221">
        <v>53</v>
      </c>
      <c r="L36" s="222">
        <v>934</v>
      </c>
      <c r="M36" s="223">
        <v>1115</v>
      </c>
      <c r="N36" s="224">
        <v>0</v>
      </c>
      <c r="O36" s="221">
        <v>1</v>
      </c>
      <c r="P36" s="222">
        <v>1</v>
      </c>
      <c r="Q36" s="213">
        <v>0</v>
      </c>
      <c r="R36" s="221">
        <v>2</v>
      </c>
      <c r="S36" s="221">
        <v>6</v>
      </c>
      <c r="T36" s="221">
        <v>1</v>
      </c>
      <c r="U36" s="221">
        <v>1</v>
      </c>
      <c r="V36" s="221">
        <v>1</v>
      </c>
      <c r="W36" s="222">
        <v>11</v>
      </c>
      <c r="X36" s="223">
        <v>12</v>
      </c>
      <c r="Y36" s="220">
        <v>72</v>
      </c>
      <c r="Z36" s="221">
        <v>110</v>
      </c>
      <c r="AA36" s="222">
        <v>182</v>
      </c>
      <c r="AB36" s="213">
        <v>0</v>
      </c>
      <c r="AC36" s="221">
        <v>390</v>
      </c>
      <c r="AD36" s="221">
        <v>239</v>
      </c>
      <c r="AE36" s="221">
        <v>132</v>
      </c>
      <c r="AF36" s="221">
        <v>130</v>
      </c>
      <c r="AG36" s="221">
        <v>54</v>
      </c>
      <c r="AH36" s="222">
        <v>945</v>
      </c>
      <c r="AI36" s="223">
        <v>1127</v>
      </c>
    </row>
    <row r="37" spans="2:35" ht="21" customHeight="1" x14ac:dyDescent="0.2">
      <c r="B37" s="49" t="s">
        <v>36</v>
      </c>
      <c r="C37" s="220">
        <v>52</v>
      </c>
      <c r="D37" s="221">
        <v>116</v>
      </c>
      <c r="E37" s="222">
        <v>168</v>
      </c>
      <c r="F37" s="213">
        <v>0</v>
      </c>
      <c r="G37" s="221">
        <v>287</v>
      </c>
      <c r="H37" s="221">
        <v>260</v>
      </c>
      <c r="I37" s="221">
        <v>153</v>
      </c>
      <c r="J37" s="221">
        <v>118</v>
      </c>
      <c r="K37" s="221">
        <v>66</v>
      </c>
      <c r="L37" s="222">
        <v>884</v>
      </c>
      <c r="M37" s="223">
        <v>1052</v>
      </c>
      <c r="N37" s="224">
        <v>1</v>
      </c>
      <c r="O37" s="221">
        <v>5</v>
      </c>
      <c r="P37" s="222">
        <v>6</v>
      </c>
      <c r="Q37" s="213">
        <v>0</v>
      </c>
      <c r="R37" s="221">
        <v>7</v>
      </c>
      <c r="S37" s="221">
        <v>6</v>
      </c>
      <c r="T37" s="221">
        <v>6</v>
      </c>
      <c r="U37" s="221">
        <v>1</v>
      </c>
      <c r="V37" s="221">
        <v>1</v>
      </c>
      <c r="W37" s="222">
        <v>21</v>
      </c>
      <c r="X37" s="223">
        <v>27</v>
      </c>
      <c r="Y37" s="220">
        <v>53</v>
      </c>
      <c r="Z37" s="221">
        <v>121</v>
      </c>
      <c r="AA37" s="222">
        <v>174</v>
      </c>
      <c r="AB37" s="213">
        <v>0</v>
      </c>
      <c r="AC37" s="221">
        <v>294</v>
      </c>
      <c r="AD37" s="221">
        <v>266</v>
      </c>
      <c r="AE37" s="221">
        <v>159</v>
      </c>
      <c r="AF37" s="221">
        <v>119</v>
      </c>
      <c r="AG37" s="221">
        <v>67</v>
      </c>
      <c r="AH37" s="222">
        <v>905</v>
      </c>
      <c r="AI37" s="223">
        <v>1079</v>
      </c>
    </row>
    <row r="38" spans="2:35" ht="21" customHeight="1" thickBot="1" x14ac:dyDescent="0.25">
      <c r="B38" s="50" t="s">
        <v>37</v>
      </c>
      <c r="C38" s="225">
        <v>13</v>
      </c>
      <c r="D38" s="226">
        <v>8</v>
      </c>
      <c r="E38" s="227">
        <v>21</v>
      </c>
      <c r="F38" s="214">
        <v>0</v>
      </c>
      <c r="G38" s="226">
        <v>27</v>
      </c>
      <c r="H38" s="226">
        <v>16</v>
      </c>
      <c r="I38" s="226">
        <v>25</v>
      </c>
      <c r="J38" s="226">
        <v>8</v>
      </c>
      <c r="K38" s="226">
        <v>4</v>
      </c>
      <c r="L38" s="227">
        <v>80</v>
      </c>
      <c r="M38" s="228">
        <v>101</v>
      </c>
      <c r="N38" s="229">
        <v>0</v>
      </c>
      <c r="O38" s="226">
        <v>0</v>
      </c>
      <c r="P38" s="227">
        <v>0</v>
      </c>
      <c r="Q38" s="214">
        <v>0</v>
      </c>
      <c r="R38" s="226">
        <v>1</v>
      </c>
      <c r="S38" s="226">
        <v>1</v>
      </c>
      <c r="T38" s="226">
        <v>1</v>
      </c>
      <c r="U38" s="226">
        <v>2</v>
      </c>
      <c r="V38" s="226">
        <v>0</v>
      </c>
      <c r="W38" s="227">
        <v>5</v>
      </c>
      <c r="X38" s="228">
        <v>5</v>
      </c>
      <c r="Y38" s="225">
        <v>13</v>
      </c>
      <c r="Z38" s="226">
        <v>8</v>
      </c>
      <c r="AA38" s="227">
        <v>21</v>
      </c>
      <c r="AB38" s="214">
        <v>0</v>
      </c>
      <c r="AC38" s="226">
        <v>28</v>
      </c>
      <c r="AD38" s="226">
        <v>17</v>
      </c>
      <c r="AE38" s="226">
        <v>26</v>
      </c>
      <c r="AF38" s="226">
        <v>10</v>
      </c>
      <c r="AG38" s="226">
        <v>4</v>
      </c>
      <c r="AH38" s="227">
        <v>85</v>
      </c>
      <c r="AI38" s="228">
        <v>106</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6">
        <f>第１表!F2</f>
        <v>5</v>
      </c>
      <c r="J1" s="526"/>
      <c r="K1" s="248">
        <f>第１表!G2</f>
        <v>3</v>
      </c>
      <c r="L1" s="530">
        <f>IF(K1&lt;3,K1+12-2,K1-2)</f>
        <v>1</v>
      </c>
      <c r="M1" s="530"/>
    </row>
    <row r="2" spans="2:156" ht="24" customHeight="1" thickBot="1" x14ac:dyDescent="0.25">
      <c r="B2" s="290" t="s">
        <v>138</v>
      </c>
      <c r="G2" s="247"/>
      <c r="H2" s="248"/>
      <c r="J2" s="254"/>
      <c r="K2" s="254"/>
    </row>
    <row r="3" spans="2:156" ht="21" customHeight="1" thickBot="1" x14ac:dyDescent="0.25">
      <c r="B3" s="543"/>
      <c r="C3" s="534" t="s">
        <v>70</v>
      </c>
      <c r="D3" s="535"/>
      <c r="E3" s="535"/>
      <c r="F3" s="535"/>
      <c r="G3" s="535"/>
      <c r="H3" s="535"/>
      <c r="I3" s="535"/>
      <c r="J3" s="535"/>
      <c r="K3" s="535"/>
      <c r="L3" s="535"/>
      <c r="M3" s="536"/>
      <c r="N3" s="534" t="s">
        <v>71</v>
      </c>
      <c r="O3" s="535"/>
      <c r="P3" s="535"/>
      <c r="Q3" s="535"/>
      <c r="R3" s="535"/>
      <c r="S3" s="535"/>
      <c r="T3" s="535"/>
      <c r="U3" s="535"/>
      <c r="V3" s="535"/>
      <c r="W3" s="535"/>
      <c r="X3" s="536"/>
      <c r="Y3" s="534" t="s">
        <v>72</v>
      </c>
      <c r="Z3" s="535"/>
      <c r="AA3" s="535"/>
      <c r="AB3" s="535"/>
      <c r="AC3" s="535"/>
      <c r="AD3" s="535"/>
      <c r="AE3" s="535"/>
      <c r="AF3" s="535"/>
      <c r="AG3" s="535"/>
      <c r="AH3" s="535"/>
      <c r="AI3" s="536"/>
      <c r="AJ3" s="534" t="s">
        <v>73</v>
      </c>
      <c r="AK3" s="535"/>
      <c r="AL3" s="535"/>
      <c r="AM3" s="535"/>
      <c r="AN3" s="535"/>
      <c r="AO3" s="535"/>
      <c r="AP3" s="535"/>
      <c r="AQ3" s="535"/>
      <c r="AR3" s="535"/>
      <c r="AS3" s="535"/>
      <c r="AT3" s="536"/>
      <c r="AU3" s="534" t="s">
        <v>74</v>
      </c>
      <c r="AV3" s="535"/>
      <c r="AW3" s="535"/>
      <c r="AX3" s="535"/>
      <c r="AY3" s="535"/>
      <c r="AZ3" s="535"/>
      <c r="BA3" s="535"/>
      <c r="BB3" s="535"/>
      <c r="BC3" s="535"/>
      <c r="BD3" s="535"/>
      <c r="BE3" s="536"/>
      <c r="BF3" s="534" t="s">
        <v>75</v>
      </c>
      <c r="BG3" s="535"/>
      <c r="BH3" s="535"/>
      <c r="BI3" s="535"/>
      <c r="BJ3" s="535"/>
      <c r="BK3" s="535"/>
      <c r="BL3" s="535"/>
      <c r="BM3" s="535"/>
      <c r="BN3" s="535"/>
      <c r="BO3" s="535"/>
      <c r="BP3" s="536"/>
      <c r="BQ3" s="534" t="s">
        <v>76</v>
      </c>
      <c r="BR3" s="535"/>
      <c r="BS3" s="535"/>
      <c r="BT3" s="535"/>
      <c r="BU3" s="535"/>
      <c r="BV3" s="535"/>
      <c r="BW3" s="535"/>
      <c r="BX3" s="535"/>
      <c r="BY3" s="535"/>
      <c r="BZ3" s="535"/>
      <c r="CA3" s="536"/>
      <c r="CB3" s="534" t="s">
        <v>77</v>
      </c>
      <c r="CC3" s="535"/>
      <c r="CD3" s="535"/>
      <c r="CE3" s="535"/>
      <c r="CF3" s="535"/>
      <c r="CG3" s="535"/>
      <c r="CH3" s="535"/>
      <c r="CI3" s="535"/>
      <c r="CJ3" s="535"/>
      <c r="CK3" s="535"/>
      <c r="CL3" s="536"/>
      <c r="CM3" s="534" t="s">
        <v>78</v>
      </c>
      <c r="CN3" s="535"/>
      <c r="CO3" s="535"/>
      <c r="CP3" s="535"/>
      <c r="CQ3" s="535"/>
      <c r="CR3" s="535"/>
      <c r="CS3" s="535"/>
      <c r="CT3" s="535"/>
      <c r="CU3" s="535"/>
      <c r="CV3" s="535"/>
      <c r="CW3" s="536"/>
      <c r="CX3" s="534" t="s">
        <v>79</v>
      </c>
      <c r="CY3" s="535"/>
      <c r="CZ3" s="535"/>
      <c r="DA3" s="535"/>
      <c r="DB3" s="535"/>
      <c r="DC3" s="535"/>
      <c r="DD3" s="535"/>
      <c r="DE3" s="535"/>
      <c r="DF3" s="535"/>
      <c r="DG3" s="535"/>
      <c r="DH3" s="536"/>
      <c r="DI3" s="534" t="s">
        <v>152</v>
      </c>
      <c r="DJ3" s="535"/>
      <c r="DK3" s="535"/>
      <c r="DL3" s="535"/>
      <c r="DM3" s="535"/>
      <c r="DN3" s="535"/>
      <c r="DO3" s="535"/>
      <c r="DP3" s="535"/>
      <c r="DQ3" s="535"/>
      <c r="DR3" s="535"/>
      <c r="DS3" s="536"/>
      <c r="DT3" s="534" t="s">
        <v>80</v>
      </c>
      <c r="DU3" s="535"/>
      <c r="DV3" s="535"/>
      <c r="DW3" s="535"/>
      <c r="DX3" s="535"/>
      <c r="DY3" s="535"/>
      <c r="DZ3" s="535"/>
      <c r="EA3" s="535"/>
      <c r="EB3" s="535"/>
      <c r="EC3" s="535"/>
      <c r="ED3" s="536"/>
      <c r="EE3" s="534" t="s">
        <v>68</v>
      </c>
      <c r="EF3" s="535"/>
      <c r="EG3" s="535"/>
      <c r="EH3" s="535"/>
      <c r="EI3" s="535"/>
      <c r="EJ3" s="535"/>
      <c r="EK3" s="535"/>
      <c r="EL3" s="535"/>
      <c r="EM3" s="535"/>
      <c r="EN3" s="535"/>
      <c r="EO3" s="536"/>
      <c r="EP3" s="531" t="s">
        <v>69</v>
      </c>
      <c r="EQ3" s="532"/>
      <c r="ER3" s="532"/>
      <c r="ES3" s="532"/>
      <c r="ET3" s="532"/>
      <c r="EU3" s="532"/>
      <c r="EV3" s="532"/>
      <c r="EW3" s="532"/>
      <c r="EX3" s="532"/>
      <c r="EY3" s="532"/>
      <c r="EZ3" s="533"/>
    </row>
    <row r="4" spans="2:156" ht="21" customHeight="1" x14ac:dyDescent="0.2">
      <c r="B4" s="544"/>
      <c r="C4" s="542" t="s">
        <v>61</v>
      </c>
      <c r="D4" s="538"/>
      <c r="E4" s="539"/>
      <c r="F4" s="537" t="s">
        <v>62</v>
      </c>
      <c r="G4" s="538"/>
      <c r="H4" s="538"/>
      <c r="I4" s="538"/>
      <c r="J4" s="538"/>
      <c r="K4" s="538"/>
      <c r="L4" s="546"/>
      <c r="M4" s="540" t="s">
        <v>52</v>
      </c>
      <c r="N4" s="542" t="s">
        <v>61</v>
      </c>
      <c r="O4" s="538"/>
      <c r="P4" s="539"/>
      <c r="Q4" s="537" t="s">
        <v>62</v>
      </c>
      <c r="R4" s="538"/>
      <c r="S4" s="538"/>
      <c r="T4" s="538"/>
      <c r="U4" s="538"/>
      <c r="V4" s="538"/>
      <c r="W4" s="539"/>
      <c r="X4" s="540" t="s">
        <v>52</v>
      </c>
      <c r="Y4" s="542" t="s">
        <v>61</v>
      </c>
      <c r="Z4" s="538"/>
      <c r="AA4" s="539"/>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42" t="s">
        <v>61</v>
      </c>
      <c r="AV4" s="538"/>
      <c r="AW4" s="539"/>
      <c r="AX4" s="537" t="s">
        <v>62</v>
      </c>
      <c r="AY4" s="538"/>
      <c r="AZ4" s="538"/>
      <c r="BA4" s="538"/>
      <c r="BB4" s="538"/>
      <c r="BC4" s="538"/>
      <c r="BD4" s="546"/>
      <c r="BE4" s="540" t="s">
        <v>52</v>
      </c>
      <c r="BF4" s="542" t="s">
        <v>61</v>
      </c>
      <c r="BG4" s="538"/>
      <c r="BH4" s="539"/>
      <c r="BI4" s="537" t="s">
        <v>62</v>
      </c>
      <c r="BJ4" s="538"/>
      <c r="BK4" s="538"/>
      <c r="BL4" s="538"/>
      <c r="BM4" s="538"/>
      <c r="BN4" s="538"/>
      <c r="BO4" s="539"/>
      <c r="BP4" s="540" t="s">
        <v>52</v>
      </c>
      <c r="BQ4" s="542" t="s">
        <v>61</v>
      </c>
      <c r="BR4" s="538"/>
      <c r="BS4" s="539"/>
      <c r="BT4" s="537" t="s">
        <v>62</v>
      </c>
      <c r="BU4" s="538"/>
      <c r="BV4" s="538"/>
      <c r="BW4" s="538"/>
      <c r="BX4" s="538"/>
      <c r="BY4" s="538"/>
      <c r="BZ4" s="539"/>
      <c r="CA4" s="540" t="s">
        <v>52</v>
      </c>
      <c r="CB4" s="542" t="s">
        <v>61</v>
      </c>
      <c r="CC4" s="538"/>
      <c r="CD4" s="539"/>
      <c r="CE4" s="537" t="s">
        <v>62</v>
      </c>
      <c r="CF4" s="538"/>
      <c r="CG4" s="538"/>
      <c r="CH4" s="538"/>
      <c r="CI4" s="538"/>
      <c r="CJ4" s="538"/>
      <c r="CK4" s="539"/>
      <c r="CL4" s="540" t="s">
        <v>52</v>
      </c>
      <c r="CM4" s="542" t="s">
        <v>61</v>
      </c>
      <c r="CN4" s="538"/>
      <c r="CO4" s="539"/>
      <c r="CP4" s="537" t="s">
        <v>62</v>
      </c>
      <c r="CQ4" s="538"/>
      <c r="CR4" s="538"/>
      <c r="CS4" s="538"/>
      <c r="CT4" s="538"/>
      <c r="CU4" s="538"/>
      <c r="CV4" s="539"/>
      <c r="CW4" s="540" t="s">
        <v>52</v>
      </c>
      <c r="CX4" s="542" t="s">
        <v>61</v>
      </c>
      <c r="CY4" s="538"/>
      <c r="CZ4" s="539"/>
      <c r="DA4" s="537" t="s">
        <v>62</v>
      </c>
      <c r="DB4" s="538"/>
      <c r="DC4" s="538"/>
      <c r="DD4" s="538"/>
      <c r="DE4" s="538"/>
      <c r="DF4" s="538"/>
      <c r="DG4" s="539"/>
      <c r="DH4" s="540" t="s">
        <v>52</v>
      </c>
      <c r="DI4" s="542" t="s">
        <v>61</v>
      </c>
      <c r="DJ4" s="538"/>
      <c r="DK4" s="539"/>
      <c r="DL4" s="537" t="s">
        <v>62</v>
      </c>
      <c r="DM4" s="538"/>
      <c r="DN4" s="538"/>
      <c r="DO4" s="538"/>
      <c r="DP4" s="538"/>
      <c r="DQ4" s="538"/>
      <c r="DR4" s="539"/>
      <c r="DS4" s="540" t="s">
        <v>52</v>
      </c>
      <c r="DT4" s="542" t="s">
        <v>61</v>
      </c>
      <c r="DU4" s="538"/>
      <c r="DV4" s="539"/>
      <c r="DW4" s="537" t="s">
        <v>62</v>
      </c>
      <c r="DX4" s="538"/>
      <c r="DY4" s="538"/>
      <c r="DZ4" s="538"/>
      <c r="EA4" s="538"/>
      <c r="EB4" s="538"/>
      <c r="EC4" s="539"/>
      <c r="ED4" s="540" t="s">
        <v>52</v>
      </c>
      <c r="EE4" s="542" t="s">
        <v>61</v>
      </c>
      <c r="EF4" s="538"/>
      <c r="EG4" s="539"/>
      <c r="EH4" s="537" t="s">
        <v>62</v>
      </c>
      <c r="EI4" s="538"/>
      <c r="EJ4" s="538"/>
      <c r="EK4" s="538"/>
      <c r="EL4" s="538"/>
      <c r="EM4" s="538"/>
      <c r="EN4" s="539"/>
      <c r="EO4" s="540" t="s">
        <v>52</v>
      </c>
      <c r="EP4" s="542" t="s">
        <v>61</v>
      </c>
      <c r="EQ4" s="538"/>
      <c r="ER4" s="539"/>
      <c r="ES4" s="537" t="s">
        <v>62</v>
      </c>
      <c r="ET4" s="538"/>
      <c r="EU4" s="538"/>
      <c r="EV4" s="538"/>
      <c r="EW4" s="538"/>
      <c r="EX4" s="538"/>
      <c r="EY4" s="539"/>
      <c r="EZ4" s="540" t="s">
        <v>52</v>
      </c>
    </row>
    <row r="5" spans="2:156" ht="30" customHeight="1" thickBot="1" x14ac:dyDescent="0.25">
      <c r="B5" s="545"/>
      <c r="C5" s="263" t="s">
        <v>43</v>
      </c>
      <c r="D5" s="259" t="s">
        <v>44</v>
      </c>
      <c r="E5" s="382" t="s">
        <v>45</v>
      </c>
      <c r="F5" s="267" t="s">
        <v>83</v>
      </c>
      <c r="G5" s="259" t="s">
        <v>47</v>
      </c>
      <c r="H5" s="259" t="s">
        <v>48</v>
      </c>
      <c r="I5" s="259" t="s">
        <v>49</v>
      </c>
      <c r="J5" s="259" t="s">
        <v>50</v>
      </c>
      <c r="K5" s="259" t="s">
        <v>51</v>
      </c>
      <c r="L5" s="268" t="s">
        <v>45</v>
      </c>
      <c r="M5" s="541"/>
      <c r="N5" s="263" t="s">
        <v>43</v>
      </c>
      <c r="O5" s="259" t="s">
        <v>44</v>
      </c>
      <c r="P5" s="265" t="s">
        <v>45</v>
      </c>
      <c r="Q5" s="267" t="s">
        <v>83</v>
      </c>
      <c r="R5" s="259" t="s">
        <v>47</v>
      </c>
      <c r="S5" s="259" t="s">
        <v>48</v>
      </c>
      <c r="T5" s="259" t="s">
        <v>49</v>
      </c>
      <c r="U5" s="259" t="s">
        <v>50</v>
      </c>
      <c r="V5" s="259" t="s">
        <v>51</v>
      </c>
      <c r="W5" s="265" t="s">
        <v>45</v>
      </c>
      <c r="X5" s="541"/>
      <c r="Y5" s="263" t="s">
        <v>43</v>
      </c>
      <c r="Z5" s="259" t="s">
        <v>44</v>
      </c>
      <c r="AA5" s="265" t="s">
        <v>45</v>
      </c>
      <c r="AB5" s="267" t="s">
        <v>83</v>
      </c>
      <c r="AC5" s="259" t="s">
        <v>47</v>
      </c>
      <c r="AD5" s="259" t="s">
        <v>48</v>
      </c>
      <c r="AE5" s="259" t="s">
        <v>49</v>
      </c>
      <c r="AF5" s="259" t="s">
        <v>50</v>
      </c>
      <c r="AG5" s="259" t="s">
        <v>51</v>
      </c>
      <c r="AH5" s="265" t="s">
        <v>45</v>
      </c>
      <c r="AI5" s="541"/>
      <c r="AJ5" s="263" t="s">
        <v>43</v>
      </c>
      <c r="AK5" s="259" t="s">
        <v>44</v>
      </c>
      <c r="AL5" s="265" t="s">
        <v>45</v>
      </c>
      <c r="AM5" s="267" t="s">
        <v>83</v>
      </c>
      <c r="AN5" s="259" t="s">
        <v>47</v>
      </c>
      <c r="AO5" s="259" t="s">
        <v>48</v>
      </c>
      <c r="AP5" s="259" t="s">
        <v>49</v>
      </c>
      <c r="AQ5" s="259" t="s">
        <v>50</v>
      </c>
      <c r="AR5" s="259" t="s">
        <v>51</v>
      </c>
      <c r="AS5" s="265" t="s">
        <v>45</v>
      </c>
      <c r="AT5" s="541"/>
      <c r="AU5" s="263" t="s">
        <v>43</v>
      </c>
      <c r="AV5" s="259" t="s">
        <v>44</v>
      </c>
      <c r="AW5" s="265" t="s">
        <v>45</v>
      </c>
      <c r="AX5" s="267" t="s">
        <v>83</v>
      </c>
      <c r="AY5" s="259" t="s">
        <v>47</v>
      </c>
      <c r="AZ5" s="259" t="s">
        <v>48</v>
      </c>
      <c r="BA5" s="259" t="s">
        <v>49</v>
      </c>
      <c r="BB5" s="259" t="s">
        <v>50</v>
      </c>
      <c r="BC5" s="259" t="s">
        <v>51</v>
      </c>
      <c r="BD5" s="268" t="s">
        <v>45</v>
      </c>
      <c r="BE5" s="541"/>
      <c r="BF5" s="263" t="s">
        <v>43</v>
      </c>
      <c r="BG5" s="259" t="s">
        <v>44</v>
      </c>
      <c r="BH5" s="265" t="s">
        <v>45</v>
      </c>
      <c r="BI5" s="267" t="s">
        <v>83</v>
      </c>
      <c r="BJ5" s="259" t="s">
        <v>47</v>
      </c>
      <c r="BK5" s="259" t="s">
        <v>48</v>
      </c>
      <c r="BL5" s="259" t="s">
        <v>49</v>
      </c>
      <c r="BM5" s="259" t="s">
        <v>50</v>
      </c>
      <c r="BN5" s="259" t="s">
        <v>51</v>
      </c>
      <c r="BO5" s="265" t="s">
        <v>45</v>
      </c>
      <c r="BP5" s="541"/>
      <c r="BQ5" s="263" t="s">
        <v>43</v>
      </c>
      <c r="BR5" s="259" t="s">
        <v>44</v>
      </c>
      <c r="BS5" s="265" t="s">
        <v>45</v>
      </c>
      <c r="BT5" s="267" t="s">
        <v>83</v>
      </c>
      <c r="BU5" s="259" t="s">
        <v>47</v>
      </c>
      <c r="BV5" s="259" t="s">
        <v>48</v>
      </c>
      <c r="BW5" s="259" t="s">
        <v>49</v>
      </c>
      <c r="BX5" s="259" t="s">
        <v>50</v>
      </c>
      <c r="BY5" s="259" t="s">
        <v>51</v>
      </c>
      <c r="BZ5" s="265" t="s">
        <v>45</v>
      </c>
      <c r="CA5" s="541"/>
      <c r="CB5" s="263" t="s">
        <v>43</v>
      </c>
      <c r="CC5" s="259" t="s">
        <v>44</v>
      </c>
      <c r="CD5" s="265" t="s">
        <v>45</v>
      </c>
      <c r="CE5" s="267" t="s">
        <v>83</v>
      </c>
      <c r="CF5" s="259" t="s">
        <v>47</v>
      </c>
      <c r="CG5" s="259" t="s">
        <v>48</v>
      </c>
      <c r="CH5" s="259" t="s">
        <v>49</v>
      </c>
      <c r="CI5" s="259" t="s">
        <v>50</v>
      </c>
      <c r="CJ5" s="259" t="s">
        <v>51</v>
      </c>
      <c r="CK5" s="265" t="s">
        <v>45</v>
      </c>
      <c r="CL5" s="541"/>
      <c r="CM5" s="263" t="s">
        <v>43</v>
      </c>
      <c r="CN5" s="259" t="s">
        <v>44</v>
      </c>
      <c r="CO5" s="265" t="s">
        <v>45</v>
      </c>
      <c r="CP5" s="267" t="s">
        <v>83</v>
      </c>
      <c r="CQ5" s="259" t="s">
        <v>47</v>
      </c>
      <c r="CR5" s="259" t="s">
        <v>48</v>
      </c>
      <c r="CS5" s="259" t="s">
        <v>49</v>
      </c>
      <c r="CT5" s="259" t="s">
        <v>50</v>
      </c>
      <c r="CU5" s="259" t="s">
        <v>51</v>
      </c>
      <c r="CV5" s="265" t="s">
        <v>45</v>
      </c>
      <c r="CW5" s="541"/>
      <c r="CX5" s="263" t="s">
        <v>43</v>
      </c>
      <c r="CY5" s="259" t="s">
        <v>44</v>
      </c>
      <c r="CZ5" s="265" t="s">
        <v>45</v>
      </c>
      <c r="DA5" s="267" t="s">
        <v>83</v>
      </c>
      <c r="DB5" s="259" t="s">
        <v>47</v>
      </c>
      <c r="DC5" s="259" t="s">
        <v>48</v>
      </c>
      <c r="DD5" s="259" t="s">
        <v>49</v>
      </c>
      <c r="DE5" s="259" t="s">
        <v>50</v>
      </c>
      <c r="DF5" s="259" t="s">
        <v>51</v>
      </c>
      <c r="DG5" s="265" t="s">
        <v>45</v>
      </c>
      <c r="DH5" s="541"/>
      <c r="DI5" s="344" t="s">
        <v>43</v>
      </c>
      <c r="DJ5" s="259" t="s">
        <v>44</v>
      </c>
      <c r="DK5" s="265" t="s">
        <v>45</v>
      </c>
      <c r="DL5" s="267" t="s">
        <v>83</v>
      </c>
      <c r="DM5" s="259" t="s">
        <v>47</v>
      </c>
      <c r="DN5" s="259" t="s">
        <v>48</v>
      </c>
      <c r="DO5" s="259" t="s">
        <v>49</v>
      </c>
      <c r="DP5" s="259" t="s">
        <v>50</v>
      </c>
      <c r="DQ5" s="259" t="s">
        <v>51</v>
      </c>
      <c r="DR5" s="265" t="s">
        <v>45</v>
      </c>
      <c r="DS5" s="541"/>
      <c r="DT5" s="263" t="s">
        <v>43</v>
      </c>
      <c r="DU5" s="259" t="s">
        <v>44</v>
      </c>
      <c r="DV5" s="265" t="s">
        <v>45</v>
      </c>
      <c r="DW5" s="267" t="s">
        <v>83</v>
      </c>
      <c r="DX5" s="259" t="s">
        <v>47</v>
      </c>
      <c r="DY5" s="259" t="s">
        <v>48</v>
      </c>
      <c r="DZ5" s="259" t="s">
        <v>49</v>
      </c>
      <c r="EA5" s="259" t="s">
        <v>50</v>
      </c>
      <c r="EB5" s="259" t="s">
        <v>51</v>
      </c>
      <c r="EC5" s="265" t="s">
        <v>45</v>
      </c>
      <c r="ED5" s="541"/>
      <c r="EE5" s="263" t="s">
        <v>43</v>
      </c>
      <c r="EF5" s="259" t="s">
        <v>44</v>
      </c>
      <c r="EG5" s="265" t="s">
        <v>45</v>
      </c>
      <c r="EH5" s="267" t="s">
        <v>83</v>
      </c>
      <c r="EI5" s="259" t="s">
        <v>47</v>
      </c>
      <c r="EJ5" s="259" t="s">
        <v>48</v>
      </c>
      <c r="EK5" s="259" t="s">
        <v>49</v>
      </c>
      <c r="EL5" s="259" t="s">
        <v>50</v>
      </c>
      <c r="EM5" s="259" t="s">
        <v>51</v>
      </c>
      <c r="EN5" s="265" t="s">
        <v>45</v>
      </c>
      <c r="EO5" s="541"/>
      <c r="EP5" s="263" t="s">
        <v>43</v>
      </c>
      <c r="EQ5" s="259" t="s">
        <v>44</v>
      </c>
      <c r="ER5" s="265" t="s">
        <v>45</v>
      </c>
      <c r="ES5" s="267" t="s">
        <v>83</v>
      </c>
      <c r="ET5" s="259" t="s">
        <v>47</v>
      </c>
      <c r="EU5" s="259" t="s">
        <v>48</v>
      </c>
      <c r="EV5" s="259" t="s">
        <v>49</v>
      </c>
      <c r="EW5" s="259" t="s">
        <v>50</v>
      </c>
      <c r="EX5" s="259" t="s">
        <v>51</v>
      </c>
      <c r="EY5" s="265" t="s">
        <v>45</v>
      </c>
      <c r="EZ5" s="541"/>
    </row>
    <row r="6" spans="2:156" ht="21" customHeight="1" x14ac:dyDescent="0.2">
      <c r="B6" s="260" t="s">
        <v>4</v>
      </c>
      <c r="C6" s="269">
        <v>0</v>
      </c>
      <c r="D6" s="273">
        <v>0</v>
      </c>
      <c r="E6" s="383">
        <v>0</v>
      </c>
      <c r="F6" s="272">
        <v>0</v>
      </c>
      <c r="G6" s="273">
        <v>18978</v>
      </c>
      <c r="H6" s="273">
        <v>22243</v>
      </c>
      <c r="I6" s="273">
        <v>12359</v>
      </c>
      <c r="J6" s="273">
        <v>9955</v>
      </c>
      <c r="K6" s="273">
        <v>7428</v>
      </c>
      <c r="L6" s="274">
        <v>70963</v>
      </c>
      <c r="M6" s="275">
        <v>70963</v>
      </c>
      <c r="N6" s="269">
        <v>2</v>
      </c>
      <c r="O6" s="273">
        <v>21</v>
      </c>
      <c r="P6" s="270">
        <v>23</v>
      </c>
      <c r="Q6" s="272">
        <v>0</v>
      </c>
      <c r="R6" s="273">
        <v>130</v>
      </c>
      <c r="S6" s="273">
        <v>485</v>
      </c>
      <c r="T6" s="273">
        <v>854</v>
      </c>
      <c r="U6" s="273">
        <v>1960</v>
      </c>
      <c r="V6" s="273">
        <v>3371</v>
      </c>
      <c r="W6" s="270">
        <v>6800</v>
      </c>
      <c r="X6" s="275">
        <v>6823</v>
      </c>
      <c r="Y6" s="269">
        <v>2215</v>
      </c>
      <c r="Z6" s="273">
        <v>5302</v>
      </c>
      <c r="AA6" s="270">
        <v>7517</v>
      </c>
      <c r="AB6" s="272">
        <v>0</v>
      </c>
      <c r="AC6" s="273">
        <v>11383</v>
      </c>
      <c r="AD6" s="273">
        <v>15971</v>
      </c>
      <c r="AE6" s="273">
        <v>9748</v>
      </c>
      <c r="AF6" s="273">
        <v>8649</v>
      </c>
      <c r="AG6" s="273">
        <v>6485</v>
      </c>
      <c r="AH6" s="270">
        <v>52236</v>
      </c>
      <c r="AI6" s="275">
        <v>59753</v>
      </c>
      <c r="AJ6" s="269">
        <v>254</v>
      </c>
      <c r="AK6" s="273">
        <v>747</v>
      </c>
      <c r="AL6" s="270">
        <v>1001</v>
      </c>
      <c r="AM6" s="272">
        <v>0</v>
      </c>
      <c r="AN6" s="273">
        <v>1051</v>
      </c>
      <c r="AO6" s="273">
        <v>1639</v>
      </c>
      <c r="AP6" s="273">
        <v>1122</v>
      </c>
      <c r="AQ6" s="273">
        <v>949</v>
      </c>
      <c r="AR6" s="273">
        <v>612</v>
      </c>
      <c r="AS6" s="270">
        <v>5373</v>
      </c>
      <c r="AT6" s="275">
        <v>6374</v>
      </c>
      <c r="AU6" s="269">
        <v>2825</v>
      </c>
      <c r="AV6" s="273">
        <v>3837</v>
      </c>
      <c r="AW6" s="270">
        <v>6662</v>
      </c>
      <c r="AX6" s="272">
        <v>0</v>
      </c>
      <c r="AY6" s="273">
        <v>17598</v>
      </c>
      <c r="AZ6" s="273">
        <v>21919</v>
      </c>
      <c r="BA6" s="273">
        <v>19235</v>
      </c>
      <c r="BB6" s="273">
        <v>18867</v>
      </c>
      <c r="BC6" s="273">
        <v>14199</v>
      </c>
      <c r="BD6" s="274">
        <v>91818</v>
      </c>
      <c r="BE6" s="275">
        <v>98480</v>
      </c>
      <c r="BF6" s="269">
        <v>0</v>
      </c>
      <c r="BG6" s="273">
        <v>1</v>
      </c>
      <c r="BH6" s="270">
        <v>1</v>
      </c>
      <c r="BI6" s="272">
        <v>0</v>
      </c>
      <c r="BJ6" s="273">
        <v>21384</v>
      </c>
      <c r="BK6" s="273">
        <v>19762</v>
      </c>
      <c r="BL6" s="273">
        <v>10723</v>
      </c>
      <c r="BM6" s="273">
        <v>6396</v>
      </c>
      <c r="BN6" s="273">
        <v>3037</v>
      </c>
      <c r="BO6" s="270">
        <v>61302</v>
      </c>
      <c r="BP6" s="275">
        <v>61303</v>
      </c>
      <c r="BQ6" s="269">
        <v>1602</v>
      </c>
      <c r="BR6" s="273">
        <v>2487</v>
      </c>
      <c r="BS6" s="270">
        <v>4089</v>
      </c>
      <c r="BT6" s="272">
        <v>0</v>
      </c>
      <c r="BU6" s="273">
        <v>4336</v>
      </c>
      <c r="BV6" s="273">
        <v>6280</v>
      </c>
      <c r="BW6" s="273">
        <v>3672</v>
      </c>
      <c r="BX6" s="273">
        <v>2342</v>
      </c>
      <c r="BY6" s="273">
        <v>863</v>
      </c>
      <c r="BZ6" s="270">
        <v>17493</v>
      </c>
      <c r="CA6" s="275">
        <v>21582</v>
      </c>
      <c r="CB6" s="269">
        <v>64</v>
      </c>
      <c r="CC6" s="273">
        <v>187</v>
      </c>
      <c r="CD6" s="270">
        <v>251</v>
      </c>
      <c r="CE6" s="272">
        <v>0</v>
      </c>
      <c r="CF6" s="273">
        <v>2048</v>
      </c>
      <c r="CG6" s="273">
        <v>3349</v>
      </c>
      <c r="CH6" s="273">
        <v>4244</v>
      </c>
      <c r="CI6" s="273">
        <v>3003</v>
      </c>
      <c r="CJ6" s="273">
        <v>1667</v>
      </c>
      <c r="CK6" s="270">
        <v>14311</v>
      </c>
      <c r="CL6" s="275">
        <v>14562</v>
      </c>
      <c r="CM6" s="269">
        <v>4</v>
      </c>
      <c r="CN6" s="273">
        <v>19</v>
      </c>
      <c r="CO6" s="270">
        <v>23</v>
      </c>
      <c r="CP6" s="272">
        <v>0</v>
      </c>
      <c r="CQ6" s="273">
        <v>182</v>
      </c>
      <c r="CR6" s="273">
        <v>401</v>
      </c>
      <c r="CS6" s="273">
        <v>493</v>
      </c>
      <c r="CT6" s="273">
        <v>472</v>
      </c>
      <c r="CU6" s="273">
        <v>289</v>
      </c>
      <c r="CV6" s="270">
        <v>1837</v>
      </c>
      <c r="CW6" s="275">
        <v>1860</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1</v>
      </c>
      <c r="DP6" s="273">
        <v>0</v>
      </c>
      <c r="DQ6" s="273">
        <v>0</v>
      </c>
      <c r="DR6" s="270">
        <v>1</v>
      </c>
      <c r="DS6" s="275">
        <v>1</v>
      </c>
      <c r="DT6" s="269">
        <v>10757</v>
      </c>
      <c r="DU6" s="273">
        <v>22615</v>
      </c>
      <c r="DV6" s="270">
        <v>33372</v>
      </c>
      <c r="DW6" s="272">
        <v>0</v>
      </c>
      <c r="DX6" s="273">
        <v>26754</v>
      </c>
      <c r="DY6" s="273">
        <v>44777</v>
      </c>
      <c r="DZ6" s="273">
        <v>26716</v>
      </c>
      <c r="EA6" s="273">
        <v>20729</v>
      </c>
      <c r="EB6" s="273">
        <v>12998</v>
      </c>
      <c r="EC6" s="270">
        <v>131974</v>
      </c>
      <c r="ED6" s="275">
        <v>165346</v>
      </c>
      <c r="EE6" s="269">
        <v>1657</v>
      </c>
      <c r="EF6" s="273">
        <v>1256</v>
      </c>
      <c r="EG6" s="270">
        <v>2913</v>
      </c>
      <c r="EH6" s="272">
        <v>0</v>
      </c>
      <c r="EI6" s="273">
        <v>5913</v>
      </c>
      <c r="EJ6" s="273">
        <v>5314</v>
      </c>
      <c r="EK6" s="273">
        <v>4658</v>
      </c>
      <c r="EL6" s="273">
        <v>5373</v>
      </c>
      <c r="EM6" s="273">
        <v>3083</v>
      </c>
      <c r="EN6" s="270">
        <v>24341</v>
      </c>
      <c r="EO6" s="275">
        <v>27254</v>
      </c>
      <c r="EP6" s="269">
        <v>13773</v>
      </c>
      <c r="EQ6" s="273">
        <v>26813</v>
      </c>
      <c r="ER6" s="270">
        <v>40586</v>
      </c>
      <c r="ES6" s="272">
        <v>0</v>
      </c>
      <c r="ET6" s="273">
        <v>56776</v>
      </c>
      <c r="EU6" s="273">
        <v>59347</v>
      </c>
      <c r="EV6" s="273">
        <v>31580</v>
      </c>
      <c r="EW6" s="273">
        <v>22094</v>
      </c>
      <c r="EX6" s="273">
        <v>13247</v>
      </c>
      <c r="EY6" s="270">
        <v>183044</v>
      </c>
      <c r="EZ6" s="275">
        <v>223630</v>
      </c>
    </row>
    <row r="7" spans="2:156" ht="21" customHeight="1" x14ac:dyDescent="0.2">
      <c r="B7" s="261" t="s">
        <v>5</v>
      </c>
      <c r="C7" s="276">
        <v>0</v>
      </c>
      <c r="D7" s="280">
        <v>0</v>
      </c>
      <c r="E7" s="384">
        <v>0</v>
      </c>
      <c r="F7" s="279">
        <v>0</v>
      </c>
      <c r="G7" s="280">
        <v>6769</v>
      </c>
      <c r="H7" s="280">
        <v>10905</v>
      </c>
      <c r="I7" s="280">
        <v>5363</v>
      </c>
      <c r="J7" s="280">
        <v>4096</v>
      </c>
      <c r="K7" s="280">
        <v>3053</v>
      </c>
      <c r="L7" s="281">
        <v>30186</v>
      </c>
      <c r="M7" s="282">
        <v>30186</v>
      </c>
      <c r="N7" s="276">
        <v>1</v>
      </c>
      <c r="O7" s="280">
        <v>7</v>
      </c>
      <c r="P7" s="277">
        <v>8</v>
      </c>
      <c r="Q7" s="279">
        <v>0</v>
      </c>
      <c r="R7" s="280">
        <v>29</v>
      </c>
      <c r="S7" s="280">
        <v>166</v>
      </c>
      <c r="T7" s="280">
        <v>335</v>
      </c>
      <c r="U7" s="280">
        <v>784</v>
      </c>
      <c r="V7" s="280">
        <v>1446</v>
      </c>
      <c r="W7" s="277">
        <v>2760</v>
      </c>
      <c r="X7" s="282">
        <v>2768</v>
      </c>
      <c r="Y7" s="276">
        <v>979</v>
      </c>
      <c r="Z7" s="280">
        <v>2713</v>
      </c>
      <c r="AA7" s="277">
        <v>3692</v>
      </c>
      <c r="AB7" s="279">
        <v>0</v>
      </c>
      <c r="AC7" s="280">
        <v>4175</v>
      </c>
      <c r="AD7" s="280">
        <v>8057</v>
      </c>
      <c r="AE7" s="280">
        <v>4518</v>
      </c>
      <c r="AF7" s="280">
        <v>3826</v>
      </c>
      <c r="AG7" s="280">
        <v>2845</v>
      </c>
      <c r="AH7" s="277">
        <v>23421</v>
      </c>
      <c r="AI7" s="282">
        <v>27113</v>
      </c>
      <c r="AJ7" s="276">
        <v>110</v>
      </c>
      <c r="AK7" s="280">
        <v>384</v>
      </c>
      <c r="AL7" s="277">
        <v>494</v>
      </c>
      <c r="AM7" s="279">
        <v>0</v>
      </c>
      <c r="AN7" s="280">
        <v>277</v>
      </c>
      <c r="AO7" s="280">
        <v>678</v>
      </c>
      <c r="AP7" s="280">
        <v>463</v>
      </c>
      <c r="AQ7" s="280">
        <v>388</v>
      </c>
      <c r="AR7" s="280">
        <v>221</v>
      </c>
      <c r="AS7" s="277">
        <v>2027</v>
      </c>
      <c r="AT7" s="282">
        <v>2521</v>
      </c>
      <c r="AU7" s="276">
        <v>1186</v>
      </c>
      <c r="AV7" s="280">
        <v>1898</v>
      </c>
      <c r="AW7" s="277">
        <v>3084</v>
      </c>
      <c r="AX7" s="279">
        <v>0</v>
      </c>
      <c r="AY7" s="280">
        <v>6479</v>
      </c>
      <c r="AZ7" s="280">
        <v>9549</v>
      </c>
      <c r="BA7" s="280">
        <v>7858</v>
      </c>
      <c r="BB7" s="280">
        <v>7616</v>
      </c>
      <c r="BC7" s="280">
        <v>5816</v>
      </c>
      <c r="BD7" s="281">
        <v>37318</v>
      </c>
      <c r="BE7" s="282">
        <v>40402</v>
      </c>
      <c r="BF7" s="276">
        <v>0</v>
      </c>
      <c r="BG7" s="280">
        <v>0</v>
      </c>
      <c r="BH7" s="277">
        <v>0</v>
      </c>
      <c r="BI7" s="279">
        <v>0</v>
      </c>
      <c r="BJ7" s="280">
        <v>6731</v>
      </c>
      <c r="BK7" s="280">
        <v>8067</v>
      </c>
      <c r="BL7" s="280">
        <v>3983</v>
      </c>
      <c r="BM7" s="280">
        <v>2252</v>
      </c>
      <c r="BN7" s="280">
        <v>1093</v>
      </c>
      <c r="BO7" s="277">
        <v>22126</v>
      </c>
      <c r="BP7" s="282">
        <v>22126</v>
      </c>
      <c r="BQ7" s="276">
        <v>700</v>
      </c>
      <c r="BR7" s="280">
        <v>1124</v>
      </c>
      <c r="BS7" s="277">
        <v>1824</v>
      </c>
      <c r="BT7" s="279">
        <v>0</v>
      </c>
      <c r="BU7" s="280">
        <v>1320</v>
      </c>
      <c r="BV7" s="280">
        <v>2842</v>
      </c>
      <c r="BW7" s="280">
        <v>1625</v>
      </c>
      <c r="BX7" s="280">
        <v>1034</v>
      </c>
      <c r="BY7" s="280">
        <v>394</v>
      </c>
      <c r="BZ7" s="277">
        <v>7215</v>
      </c>
      <c r="CA7" s="282">
        <v>9039</v>
      </c>
      <c r="CB7" s="276">
        <v>19</v>
      </c>
      <c r="CC7" s="280">
        <v>84</v>
      </c>
      <c r="CD7" s="277">
        <v>103</v>
      </c>
      <c r="CE7" s="279">
        <v>0</v>
      </c>
      <c r="CF7" s="280">
        <v>590</v>
      </c>
      <c r="CG7" s="280">
        <v>1257</v>
      </c>
      <c r="CH7" s="280">
        <v>1573</v>
      </c>
      <c r="CI7" s="280">
        <v>1107</v>
      </c>
      <c r="CJ7" s="280">
        <v>632</v>
      </c>
      <c r="CK7" s="277">
        <v>5159</v>
      </c>
      <c r="CL7" s="282">
        <v>5262</v>
      </c>
      <c r="CM7" s="276">
        <v>2</v>
      </c>
      <c r="CN7" s="280">
        <v>14</v>
      </c>
      <c r="CO7" s="277">
        <v>16</v>
      </c>
      <c r="CP7" s="279">
        <v>0</v>
      </c>
      <c r="CQ7" s="280">
        <v>71</v>
      </c>
      <c r="CR7" s="280">
        <v>221</v>
      </c>
      <c r="CS7" s="280">
        <v>276</v>
      </c>
      <c r="CT7" s="280">
        <v>262</v>
      </c>
      <c r="CU7" s="280">
        <v>172</v>
      </c>
      <c r="CV7" s="277">
        <v>1002</v>
      </c>
      <c r="CW7" s="282">
        <v>1018</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652</v>
      </c>
      <c r="DU7" s="280">
        <v>9676</v>
      </c>
      <c r="DV7" s="277">
        <v>13328</v>
      </c>
      <c r="DW7" s="279">
        <v>0</v>
      </c>
      <c r="DX7" s="280">
        <v>7532</v>
      </c>
      <c r="DY7" s="280">
        <v>19765</v>
      </c>
      <c r="DZ7" s="280">
        <v>10799</v>
      </c>
      <c r="EA7" s="280">
        <v>8161</v>
      </c>
      <c r="EB7" s="280">
        <v>5263</v>
      </c>
      <c r="EC7" s="277">
        <v>51520</v>
      </c>
      <c r="ED7" s="282">
        <v>64848</v>
      </c>
      <c r="EE7" s="276">
        <v>702</v>
      </c>
      <c r="EF7" s="280">
        <v>550</v>
      </c>
      <c r="EG7" s="277">
        <v>1252</v>
      </c>
      <c r="EH7" s="279">
        <v>0</v>
      </c>
      <c r="EI7" s="280">
        <v>2369</v>
      </c>
      <c r="EJ7" s="280">
        <v>2520</v>
      </c>
      <c r="EK7" s="280">
        <v>2043</v>
      </c>
      <c r="EL7" s="280">
        <v>2384</v>
      </c>
      <c r="EM7" s="280">
        <v>1313</v>
      </c>
      <c r="EN7" s="277">
        <v>10629</v>
      </c>
      <c r="EO7" s="282">
        <v>11881</v>
      </c>
      <c r="EP7" s="276">
        <v>5046</v>
      </c>
      <c r="EQ7" s="280">
        <v>11805</v>
      </c>
      <c r="ER7" s="277">
        <v>16851</v>
      </c>
      <c r="ES7" s="279">
        <v>0</v>
      </c>
      <c r="ET7" s="280">
        <v>18534</v>
      </c>
      <c r="EU7" s="280">
        <v>26673</v>
      </c>
      <c r="EV7" s="280">
        <v>13001</v>
      </c>
      <c r="EW7" s="280">
        <v>8868</v>
      </c>
      <c r="EX7" s="280">
        <v>5414</v>
      </c>
      <c r="EY7" s="277">
        <v>72490</v>
      </c>
      <c r="EZ7" s="282">
        <v>89341</v>
      </c>
    </row>
    <row r="8" spans="2:156" ht="21" customHeight="1" x14ac:dyDescent="0.2">
      <c r="B8" s="261" t="s">
        <v>6</v>
      </c>
      <c r="C8" s="276">
        <v>0</v>
      </c>
      <c r="D8" s="280">
        <v>0</v>
      </c>
      <c r="E8" s="384">
        <v>0</v>
      </c>
      <c r="F8" s="279">
        <v>0</v>
      </c>
      <c r="G8" s="280">
        <v>3366</v>
      </c>
      <c r="H8" s="280">
        <v>2831</v>
      </c>
      <c r="I8" s="280">
        <v>1851</v>
      </c>
      <c r="J8" s="280">
        <v>1571</v>
      </c>
      <c r="K8" s="280">
        <v>1186</v>
      </c>
      <c r="L8" s="281">
        <v>10805</v>
      </c>
      <c r="M8" s="282">
        <v>10805</v>
      </c>
      <c r="N8" s="276">
        <v>0</v>
      </c>
      <c r="O8" s="280">
        <v>4</v>
      </c>
      <c r="P8" s="277">
        <v>4</v>
      </c>
      <c r="Q8" s="279">
        <v>0</v>
      </c>
      <c r="R8" s="280">
        <v>19</v>
      </c>
      <c r="S8" s="280">
        <v>71</v>
      </c>
      <c r="T8" s="280">
        <v>108</v>
      </c>
      <c r="U8" s="280">
        <v>287</v>
      </c>
      <c r="V8" s="280">
        <v>482</v>
      </c>
      <c r="W8" s="277">
        <v>967</v>
      </c>
      <c r="X8" s="282">
        <v>971</v>
      </c>
      <c r="Y8" s="276">
        <v>317</v>
      </c>
      <c r="Z8" s="280">
        <v>670</v>
      </c>
      <c r="AA8" s="277">
        <v>987</v>
      </c>
      <c r="AB8" s="279">
        <v>0</v>
      </c>
      <c r="AC8" s="280">
        <v>2049</v>
      </c>
      <c r="AD8" s="280">
        <v>1988</v>
      </c>
      <c r="AE8" s="280">
        <v>1355</v>
      </c>
      <c r="AF8" s="280">
        <v>1309</v>
      </c>
      <c r="AG8" s="280">
        <v>971</v>
      </c>
      <c r="AH8" s="277">
        <v>7672</v>
      </c>
      <c r="AI8" s="282">
        <v>8659</v>
      </c>
      <c r="AJ8" s="276">
        <v>15</v>
      </c>
      <c r="AK8" s="280">
        <v>56</v>
      </c>
      <c r="AL8" s="277">
        <v>71</v>
      </c>
      <c r="AM8" s="279">
        <v>0</v>
      </c>
      <c r="AN8" s="280">
        <v>156</v>
      </c>
      <c r="AO8" s="280">
        <v>194</v>
      </c>
      <c r="AP8" s="280">
        <v>131</v>
      </c>
      <c r="AQ8" s="280">
        <v>117</v>
      </c>
      <c r="AR8" s="280">
        <v>75</v>
      </c>
      <c r="AS8" s="277">
        <v>673</v>
      </c>
      <c r="AT8" s="282">
        <v>744</v>
      </c>
      <c r="AU8" s="276">
        <v>478</v>
      </c>
      <c r="AV8" s="280">
        <v>534</v>
      </c>
      <c r="AW8" s="277">
        <v>1012</v>
      </c>
      <c r="AX8" s="279">
        <v>0</v>
      </c>
      <c r="AY8" s="280">
        <v>3275</v>
      </c>
      <c r="AZ8" s="280">
        <v>3465</v>
      </c>
      <c r="BA8" s="280">
        <v>3219</v>
      </c>
      <c r="BB8" s="280">
        <v>3169</v>
      </c>
      <c r="BC8" s="280">
        <v>2454</v>
      </c>
      <c r="BD8" s="281">
        <v>15582</v>
      </c>
      <c r="BE8" s="282">
        <v>16594</v>
      </c>
      <c r="BF8" s="276">
        <v>0</v>
      </c>
      <c r="BG8" s="280">
        <v>0</v>
      </c>
      <c r="BH8" s="277">
        <v>0</v>
      </c>
      <c r="BI8" s="279">
        <v>0</v>
      </c>
      <c r="BJ8" s="280">
        <v>3707</v>
      </c>
      <c r="BK8" s="280">
        <v>2548</v>
      </c>
      <c r="BL8" s="280">
        <v>1519</v>
      </c>
      <c r="BM8" s="280">
        <v>1061</v>
      </c>
      <c r="BN8" s="280">
        <v>491</v>
      </c>
      <c r="BO8" s="277">
        <v>9326</v>
      </c>
      <c r="BP8" s="282">
        <v>9326</v>
      </c>
      <c r="BQ8" s="276">
        <v>103</v>
      </c>
      <c r="BR8" s="280">
        <v>192</v>
      </c>
      <c r="BS8" s="277">
        <v>295</v>
      </c>
      <c r="BT8" s="279">
        <v>0</v>
      </c>
      <c r="BU8" s="280">
        <v>590</v>
      </c>
      <c r="BV8" s="280">
        <v>671</v>
      </c>
      <c r="BW8" s="280">
        <v>477</v>
      </c>
      <c r="BX8" s="280">
        <v>340</v>
      </c>
      <c r="BY8" s="280">
        <v>121</v>
      </c>
      <c r="BZ8" s="277">
        <v>2199</v>
      </c>
      <c r="CA8" s="282">
        <v>2494</v>
      </c>
      <c r="CB8" s="276">
        <v>9</v>
      </c>
      <c r="CC8" s="280">
        <v>18</v>
      </c>
      <c r="CD8" s="277">
        <v>27</v>
      </c>
      <c r="CE8" s="279">
        <v>0</v>
      </c>
      <c r="CF8" s="280">
        <v>286</v>
      </c>
      <c r="CG8" s="280">
        <v>353</v>
      </c>
      <c r="CH8" s="280">
        <v>498</v>
      </c>
      <c r="CI8" s="280">
        <v>392</v>
      </c>
      <c r="CJ8" s="280">
        <v>219</v>
      </c>
      <c r="CK8" s="277">
        <v>1748</v>
      </c>
      <c r="CL8" s="282">
        <v>1775</v>
      </c>
      <c r="CM8" s="276">
        <v>1</v>
      </c>
      <c r="CN8" s="280">
        <v>0</v>
      </c>
      <c r="CO8" s="277">
        <v>1</v>
      </c>
      <c r="CP8" s="279">
        <v>0</v>
      </c>
      <c r="CQ8" s="280">
        <v>24</v>
      </c>
      <c r="CR8" s="280">
        <v>40</v>
      </c>
      <c r="CS8" s="280">
        <v>61</v>
      </c>
      <c r="CT8" s="280">
        <v>60</v>
      </c>
      <c r="CU8" s="280">
        <v>36</v>
      </c>
      <c r="CV8" s="277">
        <v>221</v>
      </c>
      <c r="CW8" s="282">
        <v>222</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55</v>
      </c>
      <c r="DU8" s="280">
        <v>2769</v>
      </c>
      <c r="DV8" s="277">
        <v>4324</v>
      </c>
      <c r="DW8" s="279">
        <v>0</v>
      </c>
      <c r="DX8" s="280">
        <v>4944</v>
      </c>
      <c r="DY8" s="280">
        <v>5637</v>
      </c>
      <c r="DZ8" s="280">
        <v>3940</v>
      </c>
      <c r="EA8" s="280">
        <v>3351</v>
      </c>
      <c r="EB8" s="280">
        <v>2070</v>
      </c>
      <c r="EC8" s="277">
        <v>19942</v>
      </c>
      <c r="ED8" s="282">
        <v>24266</v>
      </c>
      <c r="EE8" s="276">
        <v>240</v>
      </c>
      <c r="EF8" s="280">
        <v>169</v>
      </c>
      <c r="EG8" s="277">
        <v>409</v>
      </c>
      <c r="EH8" s="279">
        <v>0</v>
      </c>
      <c r="EI8" s="280">
        <v>851</v>
      </c>
      <c r="EJ8" s="280">
        <v>687</v>
      </c>
      <c r="EK8" s="280">
        <v>672</v>
      </c>
      <c r="EL8" s="280">
        <v>767</v>
      </c>
      <c r="EM8" s="280">
        <v>472</v>
      </c>
      <c r="EN8" s="277">
        <v>3449</v>
      </c>
      <c r="EO8" s="282">
        <v>3858</v>
      </c>
      <c r="EP8" s="276">
        <v>1872</v>
      </c>
      <c r="EQ8" s="280">
        <v>3225</v>
      </c>
      <c r="ER8" s="277">
        <v>5097</v>
      </c>
      <c r="ES8" s="279">
        <v>0</v>
      </c>
      <c r="ET8" s="280">
        <v>9516</v>
      </c>
      <c r="EU8" s="280">
        <v>7209</v>
      </c>
      <c r="EV8" s="280">
        <v>4452</v>
      </c>
      <c r="EW8" s="280">
        <v>3474</v>
      </c>
      <c r="EX8" s="280">
        <v>2087</v>
      </c>
      <c r="EY8" s="277">
        <v>26738</v>
      </c>
      <c r="EZ8" s="282">
        <v>31835</v>
      </c>
    </row>
    <row r="9" spans="2:156" ht="21" customHeight="1" x14ac:dyDescent="0.2">
      <c r="B9" s="261" t="s">
        <v>14</v>
      </c>
      <c r="C9" s="276">
        <v>0</v>
      </c>
      <c r="D9" s="280">
        <v>0</v>
      </c>
      <c r="E9" s="384">
        <v>0</v>
      </c>
      <c r="F9" s="279">
        <v>0</v>
      </c>
      <c r="G9" s="280">
        <v>1157</v>
      </c>
      <c r="H9" s="280">
        <v>1696</v>
      </c>
      <c r="I9" s="280">
        <v>971</v>
      </c>
      <c r="J9" s="280">
        <v>683</v>
      </c>
      <c r="K9" s="280">
        <v>517</v>
      </c>
      <c r="L9" s="281">
        <v>5024</v>
      </c>
      <c r="M9" s="282">
        <v>5024</v>
      </c>
      <c r="N9" s="276">
        <v>0</v>
      </c>
      <c r="O9" s="280">
        <v>2</v>
      </c>
      <c r="P9" s="277">
        <v>2</v>
      </c>
      <c r="Q9" s="279">
        <v>0</v>
      </c>
      <c r="R9" s="280">
        <v>6</v>
      </c>
      <c r="S9" s="280">
        <v>26</v>
      </c>
      <c r="T9" s="280">
        <v>59</v>
      </c>
      <c r="U9" s="280">
        <v>128</v>
      </c>
      <c r="V9" s="280">
        <v>225</v>
      </c>
      <c r="W9" s="277">
        <v>444</v>
      </c>
      <c r="X9" s="282">
        <v>446</v>
      </c>
      <c r="Y9" s="276">
        <v>113</v>
      </c>
      <c r="Z9" s="280">
        <v>425</v>
      </c>
      <c r="AA9" s="277">
        <v>538</v>
      </c>
      <c r="AB9" s="279">
        <v>0</v>
      </c>
      <c r="AC9" s="280">
        <v>650</v>
      </c>
      <c r="AD9" s="280">
        <v>1151</v>
      </c>
      <c r="AE9" s="280">
        <v>744</v>
      </c>
      <c r="AF9" s="280">
        <v>619</v>
      </c>
      <c r="AG9" s="280">
        <v>439</v>
      </c>
      <c r="AH9" s="277">
        <v>3603</v>
      </c>
      <c r="AI9" s="282">
        <v>4141</v>
      </c>
      <c r="AJ9" s="276">
        <v>5</v>
      </c>
      <c r="AK9" s="280">
        <v>37</v>
      </c>
      <c r="AL9" s="277">
        <v>42</v>
      </c>
      <c r="AM9" s="279">
        <v>0</v>
      </c>
      <c r="AN9" s="280">
        <v>24</v>
      </c>
      <c r="AO9" s="280">
        <v>70</v>
      </c>
      <c r="AP9" s="280">
        <v>54</v>
      </c>
      <c r="AQ9" s="280">
        <v>45</v>
      </c>
      <c r="AR9" s="280">
        <v>22</v>
      </c>
      <c r="AS9" s="277">
        <v>215</v>
      </c>
      <c r="AT9" s="282">
        <v>257</v>
      </c>
      <c r="AU9" s="276">
        <v>182</v>
      </c>
      <c r="AV9" s="280">
        <v>319</v>
      </c>
      <c r="AW9" s="277">
        <v>501</v>
      </c>
      <c r="AX9" s="279">
        <v>0</v>
      </c>
      <c r="AY9" s="280">
        <v>1202</v>
      </c>
      <c r="AZ9" s="280">
        <v>1674</v>
      </c>
      <c r="BA9" s="280">
        <v>1650</v>
      </c>
      <c r="BB9" s="280">
        <v>1394</v>
      </c>
      <c r="BC9" s="280">
        <v>1008</v>
      </c>
      <c r="BD9" s="281">
        <v>6928</v>
      </c>
      <c r="BE9" s="282">
        <v>7429</v>
      </c>
      <c r="BF9" s="276">
        <v>0</v>
      </c>
      <c r="BG9" s="280">
        <v>0</v>
      </c>
      <c r="BH9" s="277">
        <v>0</v>
      </c>
      <c r="BI9" s="279">
        <v>0</v>
      </c>
      <c r="BJ9" s="280">
        <v>1516</v>
      </c>
      <c r="BK9" s="280">
        <v>1760</v>
      </c>
      <c r="BL9" s="280">
        <v>1107</v>
      </c>
      <c r="BM9" s="280">
        <v>599</v>
      </c>
      <c r="BN9" s="280">
        <v>293</v>
      </c>
      <c r="BO9" s="277">
        <v>5275</v>
      </c>
      <c r="BP9" s="282">
        <v>5275</v>
      </c>
      <c r="BQ9" s="276">
        <v>78</v>
      </c>
      <c r="BR9" s="280">
        <v>158</v>
      </c>
      <c r="BS9" s="277">
        <v>236</v>
      </c>
      <c r="BT9" s="279">
        <v>0</v>
      </c>
      <c r="BU9" s="280">
        <v>149</v>
      </c>
      <c r="BV9" s="280">
        <v>406</v>
      </c>
      <c r="BW9" s="280">
        <v>239</v>
      </c>
      <c r="BX9" s="280">
        <v>142</v>
      </c>
      <c r="BY9" s="280">
        <v>44</v>
      </c>
      <c r="BZ9" s="277">
        <v>980</v>
      </c>
      <c r="CA9" s="282">
        <v>1216</v>
      </c>
      <c r="CB9" s="276">
        <v>5</v>
      </c>
      <c r="CC9" s="280">
        <v>9</v>
      </c>
      <c r="CD9" s="277">
        <v>14</v>
      </c>
      <c r="CE9" s="279">
        <v>0</v>
      </c>
      <c r="CF9" s="280">
        <v>125</v>
      </c>
      <c r="CG9" s="280">
        <v>248</v>
      </c>
      <c r="CH9" s="280">
        <v>355</v>
      </c>
      <c r="CI9" s="280">
        <v>264</v>
      </c>
      <c r="CJ9" s="280">
        <v>151</v>
      </c>
      <c r="CK9" s="277">
        <v>1143</v>
      </c>
      <c r="CL9" s="282">
        <v>1157</v>
      </c>
      <c r="CM9" s="276">
        <v>0</v>
      </c>
      <c r="CN9" s="280">
        <v>0</v>
      </c>
      <c r="CO9" s="277">
        <v>0</v>
      </c>
      <c r="CP9" s="279">
        <v>0</v>
      </c>
      <c r="CQ9" s="280">
        <v>3</v>
      </c>
      <c r="CR9" s="280">
        <v>10</v>
      </c>
      <c r="CS9" s="280">
        <v>6</v>
      </c>
      <c r="CT9" s="280">
        <v>8</v>
      </c>
      <c r="CU9" s="280">
        <v>2</v>
      </c>
      <c r="CV9" s="277">
        <v>29</v>
      </c>
      <c r="CW9" s="282">
        <v>29</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27</v>
      </c>
      <c r="DU9" s="280">
        <v>2299</v>
      </c>
      <c r="DV9" s="277">
        <v>3126</v>
      </c>
      <c r="DW9" s="279">
        <v>0</v>
      </c>
      <c r="DX9" s="280">
        <v>1738</v>
      </c>
      <c r="DY9" s="280">
        <v>3796</v>
      </c>
      <c r="DZ9" s="280">
        <v>2344</v>
      </c>
      <c r="EA9" s="280">
        <v>1631</v>
      </c>
      <c r="EB9" s="280">
        <v>936</v>
      </c>
      <c r="EC9" s="277">
        <v>10445</v>
      </c>
      <c r="ED9" s="282">
        <v>13571</v>
      </c>
      <c r="EE9" s="276">
        <v>121</v>
      </c>
      <c r="EF9" s="280">
        <v>114</v>
      </c>
      <c r="EG9" s="277">
        <v>235</v>
      </c>
      <c r="EH9" s="279">
        <v>0</v>
      </c>
      <c r="EI9" s="280">
        <v>327</v>
      </c>
      <c r="EJ9" s="280">
        <v>280</v>
      </c>
      <c r="EK9" s="280">
        <v>274</v>
      </c>
      <c r="EL9" s="280">
        <v>299</v>
      </c>
      <c r="EM9" s="280">
        <v>167</v>
      </c>
      <c r="EN9" s="277">
        <v>1347</v>
      </c>
      <c r="EO9" s="282">
        <v>1582</v>
      </c>
      <c r="EP9" s="276">
        <v>944</v>
      </c>
      <c r="EQ9" s="280">
        <v>2548</v>
      </c>
      <c r="ER9" s="277">
        <v>3492</v>
      </c>
      <c r="ES9" s="279">
        <v>0</v>
      </c>
      <c r="ET9" s="280">
        <v>3767</v>
      </c>
      <c r="EU9" s="280">
        <v>5002</v>
      </c>
      <c r="EV9" s="280">
        <v>2784</v>
      </c>
      <c r="EW9" s="280">
        <v>1718</v>
      </c>
      <c r="EX9" s="280">
        <v>996</v>
      </c>
      <c r="EY9" s="277">
        <v>14267</v>
      </c>
      <c r="EZ9" s="282">
        <v>17759</v>
      </c>
    </row>
    <row r="10" spans="2:156" ht="21" customHeight="1" x14ac:dyDescent="0.2">
      <c r="B10" s="261" t="s">
        <v>7</v>
      </c>
      <c r="C10" s="276">
        <v>0</v>
      </c>
      <c r="D10" s="280">
        <v>0</v>
      </c>
      <c r="E10" s="384">
        <v>0</v>
      </c>
      <c r="F10" s="279">
        <v>0</v>
      </c>
      <c r="G10" s="280">
        <v>1475</v>
      </c>
      <c r="H10" s="280">
        <v>1100</v>
      </c>
      <c r="I10" s="280">
        <v>612</v>
      </c>
      <c r="J10" s="280">
        <v>569</v>
      </c>
      <c r="K10" s="280">
        <v>394</v>
      </c>
      <c r="L10" s="281">
        <v>4150</v>
      </c>
      <c r="M10" s="282">
        <v>4150</v>
      </c>
      <c r="N10" s="276">
        <v>0</v>
      </c>
      <c r="O10" s="280">
        <v>0</v>
      </c>
      <c r="P10" s="277">
        <v>0</v>
      </c>
      <c r="Q10" s="279">
        <v>0</v>
      </c>
      <c r="R10" s="280">
        <v>13</v>
      </c>
      <c r="S10" s="280">
        <v>42</v>
      </c>
      <c r="T10" s="280">
        <v>70</v>
      </c>
      <c r="U10" s="280">
        <v>126</v>
      </c>
      <c r="V10" s="280">
        <v>179</v>
      </c>
      <c r="W10" s="277">
        <v>430</v>
      </c>
      <c r="X10" s="282">
        <v>430</v>
      </c>
      <c r="Y10" s="276">
        <v>15</v>
      </c>
      <c r="Z10" s="280">
        <v>20</v>
      </c>
      <c r="AA10" s="277">
        <v>35</v>
      </c>
      <c r="AB10" s="279">
        <v>0</v>
      </c>
      <c r="AC10" s="280">
        <v>510</v>
      </c>
      <c r="AD10" s="280">
        <v>532</v>
      </c>
      <c r="AE10" s="280">
        <v>327</v>
      </c>
      <c r="AF10" s="280">
        <v>375</v>
      </c>
      <c r="AG10" s="280">
        <v>258</v>
      </c>
      <c r="AH10" s="277">
        <v>2002</v>
      </c>
      <c r="AI10" s="282">
        <v>2037</v>
      </c>
      <c r="AJ10" s="276">
        <v>6</v>
      </c>
      <c r="AK10" s="280">
        <v>6</v>
      </c>
      <c r="AL10" s="277">
        <v>12</v>
      </c>
      <c r="AM10" s="279">
        <v>0</v>
      </c>
      <c r="AN10" s="280">
        <v>61</v>
      </c>
      <c r="AO10" s="280">
        <v>68</v>
      </c>
      <c r="AP10" s="280">
        <v>54</v>
      </c>
      <c r="AQ10" s="280">
        <v>56</v>
      </c>
      <c r="AR10" s="280">
        <v>32</v>
      </c>
      <c r="AS10" s="277">
        <v>271</v>
      </c>
      <c r="AT10" s="282">
        <v>283</v>
      </c>
      <c r="AU10" s="276">
        <v>117</v>
      </c>
      <c r="AV10" s="280">
        <v>101</v>
      </c>
      <c r="AW10" s="277">
        <v>218</v>
      </c>
      <c r="AX10" s="279">
        <v>0</v>
      </c>
      <c r="AY10" s="280">
        <v>1124</v>
      </c>
      <c r="AZ10" s="280">
        <v>1120</v>
      </c>
      <c r="BA10" s="280">
        <v>942</v>
      </c>
      <c r="BB10" s="280">
        <v>985</v>
      </c>
      <c r="BC10" s="280">
        <v>638</v>
      </c>
      <c r="BD10" s="281">
        <v>4809</v>
      </c>
      <c r="BE10" s="282">
        <v>5027</v>
      </c>
      <c r="BF10" s="276">
        <v>0</v>
      </c>
      <c r="BG10" s="280">
        <v>1</v>
      </c>
      <c r="BH10" s="277">
        <v>1</v>
      </c>
      <c r="BI10" s="279">
        <v>0</v>
      </c>
      <c r="BJ10" s="280">
        <v>1678</v>
      </c>
      <c r="BK10" s="280">
        <v>1065</v>
      </c>
      <c r="BL10" s="280">
        <v>556</v>
      </c>
      <c r="BM10" s="280">
        <v>311</v>
      </c>
      <c r="BN10" s="280">
        <v>123</v>
      </c>
      <c r="BO10" s="277">
        <v>3733</v>
      </c>
      <c r="BP10" s="282">
        <v>3734</v>
      </c>
      <c r="BQ10" s="276">
        <v>30</v>
      </c>
      <c r="BR10" s="280">
        <v>54</v>
      </c>
      <c r="BS10" s="277">
        <v>84</v>
      </c>
      <c r="BT10" s="279">
        <v>0</v>
      </c>
      <c r="BU10" s="280">
        <v>251</v>
      </c>
      <c r="BV10" s="280">
        <v>223</v>
      </c>
      <c r="BW10" s="280">
        <v>142</v>
      </c>
      <c r="BX10" s="280">
        <v>72</v>
      </c>
      <c r="BY10" s="280">
        <v>21</v>
      </c>
      <c r="BZ10" s="277">
        <v>709</v>
      </c>
      <c r="CA10" s="282">
        <v>793</v>
      </c>
      <c r="CB10" s="276">
        <v>1</v>
      </c>
      <c r="CC10" s="280">
        <v>2</v>
      </c>
      <c r="CD10" s="277">
        <v>3</v>
      </c>
      <c r="CE10" s="279">
        <v>0</v>
      </c>
      <c r="CF10" s="280">
        <v>181</v>
      </c>
      <c r="CG10" s="280">
        <v>263</v>
      </c>
      <c r="CH10" s="280">
        <v>244</v>
      </c>
      <c r="CI10" s="280">
        <v>175</v>
      </c>
      <c r="CJ10" s="280">
        <v>77</v>
      </c>
      <c r="CK10" s="277">
        <v>940</v>
      </c>
      <c r="CL10" s="282">
        <v>943</v>
      </c>
      <c r="CM10" s="276">
        <v>0</v>
      </c>
      <c r="CN10" s="280">
        <v>0</v>
      </c>
      <c r="CO10" s="277">
        <v>0</v>
      </c>
      <c r="CP10" s="279">
        <v>0</v>
      </c>
      <c r="CQ10" s="280">
        <v>7</v>
      </c>
      <c r="CR10" s="280">
        <v>9</v>
      </c>
      <c r="CS10" s="280">
        <v>20</v>
      </c>
      <c r="CT10" s="280">
        <v>20</v>
      </c>
      <c r="CU10" s="280">
        <v>4</v>
      </c>
      <c r="CV10" s="277">
        <v>60</v>
      </c>
      <c r="CW10" s="282">
        <v>60</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52</v>
      </c>
      <c r="DU10" s="280">
        <v>688</v>
      </c>
      <c r="DV10" s="277">
        <v>1040</v>
      </c>
      <c r="DW10" s="279">
        <v>0</v>
      </c>
      <c r="DX10" s="280">
        <v>2004</v>
      </c>
      <c r="DY10" s="280">
        <v>2245</v>
      </c>
      <c r="DZ10" s="280">
        <v>1299</v>
      </c>
      <c r="EA10" s="280">
        <v>1041</v>
      </c>
      <c r="EB10" s="280">
        <v>583</v>
      </c>
      <c r="EC10" s="277">
        <v>7172</v>
      </c>
      <c r="ED10" s="282">
        <v>8212</v>
      </c>
      <c r="EE10" s="276">
        <v>93</v>
      </c>
      <c r="EF10" s="280">
        <v>45</v>
      </c>
      <c r="EG10" s="277">
        <v>138</v>
      </c>
      <c r="EH10" s="279">
        <v>0</v>
      </c>
      <c r="EI10" s="280">
        <v>478</v>
      </c>
      <c r="EJ10" s="280">
        <v>278</v>
      </c>
      <c r="EK10" s="280">
        <v>234</v>
      </c>
      <c r="EL10" s="280">
        <v>279</v>
      </c>
      <c r="EM10" s="280">
        <v>136</v>
      </c>
      <c r="EN10" s="277">
        <v>1405</v>
      </c>
      <c r="EO10" s="282">
        <v>1543</v>
      </c>
      <c r="EP10" s="276">
        <v>394</v>
      </c>
      <c r="EQ10" s="280">
        <v>741</v>
      </c>
      <c r="ER10" s="277">
        <v>1135</v>
      </c>
      <c r="ES10" s="279">
        <v>0</v>
      </c>
      <c r="ET10" s="280">
        <v>4379</v>
      </c>
      <c r="EU10" s="280">
        <v>3046</v>
      </c>
      <c r="EV10" s="280">
        <v>1584</v>
      </c>
      <c r="EW10" s="280">
        <v>1152</v>
      </c>
      <c r="EX10" s="280">
        <v>609</v>
      </c>
      <c r="EY10" s="277">
        <v>10770</v>
      </c>
      <c r="EZ10" s="282">
        <v>11905</v>
      </c>
    </row>
    <row r="11" spans="2:156" ht="21" customHeight="1" x14ac:dyDescent="0.2">
      <c r="B11" s="261" t="s">
        <v>8</v>
      </c>
      <c r="C11" s="276">
        <v>0</v>
      </c>
      <c r="D11" s="280">
        <v>0</v>
      </c>
      <c r="E11" s="384">
        <v>0</v>
      </c>
      <c r="F11" s="279">
        <v>0</v>
      </c>
      <c r="G11" s="280">
        <v>447</v>
      </c>
      <c r="H11" s="280">
        <v>624</v>
      </c>
      <c r="I11" s="280">
        <v>373</v>
      </c>
      <c r="J11" s="280">
        <v>309</v>
      </c>
      <c r="K11" s="280">
        <v>229</v>
      </c>
      <c r="L11" s="281">
        <v>1982</v>
      </c>
      <c r="M11" s="282">
        <v>1982</v>
      </c>
      <c r="N11" s="276">
        <v>0</v>
      </c>
      <c r="O11" s="280">
        <v>0</v>
      </c>
      <c r="P11" s="277">
        <v>0</v>
      </c>
      <c r="Q11" s="279">
        <v>0</v>
      </c>
      <c r="R11" s="280">
        <v>6</v>
      </c>
      <c r="S11" s="280">
        <v>15</v>
      </c>
      <c r="T11" s="280">
        <v>28</v>
      </c>
      <c r="U11" s="280">
        <v>64</v>
      </c>
      <c r="V11" s="280">
        <v>97</v>
      </c>
      <c r="W11" s="277">
        <v>210</v>
      </c>
      <c r="X11" s="282">
        <v>210</v>
      </c>
      <c r="Y11" s="276">
        <v>53</v>
      </c>
      <c r="Z11" s="280">
        <v>76</v>
      </c>
      <c r="AA11" s="277">
        <v>129</v>
      </c>
      <c r="AB11" s="279">
        <v>0</v>
      </c>
      <c r="AC11" s="280">
        <v>284</v>
      </c>
      <c r="AD11" s="280">
        <v>404</v>
      </c>
      <c r="AE11" s="280">
        <v>254</v>
      </c>
      <c r="AF11" s="280">
        <v>236</v>
      </c>
      <c r="AG11" s="280">
        <v>179</v>
      </c>
      <c r="AH11" s="277">
        <v>1357</v>
      </c>
      <c r="AI11" s="282">
        <v>1486</v>
      </c>
      <c r="AJ11" s="276">
        <v>7</v>
      </c>
      <c r="AK11" s="280">
        <v>14</v>
      </c>
      <c r="AL11" s="277">
        <v>21</v>
      </c>
      <c r="AM11" s="279">
        <v>0</v>
      </c>
      <c r="AN11" s="280">
        <v>47</v>
      </c>
      <c r="AO11" s="280">
        <v>73</v>
      </c>
      <c r="AP11" s="280">
        <v>48</v>
      </c>
      <c r="AQ11" s="280">
        <v>46</v>
      </c>
      <c r="AR11" s="280">
        <v>27</v>
      </c>
      <c r="AS11" s="277">
        <v>241</v>
      </c>
      <c r="AT11" s="282">
        <v>262</v>
      </c>
      <c r="AU11" s="276">
        <v>71</v>
      </c>
      <c r="AV11" s="280">
        <v>57</v>
      </c>
      <c r="AW11" s="277">
        <v>128</v>
      </c>
      <c r="AX11" s="279">
        <v>0</v>
      </c>
      <c r="AY11" s="280">
        <v>438</v>
      </c>
      <c r="AZ11" s="280">
        <v>593</v>
      </c>
      <c r="BA11" s="280">
        <v>513</v>
      </c>
      <c r="BB11" s="280">
        <v>523</v>
      </c>
      <c r="BC11" s="280">
        <v>380</v>
      </c>
      <c r="BD11" s="281">
        <v>2447</v>
      </c>
      <c r="BE11" s="282">
        <v>2575</v>
      </c>
      <c r="BF11" s="276">
        <v>0</v>
      </c>
      <c r="BG11" s="280">
        <v>0</v>
      </c>
      <c r="BH11" s="277">
        <v>0</v>
      </c>
      <c r="BI11" s="279">
        <v>0</v>
      </c>
      <c r="BJ11" s="280">
        <v>578</v>
      </c>
      <c r="BK11" s="280">
        <v>627</v>
      </c>
      <c r="BL11" s="280">
        <v>356</v>
      </c>
      <c r="BM11" s="280">
        <v>186</v>
      </c>
      <c r="BN11" s="280">
        <v>106</v>
      </c>
      <c r="BO11" s="277">
        <v>1853</v>
      </c>
      <c r="BP11" s="282">
        <v>1853</v>
      </c>
      <c r="BQ11" s="276">
        <v>58</v>
      </c>
      <c r="BR11" s="280">
        <v>55</v>
      </c>
      <c r="BS11" s="277">
        <v>113</v>
      </c>
      <c r="BT11" s="279">
        <v>0</v>
      </c>
      <c r="BU11" s="280">
        <v>115</v>
      </c>
      <c r="BV11" s="280">
        <v>164</v>
      </c>
      <c r="BW11" s="280">
        <v>106</v>
      </c>
      <c r="BX11" s="280">
        <v>55</v>
      </c>
      <c r="BY11" s="280">
        <v>16</v>
      </c>
      <c r="BZ11" s="277">
        <v>456</v>
      </c>
      <c r="CA11" s="282">
        <v>569</v>
      </c>
      <c r="CB11" s="276">
        <v>5</v>
      </c>
      <c r="CC11" s="280">
        <v>8</v>
      </c>
      <c r="CD11" s="277">
        <v>13</v>
      </c>
      <c r="CE11" s="279">
        <v>0</v>
      </c>
      <c r="CF11" s="280">
        <v>77</v>
      </c>
      <c r="CG11" s="280">
        <v>151</v>
      </c>
      <c r="CH11" s="280">
        <v>185</v>
      </c>
      <c r="CI11" s="280">
        <v>98</v>
      </c>
      <c r="CJ11" s="280">
        <v>44</v>
      </c>
      <c r="CK11" s="277">
        <v>555</v>
      </c>
      <c r="CL11" s="282">
        <v>568</v>
      </c>
      <c r="CM11" s="276">
        <v>0</v>
      </c>
      <c r="CN11" s="280">
        <v>0</v>
      </c>
      <c r="CO11" s="277">
        <v>0</v>
      </c>
      <c r="CP11" s="279">
        <v>0</v>
      </c>
      <c r="CQ11" s="280">
        <v>0</v>
      </c>
      <c r="CR11" s="280">
        <v>4</v>
      </c>
      <c r="CS11" s="280">
        <v>5</v>
      </c>
      <c r="CT11" s="280">
        <v>3</v>
      </c>
      <c r="CU11" s="280">
        <v>0</v>
      </c>
      <c r="CV11" s="277">
        <v>12</v>
      </c>
      <c r="CW11" s="282">
        <v>12</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403</v>
      </c>
      <c r="DU11" s="280">
        <v>570</v>
      </c>
      <c r="DV11" s="277">
        <v>973</v>
      </c>
      <c r="DW11" s="279">
        <v>0</v>
      </c>
      <c r="DX11" s="280">
        <v>954</v>
      </c>
      <c r="DY11" s="280">
        <v>1512</v>
      </c>
      <c r="DZ11" s="280">
        <v>886</v>
      </c>
      <c r="EA11" s="280">
        <v>620</v>
      </c>
      <c r="EB11" s="280">
        <v>385</v>
      </c>
      <c r="EC11" s="277">
        <v>4357</v>
      </c>
      <c r="ED11" s="282">
        <v>5330</v>
      </c>
      <c r="EE11" s="276">
        <v>49</v>
      </c>
      <c r="EF11" s="280">
        <v>18</v>
      </c>
      <c r="EG11" s="277">
        <v>67</v>
      </c>
      <c r="EH11" s="279">
        <v>0</v>
      </c>
      <c r="EI11" s="280">
        <v>142</v>
      </c>
      <c r="EJ11" s="280">
        <v>116</v>
      </c>
      <c r="EK11" s="280">
        <v>101</v>
      </c>
      <c r="EL11" s="280">
        <v>122</v>
      </c>
      <c r="EM11" s="280">
        <v>70</v>
      </c>
      <c r="EN11" s="277">
        <v>551</v>
      </c>
      <c r="EO11" s="282">
        <v>618</v>
      </c>
      <c r="EP11" s="276">
        <v>493</v>
      </c>
      <c r="EQ11" s="280">
        <v>638</v>
      </c>
      <c r="ER11" s="277">
        <v>1131</v>
      </c>
      <c r="ES11" s="279">
        <v>0</v>
      </c>
      <c r="ET11" s="280">
        <v>1797</v>
      </c>
      <c r="EU11" s="280">
        <v>1934</v>
      </c>
      <c r="EV11" s="280">
        <v>1038</v>
      </c>
      <c r="EW11" s="280">
        <v>654</v>
      </c>
      <c r="EX11" s="280">
        <v>384</v>
      </c>
      <c r="EY11" s="277">
        <v>5807</v>
      </c>
      <c r="EZ11" s="282">
        <v>6938</v>
      </c>
    </row>
    <row r="12" spans="2:156" ht="21" customHeight="1" x14ac:dyDescent="0.2">
      <c r="B12" s="261" t="s">
        <v>9</v>
      </c>
      <c r="C12" s="276">
        <v>0</v>
      </c>
      <c r="D12" s="280">
        <v>0</v>
      </c>
      <c r="E12" s="384">
        <v>0</v>
      </c>
      <c r="F12" s="279">
        <v>0</v>
      </c>
      <c r="G12" s="280">
        <v>665</v>
      </c>
      <c r="H12" s="280">
        <v>520</v>
      </c>
      <c r="I12" s="280">
        <v>370</v>
      </c>
      <c r="J12" s="280">
        <v>322</v>
      </c>
      <c r="K12" s="280">
        <v>252</v>
      </c>
      <c r="L12" s="281">
        <v>2129</v>
      </c>
      <c r="M12" s="282">
        <v>2129</v>
      </c>
      <c r="N12" s="276">
        <v>0</v>
      </c>
      <c r="O12" s="280">
        <v>0</v>
      </c>
      <c r="P12" s="277">
        <v>0</v>
      </c>
      <c r="Q12" s="279">
        <v>0</v>
      </c>
      <c r="R12" s="280">
        <v>5</v>
      </c>
      <c r="S12" s="280">
        <v>10</v>
      </c>
      <c r="T12" s="280">
        <v>17</v>
      </c>
      <c r="U12" s="280">
        <v>56</v>
      </c>
      <c r="V12" s="280">
        <v>98</v>
      </c>
      <c r="W12" s="277">
        <v>186</v>
      </c>
      <c r="X12" s="282">
        <v>186</v>
      </c>
      <c r="Y12" s="276">
        <v>34</v>
      </c>
      <c r="Z12" s="280">
        <v>73</v>
      </c>
      <c r="AA12" s="277">
        <v>107</v>
      </c>
      <c r="AB12" s="279">
        <v>0</v>
      </c>
      <c r="AC12" s="280">
        <v>348</v>
      </c>
      <c r="AD12" s="280">
        <v>298</v>
      </c>
      <c r="AE12" s="280">
        <v>241</v>
      </c>
      <c r="AF12" s="280">
        <v>246</v>
      </c>
      <c r="AG12" s="280">
        <v>176</v>
      </c>
      <c r="AH12" s="277">
        <v>1309</v>
      </c>
      <c r="AI12" s="282">
        <v>1416</v>
      </c>
      <c r="AJ12" s="276">
        <v>3</v>
      </c>
      <c r="AK12" s="280">
        <v>16</v>
      </c>
      <c r="AL12" s="277">
        <v>19</v>
      </c>
      <c r="AM12" s="279">
        <v>0</v>
      </c>
      <c r="AN12" s="280">
        <v>53</v>
      </c>
      <c r="AO12" s="280">
        <v>53</v>
      </c>
      <c r="AP12" s="280">
        <v>55</v>
      </c>
      <c r="AQ12" s="280">
        <v>37</v>
      </c>
      <c r="AR12" s="280">
        <v>41</v>
      </c>
      <c r="AS12" s="277">
        <v>239</v>
      </c>
      <c r="AT12" s="282">
        <v>258</v>
      </c>
      <c r="AU12" s="276">
        <v>85</v>
      </c>
      <c r="AV12" s="280">
        <v>59</v>
      </c>
      <c r="AW12" s="277">
        <v>144</v>
      </c>
      <c r="AX12" s="279">
        <v>0</v>
      </c>
      <c r="AY12" s="280">
        <v>519</v>
      </c>
      <c r="AZ12" s="280">
        <v>519</v>
      </c>
      <c r="BA12" s="280">
        <v>507</v>
      </c>
      <c r="BB12" s="280">
        <v>548</v>
      </c>
      <c r="BC12" s="280">
        <v>417</v>
      </c>
      <c r="BD12" s="281">
        <v>2510</v>
      </c>
      <c r="BE12" s="282">
        <v>2654</v>
      </c>
      <c r="BF12" s="276">
        <v>0</v>
      </c>
      <c r="BG12" s="280">
        <v>0</v>
      </c>
      <c r="BH12" s="277">
        <v>0</v>
      </c>
      <c r="BI12" s="279">
        <v>0</v>
      </c>
      <c r="BJ12" s="280">
        <v>571</v>
      </c>
      <c r="BK12" s="280">
        <v>381</v>
      </c>
      <c r="BL12" s="280">
        <v>241</v>
      </c>
      <c r="BM12" s="280">
        <v>153</v>
      </c>
      <c r="BN12" s="280">
        <v>62</v>
      </c>
      <c r="BO12" s="277">
        <v>1408</v>
      </c>
      <c r="BP12" s="282">
        <v>1408</v>
      </c>
      <c r="BQ12" s="276">
        <v>39</v>
      </c>
      <c r="BR12" s="280">
        <v>61</v>
      </c>
      <c r="BS12" s="277">
        <v>100</v>
      </c>
      <c r="BT12" s="279">
        <v>0</v>
      </c>
      <c r="BU12" s="280">
        <v>150</v>
      </c>
      <c r="BV12" s="280">
        <v>116</v>
      </c>
      <c r="BW12" s="280">
        <v>79</v>
      </c>
      <c r="BX12" s="280">
        <v>67</v>
      </c>
      <c r="BY12" s="280">
        <v>22</v>
      </c>
      <c r="BZ12" s="277">
        <v>434</v>
      </c>
      <c r="CA12" s="282">
        <v>534</v>
      </c>
      <c r="CB12" s="276">
        <v>3</v>
      </c>
      <c r="CC12" s="280">
        <v>2</v>
      </c>
      <c r="CD12" s="277">
        <v>5</v>
      </c>
      <c r="CE12" s="279">
        <v>0</v>
      </c>
      <c r="CF12" s="280">
        <v>65</v>
      </c>
      <c r="CG12" s="280">
        <v>85</v>
      </c>
      <c r="CH12" s="280">
        <v>128</v>
      </c>
      <c r="CI12" s="280">
        <v>85</v>
      </c>
      <c r="CJ12" s="280">
        <v>51</v>
      </c>
      <c r="CK12" s="277">
        <v>414</v>
      </c>
      <c r="CL12" s="282">
        <v>419</v>
      </c>
      <c r="CM12" s="276">
        <v>1</v>
      </c>
      <c r="CN12" s="280">
        <v>1</v>
      </c>
      <c r="CO12" s="277">
        <v>2</v>
      </c>
      <c r="CP12" s="279">
        <v>0</v>
      </c>
      <c r="CQ12" s="280">
        <v>12</v>
      </c>
      <c r="CR12" s="280">
        <v>6</v>
      </c>
      <c r="CS12" s="280">
        <v>21</v>
      </c>
      <c r="CT12" s="280">
        <v>19</v>
      </c>
      <c r="CU12" s="280">
        <v>11</v>
      </c>
      <c r="CV12" s="277">
        <v>69</v>
      </c>
      <c r="CW12" s="282">
        <v>71</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66</v>
      </c>
      <c r="DU12" s="280">
        <v>472</v>
      </c>
      <c r="DV12" s="277">
        <v>838</v>
      </c>
      <c r="DW12" s="279">
        <v>0</v>
      </c>
      <c r="DX12" s="280">
        <v>963</v>
      </c>
      <c r="DY12" s="280">
        <v>967</v>
      </c>
      <c r="DZ12" s="280">
        <v>655</v>
      </c>
      <c r="EA12" s="280">
        <v>552</v>
      </c>
      <c r="EB12" s="280">
        <v>371</v>
      </c>
      <c r="EC12" s="277">
        <v>3508</v>
      </c>
      <c r="ED12" s="282">
        <v>4346</v>
      </c>
      <c r="EE12" s="276">
        <v>48</v>
      </c>
      <c r="EF12" s="280">
        <v>23</v>
      </c>
      <c r="EG12" s="277">
        <v>71</v>
      </c>
      <c r="EH12" s="279">
        <v>0</v>
      </c>
      <c r="EI12" s="280">
        <v>181</v>
      </c>
      <c r="EJ12" s="280">
        <v>145</v>
      </c>
      <c r="EK12" s="280">
        <v>134</v>
      </c>
      <c r="EL12" s="280">
        <v>168</v>
      </c>
      <c r="EM12" s="280">
        <v>124</v>
      </c>
      <c r="EN12" s="277">
        <v>752</v>
      </c>
      <c r="EO12" s="282">
        <v>823</v>
      </c>
      <c r="EP12" s="276">
        <v>416</v>
      </c>
      <c r="EQ12" s="280">
        <v>545</v>
      </c>
      <c r="ER12" s="277">
        <v>961</v>
      </c>
      <c r="ES12" s="279">
        <v>0</v>
      </c>
      <c r="ET12" s="280">
        <v>1762</v>
      </c>
      <c r="EU12" s="280">
        <v>1260</v>
      </c>
      <c r="EV12" s="280">
        <v>761</v>
      </c>
      <c r="EW12" s="280">
        <v>592</v>
      </c>
      <c r="EX12" s="280">
        <v>376</v>
      </c>
      <c r="EY12" s="277">
        <v>4751</v>
      </c>
      <c r="EZ12" s="282">
        <v>5712</v>
      </c>
    </row>
    <row r="13" spans="2:156" ht="21" customHeight="1" x14ac:dyDescent="0.2">
      <c r="B13" s="261" t="s">
        <v>10</v>
      </c>
      <c r="C13" s="276">
        <v>0</v>
      </c>
      <c r="D13" s="280">
        <v>0</v>
      </c>
      <c r="E13" s="384">
        <v>0</v>
      </c>
      <c r="F13" s="279">
        <v>0</v>
      </c>
      <c r="G13" s="280">
        <v>1347</v>
      </c>
      <c r="H13" s="280">
        <v>733</v>
      </c>
      <c r="I13" s="280">
        <v>475</v>
      </c>
      <c r="J13" s="280">
        <v>464</v>
      </c>
      <c r="K13" s="280">
        <v>357</v>
      </c>
      <c r="L13" s="281">
        <v>3376</v>
      </c>
      <c r="M13" s="282">
        <v>3376</v>
      </c>
      <c r="N13" s="276">
        <v>0</v>
      </c>
      <c r="O13" s="280">
        <v>0</v>
      </c>
      <c r="P13" s="277">
        <v>0</v>
      </c>
      <c r="Q13" s="279">
        <v>0</v>
      </c>
      <c r="R13" s="280">
        <v>12</v>
      </c>
      <c r="S13" s="280">
        <v>24</v>
      </c>
      <c r="T13" s="280">
        <v>31</v>
      </c>
      <c r="U13" s="280">
        <v>82</v>
      </c>
      <c r="V13" s="280">
        <v>171</v>
      </c>
      <c r="W13" s="277">
        <v>320</v>
      </c>
      <c r="X13" s="282">
        <v>320</v>
      </c>
      <c r="Y13" s="276">
        <v>158</v>
      </c>
      <c r="Z13" s="280">
        <v>306</v>
      </c>
      <c r="AA13" s="277">
        <v>464</v>
      </c>
      <c r="AB13" s="279">
        <v>0</v>
      </c>
      <c r="AC13" s="280">
        <v>742</v>
      </c>
      <c r="AD13" s="280">
        <v>525</v>
      </c>
      <c r="AE13" s="280">
        <v>348</v>
      </c>
      <c r="AF13" s="280">
        <v>307</v>
      </c>
      <c r="AG13" s="280">
        <v>282</v>
      </c>
      <c r="AH13" s="277">
        <v>2204</v>
      </c>
      <c r="AI13" s="282">
        <v>2668</v>
      </c>
      <c r="AJ13" s="276">
        <v>29</v>
      </c>
      <c r="AK13" s="280">
        <v>43</v>
      </c>
      <c r="AL13" s="277">
        <v>72</v>
      </c>
      <c r="AM13" s="279">
        <v>0</v>
      </c>
      <c r="AN13" s="280">
        <v>111</v>
      </c>
      <c r="AO13" s="280">
        <v>91</v>
      </c>
      <c r="AP13" s="280">
        <v>60</v>
      </c>
      <c r="AQ13" s="280">
        <v>45</v>
      </c>
      <c r="AR13" s="280">
        <v>57</v>
      </c>
      <c r="AS13" s="277">
        <v>364</v>
      </c>
      <c r="AT13" s="282">
        <v>436</v>
      </c>
      <c r="AU13" s="276">
        <v>181</v>
      </c>
      <c r="AV13" s="280">
        <v>268</v>
      </c>
      <c r="AW13" s="277">
        <v>449</v>
      </c>
      <c r="AX13" s="279">
        <v>0</v>
      </c>
      <c r="AY13" s="280">
        <v>1230</v>
      </c>
      <c r="AZ13" s="280">
        <v>1053</v>
      </c>
      <c r="BA13" s="280">
        <v>906</v>
      </c>
      <c r="BB13" s="280">
        <v>964</v>
      </c>
      <c r="BC13" s="280">
        <v>756</v>
      </c>
      <c r="BD13" s="281">
        <v>4909</v>
      </c>
      <c r="BE13" s="282">
        <v>5358</v>
      </c>
      <c r="BF13" s="276">
        <v>0</v>
      </c>
      <c r="BG13" s="280">
        <v>0</v>
      </c>
      <c r="BH13" s="277">
        <v>0</v>
      </c>
      <c r="BI13" s="279">
        <v>0</v>
      </c>
      <c r="BJ13" s="280">
        <v>1516</v>
      </c>
      <c r="BK13" s="280">
        <v>811</v>
      </c>
      <c r="BL13" s="280">
        <v>465</v>
      </c>
      <c r="BM13" s="280">
        <v>273</v>
      </c>
      <c r="BN13" s="280">
        <v>132</v>
      </c>
      <c r="BO13" s="277">
        <v>3197</v>
      </c>
      <c r="BP13" s="282">
        <v>3197</v>
      </c>
      <c r="BQ13" s="276">
        <v>63</v>
      </c>
      <c r="BR13" s="280">
        <v>93</v>
      </c>
      <c r="BS13" s="277">
        <v>156</v>
      </c>
      <c r="BT13" s="279">
        <v>0</v>
      </c>
      <c r="BU13" s="280">
        <v>249</v>
      </c>
      <c r="BV13" s="280">
        <v>189</v>
      </c>
      <c r="BW13" s="280">
        <v>96</v>
      </c>
      <c r="BX13" s="280">
        <v>69</v>
      </c>
      <c r="BY13" s="280">
        <v>26</v>
      </c>
      <c r="BZ13" s="277">
        <v>629</v>
      </c>
      <c r="CA13" s="282">
        <v>785</v>
      </c>
      <c r="CB13" s="276">
        <v>4</v>
      </c>
      <c r="CC13" s="280">
        <v>11</v>
      </c>
      <c r="CD13" s="277">
        <v>15</v>
      </c>
      <c r="CE13" s="279">
        <v>0</v>
      </c>
      <c r="CF13" s="280">
        <v>151</v>
      </c>
      <c r="CG13" s="280">
        <v>150</v>
      </c>
      <c r="CH13" s="280">
        <v>177</v>
      </c>
      <c r="CI13" s="280">
        <v>137</v>
      </c>
      <c r="CJ13" s="280">
        <v>76</v>
      </c>
      <c r="CK13" s="277">
        <v>691</v>
      </c>
      <c r="CL13" s="282">
        <v>706</v>
      </c>
      <c r="CM13" s="276">
        <v>0</v>
      </c>
      <c r="CN13" s="280">
        <v>0</v>
      </c>
      <c r="CO13" s="277">
        <v>0</v>
      </c>
      <c r="CP13" s="279">
        <v>0</v>
      </c>
      <c r="CQ13" s="280">
        <v>5</v>
      </c>
      <c r="CR13" s="280">
        <v>16</v>
      </c>
      <c r="CS13" s="280">
        <v>12</v>
      </c>
      <c r="CT13" s="280">
        <v>4</v>
      </c>
      <c r="CU13" s="280">
        <v>11</v>
      </c>
      <c r="CV13" s="277">
        <v>48</v>
      </c>
      <c r="CW13" s="282">
        <v>48</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33</v>
      </c>
      <c r="DU13" s="280">
        <v>1238</v>
      </c>
      <c r="DV13" s="277">
        <v>2171</v>
      </c>
      <c r="DW13" s="279">
        <v>0</v>
      </c>
      <c r="DX13" s="280">
        <v>1954</v>
      </c>
      <c r="DY13" s="280">
        <v>1575</v>
      </c>
      <c r="DZ13" s="280">
        <v>1043</v>
      </c>
      <c r="EA13" s="280">
        <v>880</v>
      </c>
      <c r="EB13" s="280">
        <v>629</v>
      </c>
      <c r="EC13" s="277">
        <v>6081</v>
      </c>
      <c r="ED13" s="282">
        <v>8252</v>
      </c>
      <c r="EE13" s="276">
        <v>72</v>
      </c>
      <c r="EF13" s="280">
        <v>65</v>
      </c>
      <c r="EG13" s="277">
        <v>137</v>
      </c>
      <c r="EH13" s="279">
        <v>0</v>
      </c>
      <c r="EI13" s="280">
        <v>298</v>
      </c>
      <c r="EJ13" s="280">
        <v>208</v>
      </c>
      <c r="EK13" s="280">
        <v>215</v>
      </c>
      <c r="EL13" s="280">
        <v>214</v>
      </c>
      <c r="EM13" s="280">
        <v>137</v>
      </c>
      <c r="EN13" s="277">
        <v>1072</v>
      </c>
      <c r="EO13" s="282">
        <v>1209</v>
      </c>
      <c r="EP13" s="276">
        <v>1105</v>
      </c>
      <c r="EQ13" s="280">
        <v>1440</v>
      </c>
      <c r="ER13" s="277">
        <v>2545</v>
      </c>
      <c r="ES13" s="279">
        <v>0</v>
      </c>
      <c r="ET13" s="280">
        <v>3447</v>
      </c>
      <c r="EU13" s="280">
        <v>1929</v>
      </c>
      <c r="EV13" s="280">
        <v>1123</v>
      </c>
      <c r="EW13" s="280">
        <v>873</v>
      </c>
      <c r="EX13" s="280">
        <v>592</v>
      </c>
      <c r="EY13" s="277">
        <v>7964</v>
      </c>
      <c r="EZ13" s="282">
        <v>10509</v>
      </c>
    </row>
    <row r="14" spans="2:156" ht="21" customHeight="1" x14ac:dyDescent="0.2">
      <c r="B14" s="261" t="s">
        <v>11</v>
      </c>
      <c r="C14" s="276">
        <v>0</v>
      </c>
      <c r="D14" s="280">
        <v>0</v>
      </c>
      <c r="E14" s="384">
        <v>0</v>
      </c>
      <c r="F14" s="279">
        <v>0</v>
      </c>
      <c r="G14" s="280">
        <v>506</v>
      </c>
      <c r="H14" s="280">
        <v>371</v>
      </c>
      <c r="I14" s="280">
        <v>252</v>
      </c>
      <c r="J14" s="280">
        <v>231</v>
      </c>
      <c r="K14" s="280">
        <v>155</v>
      </c>
      <c r="L14" s="281">
        <v>1515</v>
      </c>
      <c r="M14" s="282">
        <v>1515</v>
      </c>
      <c r="N14" s="276">
        <v>0</v>
      </c>
      <c r="O14" s="280">
        <v>1</v>
      </c>
      <c r="P14" s="277">
        <v>1</v>
      </c>
      <c r="Q14" s="279">
        <v>0</v>
      </c>
      <c r="R14" s="280">
        <v>6</v>
      </c>
      <c r="S14" s="280">
        <v>17</v>
      </c>
      <c r="T14" s="280">
        <v>22</v>
      </c>
      <c r="U14" s="280">
        <v>49</v>
      </c>
      <c r="V14" s="280">
        <v>61</v>
      </c>
      <c r="W14" s="277">
        <v>155</v>
      </c>
      <c r="X14" s="282">
        <v>156</v>
      </c>
      <c r="Y14" s="276">
        <v>39</v>
      </c>
      <c r="Z14" s="280">
        <v>60</v>
      </c>
      <c r="AA14" s="277">
        <v>99</v>
      </c>
      <c r="AB14" s="279">
        <v>0</v>
      </c>
      <c r="AC14" s="280">
        <v>314</v>
      </c>
      <c r="AD14" s="280">
        <v>237</v>
      </c>
      <c r="AE14" s="280">
        <v>179</v>
      </c>
      <c r="AF14" s="280">
        <v>178</v>
      </c>
      <c r="AG14" s="280">
        <v>149</v>
      </c>
      <c r="AH14" s="277">
        <v>1057</v>
      </c>
      <c r="AI14" s="282">
        <v>1156</v>
      </c>
      <c r="AJ14" s="276">
        <v>3</v>
      </c>
      <c r="AK14" s="280">
        <v>7</v>
      </c>
      <c r="AL14" s="277">
        <v>10</v>
      </c>
      <c r="AM14" s="279">
        <v>0</v>
      </c>
      <c r="AN14" s="280">
        <v>28</v>
      </c>
      <c r="AO14" s="280">
        <v>28</v>
      </c>
      <c r="AP14" s="280">
        <v>22</v>
      </c>
      <c r="AQ14" s="280">
        <v>22</v>
      </c>
      <c r="AR14" s="280">
        <v>5</v>
      </c>
      <c r="AS14" s="277">
        <v>105</v>
      </c>
      <c r="AT14" s="282">
        <v>115</v>
      </c>
      <c r="AU14" s="276">
        <v>52</v>
      </c>
      <c r="AV14" s="280">
        <v>48</v>
      </c>
      <c r="AW14" s="277">
        <v>100</v>
      </c>
      <c r="AX14" s="279">
        <v>0</v>
      </c>
      <c r="AY14" s="280">
        <v>461</v>
      </c>
      <c r="AZ14" s="280">
        <v>443</v>
      </c>
      <c r="BA14" s="280">
        <v>417</v>
      </c>
      <c r="BB14" s="280">
        <v>421</v>
      </c>
      <c r="BC14" s="280">
        <v>288</v>
      </c>
      <c r="BD14" s="281">
        <v>2030</v>
      </c>
      <c r="BE14" s="282">
        <v>2130</v>
      </c>
      <c r="BF14" s="276">
        <v>0</v>
      </c>
      <c r="BG14" s="280">
        <v>0</v>
      </c>
      <c r="BH14" s="277">
        <v>0</v>
      </c>
      <c r="BI14" s="279">
        <v>0</v>
      </c>
      <c r="BJ14" s="280">
        <v>703</v>
      </c>
      <c r="BK14" s="280">
        <v>402</v>
      </c>
      <c r="BL14" s="280">
        <v>242</v>
      </c>
      <c r="BM14" s="280">
        <v>173</v>
      </c>
      <c r="BN14" s="280">
        <v>86</v>
      </c>
      <c r="BO14" s="277">
        <v>1606</v>
      </c>
      <c r="BP14" s="282">
        <v>1606</v>
      </c>
      <c r="BQ14" s="276">
        <v>92</v>
      </c>
      <c r="BR14" s="280">
        <v>77</v>
      </c>
      <c r="BS14" s="277">
        <v>169</v>
      </c>
      <c r="BT14" s="279">
        <v>0</v>
      </c>
      <c r="BU14" s="280">
        <v>226</v>
      </c>
      <c r="BV14" s="280">
        <v>144</v>
      </c>
      <c r="BW14" s="280">
        <v>90</v>
      </c>
      <c r="BX14" s="280">
        <v>54</v>
      </c>
      <c r="BY14" s="280">
        <v>18</v>
      </c>
      <c r="BZ14" s="277">
        <v>532</v>
      </c>
      <c r="CA14" s="282">
        <v>701</v>
      </c>
      <c r="CB14" s="276">
        <v>7</v>
      </c>
      <c r="CC14" s="280">
        <v>10</v>
      </c>
      <c r="CD14" s="277">
        <v>17</v>
      </c>
      <c r="CE14" s="279">
        <v>0</v>
      </c>
      <c r="CF14" s="280">
        <v>84</v>
      </c>
      <c r="CG14" s="280">
        <v>84</v>
      </c>
      <c r="CH14" s="280">
        <v>106</v>
      </c>
      <c r="CI14" s="280">
        <v>72</v>
      </c>
      <c r="CJ14" s="280">
        <v>36</v>
      </c>
      <c r="CK14" s="277">
        <v>382</v>
      </c>
      <c r="CL14" s="282">
        <v>399</v>
      </c>
      <c r="CM14" s="276">
        <v>0</v>
      </c>
      <c r="CN14" s="280">
        <v>0</v>
      </c>
      <c r="CO14" s="277">
        <v>0</v>
      </c>
      <c r="CP14" s="279">
        <v>0</v>
      </c>
      <c r="CQ14" s="280">
        <v>6</v>
      </c>
      <c r="CR14" s="280">
        <v>7</v>
      </c>
      <c r="CS14" s="280">
        <v>5</v>
      </c>
      <c r="CT14" s="280">
        <v>5</v>
      </c>
      <c r="CU14" s="280">
        <v>10</v>
      </c>
      <c r="CV14" s="277">
        <v>33</v>
      </c>
      <c r="CW14" s="282">
        <v>33</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84</v>
      </c>
      <c r="DU14" s="280">
        <v>458</v>
      </c>
      <c r="DV14" s="277">
        <v>842</v>
      </c>
      <c r="DW14" s="279">
        <v>0</v>
      </c>
      <c r="DX14" s="280">
        <v>979</v>
      </c>
      <c r="DY14" s="280">
        <v>847</v>
      </c>
      <c r="DZ14" s="280">
        <v>588</v>
      </c>
      <c r="EA14" s="280">
        <v>483</v>
      </c>
      <c r="EB14" s="280">
        <v>286</v>
      </c>
      <c r="EC14" s="277">
        <v>3183</v>
      </c>
      <c r="ED14" s="282">
        <v>4025</v>
      </c>
      <c r="EE14" s="276">
        <v>32</v>
      </c>
      <c r="EF14" s="280">
        <v>30</v>
      </c>
      <c r="EG14" s="277">
        <v>62</v>
      </c>
      <c r="EH14" s="279">
        <v>0</v>
      </c>
      <c r="EI14" s="280">
        <v>204</v>
      </c>
      <c r="EJ14" s="280">
        <v>132</v>
      </c>
      <c r="EK14" s="280">
        <v>126</v>
      </c>
      <c r="EL14" s="280">
        <v>148</v>
      </c>
      <c r="EM14" s="280">
        <v>66</v>
      </c>
      <c r="EN14" s="277">
        <v>676</v>
      </c>
      <c r="EO14" s="282">
        <v>738</v>
      </c>
      <c r="EP14" s="276">
        <v>483</v>
      </c>
      <c r="EQ14" s="280">
        <v>530</v>
      </c>
      <c r="ER14" s="277">
        <v>1013</v>
      </c>
      <c r="ES14" s="279">
        <v>0</v>
      </c>
      <c r="ET14" s="280">
        <v>1886</v>
      </c>
      <c r="EU14" s="280">
        <v>1112</v>
      </c>
      <c r="EV14" s="280">
        <v>691</v>
      </c>
      <c r="EW14" s="280">
        <v>515</v>
      </c>
      <c r="EX14" s="280">
        <v>291</v>
      </c>
      <c r="EY14" s="277">
        <v>4495</v>
      </c>
      <c r="EZ14" s="282">
        <v>5508</v>
      </c>
    </row>
    <row r="15" spans="2:156" ht="21" customHeight="1" x14ac:dyDescent="0.2">
      <c r="B15" s="261" t="s">
        <v>12</v>
      </c>
      <c r="C15" s="276">
        <v>0</v>
      </c>
      <c r="D15" s="280">
        <v>0</v>
      </c>
      <c r="E15" s="384">
        <v>0</v>
      </c>
      <c r="F15" s="279">
        <v>0</v>
      </c>
      <c r="G15" s="280">
        <v>493</v>
      </c>
      <c r="H15" s="280">
        <v>464</v>
      </c>
      <c r="I15" s="280">
        <v>288</v>
      </c>
      <c r="J15" s="280">
        <v>297</v>
      </c>
      <c r="K15" s="280">
        <v>213</v>
      </c>
      <c r="L15" s="281">
        <v>1755</v>
      </c>
      <c r="M15" s="282">
        <v>1755</v>
      </c>
      <c r="N15" s="276">
        <v>1</v>
      </c>
      <c r="O15" s="280">
        <v>6</v>
      </c>
      <c r="P15" s="277">
        <v>7</v>
      </c>
      <c r="Q15" s="279">
        <v>0</v>
      </c>
      <c r="R15" s="280">
        <v>3</v>
      </c>
      <c r="S15" s="280">
        <v>17</v>
      </c>
      <c r="T15" s="280">
        <v>23</v>
      </c>
      <c r="U15" s="280">
        <v>65</v>
      </c>
      <c r="V15" s="280">
        <v>80</v>
      </c>
      <c r="W15" s="277">
        <v>188</v>
      </c>
      <c r="X15" s="282">
        <v>195</v>
      </c>
      <c r="Y15" s="276">
        <v>112</v>
      </c>
      <c r="Z15" s="280">
        <v>212</v>
      </c>
      <c r="AA15" s="277">
        <v>324</v>
      </c>
      <c r="AB15" s="279">
        <v>0</v>
      </c>
      <c r="AC15" s="280">
        <v>316</v>
      </c>
      <c r="AD15" s="280">
        <v>368</v>
      </c>
      <c r="AE15" s="280">
        <v>239</v>
      </c>
      <c r="AF15" s="280">
        <v>235</v>
      </c>
      <c r="AG15" s="280">
        <v>167</v>
      </c>
      <c r="AH15" s="277">
        <v>1325</v>
      </c>
      <c r="AI15" s="282">
        <v>1649</v>
      </c>
      <c r="AJ15" s="276">
        <v>6</v>
      </c>
      <c r="AK15" s="280">
        <v>22</v>
      </c>
      <c r="AL15" s="277">
        <v>28</v>
      </c>
      <c r="AM15" s="279">
        <v>0</v>
      </c>
      <c r="AN15" s="280">
        <v>17</v>
      </c>
      <c r="AO15" s="280">
        <v>40</v>
      </c>
      <c r="AP15" s="280">
        <v>31</v>
      </c>
      <c r="AQ15" s="280">
        <v>25</v>
      </c>
      <c r="AR15" s="280">
        <v>17</v>
      </c>
      <c r="AS15" s="277">
        <v>130</v>
      </c>
      <c r="AT15" s="282">
        <v>158</v>
      </c>
      <c r="AU15" s="276">
        <v>77</v>
      </c>
      <c r="AV15" s="280">
        <v>113</v>
      </c>
      <c r="AW15" s="277">
        <v>190</v>
      </c>
      <c r="AX15" s="279">
        <v>0</v>
      </c>
      <c r="AY15" s="280">
        <v>306</v>
      </c>
      <c r="AZ15" s="280">
        <v>384</v>
      </c>
      <c r="BA15" s="280">
        <v>344</v>
      </c>
      <c r="BB15" s="280">
        <v>442</v>
      </c>
      <c r="BC15" s="280">
        <v>330</v>
      </c>
      <c r="BD15" s="281">
        <v>1806</v>
      </c>
      <c r="BE15" s="282">
        <v>1996</v>
      </c>
      <c r="BF15" s="276">
        <v>0</v>
      </c>
      <c r="BG15" s="280">
        <v>0</v>
      </c>
      <c r="BH15" s="277">
        <v>0</v>
      </c>
      <c r="BI15" s="279">
        <v>0</v>
      </c>
      <c r="BJ15" s="280">
        <v>590</v>
      </c>
      <c r="BK15" s="280">
        <v>428</v>
      </c>
      <c r="BL15" s="280">
        <v>265</v>
      </c>
      <c r="BM15" s="280">
        <v>215</v>
      </c>
      <c r="BN15" s="280">
        <v>81</v>
      </c>
      <c r="BO15" s="277">
        <v>1579</v>
      </c>
      <c r="BP15" s="282">
        <v>1579</v>
      </c>
      <c r="BQ15" s="276">
        <v>141</v>
      </c>
      <c r="BR15" s="280">
        <v>138</v>
      </c>
      <c r="BS15" s="277">
        <v>279</v>
      </c>
      <c r="BT15" s="279">
        <v>0</v>
      </c>
      <c r="BU15" s="280">
        <v>134</v>
      </c>
      <c r="BV15" s="280">
        <v>178</v>
      </c>
      <c r="BW15" s="280">
        <v>112</v>
      </c>
      <c r="BX15" s="280">
        <v>83</v>
      </c>
      <c r="BY15" s="280">
        <v>35</v>
      </c>
      <c r="BZ15" s="277">
        <v>542</v>
      </c>
      <c r="CA15" s="282">
        <v>821</v>
      </c>
      <c r="CB15" s="276">
        <v>3</v>
      </c>
      <c r="CC15" s="280">
        <v>13</v>
      </c>
      <c r="CD15" s="277">
        <v>16</v>
      </c>
      <c r="CE15" s="279">
        <v>0</v>
      </c>
      <c r="CF15" s="280">
        <v>88</v>
      </c>
      <c r="CG15" s="280">
        <v>92</v>
      </c>
      <c r="CH15" s="280">
        <v>126</v>
      </c>
      <c r="CI15" s="280">
        <v>101</v>
      </c>
      <c r="CJ15" s="280">
        <v>54</v>
      </c>
      <c r="CK15" s="277">
        <v>461</v>
      </c>
      <c r="CL15" s="282">
        <v>477</v>
      </c>
      <c r="CM15" s="276">
        <v>0</v>
      </c>
      <c r="CN15" s="280">
        <v>0</v>
      </c>
      <c r="CO15" s="277">
        <v>0</v>
      </c>
      <c r="CP15" s="279">
        <v>0</v>
      </c>
      <c r="CQ15" s="280">
        <v>1</v>
      </c>
      <c r="CR15" s="280">
        <v>8</v>
      </c>
      <c r="CS15" s="280">
        <v>4</v>
      </c>
      <c r="CT15" s="280">
        <v>3</v>
      </c>
      <c r="CU15" s="280">
        <v>2</v>
      </c>
      <c r="CV15" s="277">
        <v>18</v>
      </c>
      <c r="CW15" s="282">
        <v>18</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92</v>
      </c>
      <c r="DU15" s="280">
        <v>802</v>
      </c>
      <c r="DV15" s="277">
        <v>1294</v>
      </c>
      <c r="DW15" s="279">
        <v>0</v>
      </c>
      <c r="DX15" s="280">
        <v>572</v>
      </c>
      <c r="DY15" s="280">
        <v>964</v>
      </c>
      <c r="DZ15" s="280">
        <v>677</v>
      </c>
      <c r="EA15" s="280">
        <v>617</v>
      </c>
      <c r="EB15" s="280">
        <v>363</v>
      </c>
      <c r="EC15" s="277">
        <v>3193</v>
      </c>
      <c r="ED15" s="282">
        <v>4487</v>
      </c>
      <c r="EE15" s="276">
        <v>45</v>
      </c>
      <c r="EF15" s="280">
        <v>48</v>
      </c>
      <c r="EG15" s="277">
        <v>93</v>
      </c>
      <c r="EH15" s="279">
        <v>0</v>
      </c>
      <c r="EI15" s="280">
        <v>105</v>
      </c>
      <c r="EJ15" s="280">
        <v>109</v>
      </c>
      <c r="EK15" s="280">
        <v>97</v>
      </c>
      <c r="EL15" s="280">
        <v>140</v>
      </c>
      <c r="EM15" s="280">
        <v>81</v>
      </c>
      <c r="EN15" s="277">
        <v>532</v>
      </c>
      <c r="EO15" s="282">
        <v>625</v>
      </c>
      <c r="EP15" s="276">
        <v>688</v>
      </c>
      <c r="EQ15" s="280">
        <v>963</v>
      </c>
      <c r="ER15" s="277">
        <v>1651</v>
      </c>
      <c r="ES15" s="279">
        <v>0</v>
      </c>
      <c r="ET15" s="280">
        <v>1490</v>
      </c>
      <c r="EU15" s="280">
        <v>1258</v>
      </c>
      <c r="EV15" s="280">
        <v>772</v>
      </c>
      <c r="EW15" s="280">
        <v>616</v>
      </c>
      <c r="EX15" s="280">
        <v>339</v>
      </c>
      <c r="EY15" s="277">
        <v>4475</v>
      </c>
      <c r="EZ15" s="282">
        <v>6126</v>
      </c>
    </row>
    <row r="16" spans="2:156" ht="21" customHeight="1" x14ac:dyDescent="0.2">
      <c r="B16" s="261" t="s">
        <v>13</v>
      </c>
      <c r="C16" s="276">
        <v>0</v>
      </c>
      <c r="D16" s="280">
        <v>0</v>
      </c>
      <c r="E16" s="384">
        <v>0</v>
      </c>
      <c r="F16" s="279">
        <v>0</v>
      </c>
      <c r="G16" s="280">
        <v>228</v>
      </c>
      <c r="H16" s="280">
        <v>215</v>
      </c>
      <c r="I16" s="280">
        <v>140</v>
      </c>
      <c r="J16" s="280">
        <v>119</v>
      </c>
      <c r="K16" s="280">
        <v>96</v>
      </c>
      <c r="L16" s="281">
        <v>798</v>
      </c>
      <c r="M16" s="282">
        <v>798</v>
      </c>
      <c r="N16" s="276">
        <v>0</v>
      </c>
      <c r="O16" s="280">
        <v>0</v>
      </c>
      <c r="P16" s="277">
        <v>0</v>
      </c>
      <c r="Q16" s="279">
        <v>0</v>
      </c>
      <c r="R16" s="280">
        <v>1</v>
      </c>
      <c r="S16" s="280">
        <v>1</v>
      </c>
      <c r="T16" s="280">
        <v>7</v>
      </c>
      <c r="U16" s="280">
        <v>14</v>
      </c>
      <c r="V16" s="280">
        <v>31</v>
      </c>
      <c r="W16" s="277">
        <v>54</v>
      </c>
      <c r="X16" s="282">
        <v>54</v>
      </c>
      <c r="Y16" s="276">
        <v>9</v>
      </c>
      <c r="Z16" s="280">
        <v>25</v>
      </c>
      <c r="AA16" s="277">
        <v>34</v>
      </c>
      <c r="AB16" s="279">
        <v>0</v>
      </c>
      <c r="AC16" s="280">
        <v>117</v>
      </c>
      <c r="AD16" s="280">
        <v>136</v>
      </c>
      <c r="AE16" s="280">
        <v>90</v>
      </c>
      <c r="AF16" s="280">
        <v>91</v>
      </c>
      <c r="AG16" s="280">
        <v>76</v>
      </c>
      <c r="AH16" s="277">
        <v>510</v>
      </c>
      <c r="AI16" s="282">
        <v>544</v>
      </c>
      <c r="AJ16" s="276">
        <v>3</v>
      </c>
      <c r="AK16" s="280">
        <v>7</v>
      </c>
      <c r="AL16" s="277">
        <v>10</v>
      </c>
      <c r="AM16" s="279">
        <v>0</v>
      </c>
      <c r="AN16" s="280">
        <v>19</v>
      </c>
      <c r="AO16" s="280">
        <v>21</v>
      </c>
      <c r="AP16" s="280">
        <v>11</v>
      </c>
      <c r="AQ16" s="280">
        <v>16</v>
      </c>
      <c r="AR16" s="280">
        <v>8</v>
      </c>
      <c r="AS16" s="277">
        <v>75</v>
      </c>
      <c r="AT16" s="282">
        <v>85</v>
      </c>
      <c r="AU16" s="276">
        <v>33</v>
      </c>
      <c r="AV16" s="280">
        <v>29</v>
      </c>
      <c r="AW16" s="277">
        <v>62</v>
      </c>
      <c r="AX16" s="279">
        <v>0</v>
      </c>
      <c r="AY16" s="280">
        <v>177</v>
      </c>
      <c r="AZ16" s="280">
        <v>190</v>
      </c>
      <c r="BA16" s="280">
        <v>180</v>
      </c>
      <c r="BB16" s="280">
        <v>181</v>
      </c>
      <c r="BC16" s="280">
        <v>149</v>
      </c>
      <c r="BD16" s="281">
        <v>877</v>
      </c>
      <c r="BE16" s="282">
        <v>939</v>
      </c>
      <c r="BF16" s="276">
        <v>0</v>
      </c>
      <c r="BG16" s="280">
        <v>0</v>
      </c>
      <c r="BH16" s="277">
        <v>0</v>
      </c>
      <c r="BI16" s="279">
        <v>0</v>
      </c>
      <c r="BJ16" s="280">
        <v>182</v>
      </c>
      <c r="BK16" s="280">
        <v>169</v>
      </c>
      <c r="BL16" s="280">
        <v>101</v>
      </c>
      <c r="BM16" s="280">
        <v>64</v>
      </c>
      <c r="BN16" s="280">
        <v>29</v>
      </c>
      <c r="BO16" s="277">
        <v>545</v>
      </c>
      <c r="BP16" s="282">
        <v>545</v>
      </c>
      <c r="BQ16" s="276">
        <v>14</v>
      </c>
      <c r="BR16" s="280">
        <v>24</v>
      </c>
      <c r="BS16" s="277">
        <v>38</v>
      </c>
      <c r="BT16" s="279">
        <v>0</v>
      </c>
      <c r="BU16" s="280">
        <v>38</v>
      </c>
      <c r="BV16" s="280">
        <v>39</v>
      </c>
      <c r="BW16" s="280">
        <v>23</v>
      </c>
      <c r="BX16" s="280">
        <v>25</v>
      </c>
      <c r="BY16" s="280">
        <v>9</v>
      </c>
      <c r="BZ16" s="277">
        <v>134</v>
      </c>
      <c r="CA16" s="282">
        <v>172</v>
      </c>
      <c r="CB16" s="276">
        <v>0</v>
      </c>
      <c r="CC16" s="280">
        <v>2</v>
      </c>
      <c r="CD16" s="277">
        <v>2</v>
      </c>
      <c r="CE16" s="279">
        <v>0</v>
      </c>
      <c r="CF16" s="280">
        <v>18</v>
      </c>
      <c r="CG16" s="280">
        <v>28</v>
      </c>
      <c r="CH16" s="280">
        <v>45</v>
      </c>
      <c r="CI16" s="280">
        <v>39</v>
      </c>
      <c r="CJ16" s="280">
        <v>24</v>
      </c>
      <c r="CK16" s="277">
        <v>154</v>
      </c>
      <c r="CL16" s="282">
        <v>156</v>
      </c>
      <c r="CM16" s="276">
        <v>0</v>
      </c>
      <c r="CN16" s="280">
        <v>0</v>
      </c>
      <c r="CO16" s="277">
        <v>0</v>
      </c>
      <c r="CP16" s="279">
        <v>0</v>
      </c>
      <c r="CQ16" s="280">
        <v>2</v>
      </c>
      <c r="CR16" s="280">
        <v>9</v>
      </c>
      <c r="CS16" s="280">
        <v>9</v>
      </c>
      <c r="CT16" s="280">
        <v>7</v>
      </c>
      <c r="CU16" s="280">
        <v>0</v>
      </c>
      <c r="CV16" s="277">
        <v>27</v>
      </c>
      <c r="CW16" s="282">
        <v>27</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70</v>
      </c>
      <c r="DU16" s="280">
        <v>161</v>
      </c>
      <c r="DV16" s="277">
        <v>231</v>
      </c>
      <c r="DW16" s="279">
        <v>0</v>
      </c>
      <c r="DX16" s="280">
        <v>266</v>
      </c>
      <c r="DY16" s="280">
        <v>383</v>
      </c>
      <c r="DZ16" s="280">
        <v>246</v>
      </c>
      <c r="EA16" s="280">
        <v>204</v>
      </c>
      <c r="EB16" s="280">
        <v>127</v>
      </c>
      <c r="EC16" s="277">
        <v>1226</v>
      </c>
      <c r="ED16" s="282">
        <v>1457</v>
      </c>
      <c r="EE16" s="276">
        <v>25</v>
      </c>
      <c r="EF16" s="280">
        <v>13</v>
      </c>
      <c r="EG16" s="277">
        <v>38</v>
      </c>
      <c r="EH16" s="279">
        <v>0</v>
      </c>
      <c r="EI16" s="280">
        <v>77</v>
      </c>
      <c r="EJ16" s="280">
        <v>64</v>
      </c>
      <c r="EK16" s="280">
        <v>59</v>
      </c>
      <c r="EL16" s="280">
        <v>61</v>
      </c>
      <c r="EM16" s="280">
        <v>48</v>
      </c>
      <c r="EN16" s="277">
        <v>309</v>
      </c>
      <c r="EO16" s="282">
        <v>347</v>
      </c>
      <c r="EP16" s="276">
        <v>86</v>
      </c>
      <c r="EQ16" s="280">
        <v>193</v>
      </c>
      <c r="ER16" s="277">
        <v>279</v>
      </c>
      <c r="ES16" s="279">
        <v>0</v>
      </c>
      <c r="ET16" s="280">
        <v>569</v>
      </c>
      <c r="EU16" s="280">
        <v>528</v>
      </c>
      <c r="EV16" s="280">
        <v>313</v>
      </c>
      <c r="EW16" s="280">
        <v>233</v>
      </c>
      <c r="EX16" s="280">
        <v>145</v>
      </c>
      <c r="EY16" s="277">
        <v>1788</v>
      </c>
      <c r="EZ16" s="282">
        <v>2067</v>
      </c>
    </row>
    <row r="17" spans="2:156" ht="21" customHeight="1" x14ac:dyDescent="0.2">
      <c r="B17" s="261" t="s">
        <v>15</v>
      </c>
      <c r="C17" s="276">
        <v>0</v>
      </c>
      <c r="D17" s="280">
        <v>0</v>
      </c>
      <c r="E17" s="384">
        <v>0</v>
      </c>
      <c r="F17" s="279">
        <v>0</v>
      </c>
      <c r="G17" s="280">
        <v>110</v>
      </c>
      <c r="H17" s="280">
        <v>157</v>
      </c>
      <c r="I17" s="280">
        <v>80</v>
      </c>
      <c r="J17" s="280">
        <v>49</v>
      </c>
      <c r="K17" s="280">
        <v>47</v>
      </c>
      <c r="L17" s="281">
        <v>443</v>
      </c>
      <c r="M17" s="282">
        <v>443</v>
      </c>
      <c r="N17" s="276">
        <v>0</v>
      </c>
      <c r="O17" s="280">
        <v>0</v>
      </c>
      <c r="P17" s="277">
        <v>0</v>
      </c>
      <c r="Q17" s="279">
        <v>0</v>
      </c>
      <c r="R17" s="280">
        <v>0</v>
      </c>
      <c r="S17" s="280">
        <v>1</v>
      </c>
      <c r="T17" s="280">
        <v>10</v>
      </c>
      <c r="U17" s="280">
        <v>19</v>
      </c>
      <c r="V17" s="280">
        <v>29</v>
      </c>
      <c r="W17" s="277">
        <v>59</v>
      </c>
      <c r="X17" s="282">
        <v>59</v>
      </c>
      <c r="Y17" s="276">
        <v>1</v>
      </c>
      <c r="Z17" s="280">
        <v>15</v>
      </c>
      <c r="AA17" s="277">
        <v>16</v>
      </c>
      <c r="AB17" s="279">
        <v>0</v>
      </c>
      <c r="AC17" s="280">
        <v>39</v>
      </c>
      <c r="AD17" s="280">
        <v>76</v>
      </c>
      <c r="AE17" s="280">
        <v>46</v>
      </c>
      <c r="AF17" s="280">
        <v>44</v>
      </c>
      <c r="AG17" s="280">
        <v>41</v>
      </c>
      <c r="AH17" s="277">
        <v>246</v>
      </c>
      <c r="AI17" s="282">
        <v>262</v>
      </c>
      <c r="AJ17" s="276">
        <v>0</v>
      </c>
      <c r="AK17" s="280">
        <v>1</v>
      </c>
      <c r="AL17" s="277">
        <v>1</v>
      </c>
      <c r="AM17" s="279">
        <v>0</v>
      </c>
      <c r="AN17" s="280">
        <v>9</v>
      </c>
      <c r="AO17" s="280">
        <v>14</v>
      </c>
      <c r="AP17" s="280">
        <v>3</v>
      </c>
      <c r="AQ17" s="280">
        <v>3</v>
      </c>
      <c r="AR17" s="280">
        <v>4</v>
      </c>
      <c r="AS17" s="277">
        <v>33</v>
      </c>
      <c r="AT17" s="282">
        <v>34</v>
      </c>
      <c r="AU17" s="276">
        <v>11</v>
      </c>
      <c r="AV17" s="280">
        <v>12</v>
      </c>
      <c r="AW17" s="277">
        <v>23</v>
      </c>
      <c r="AX17" s="279">
        <v>0</v>
      </c>
      <c r="AY17" s="280">
        <v>110</v>
      </c>
      <c r="AZ17" s="280">
        <v>109</v>
      </c>
      <c r="BA17" s="280">
        <v>98</v>
      </c>
      <c r="BB17" s="280">
        <v>112</v>
      </c>
      <c r="BC17" s="280">
        <v>74</v>
      </c>
      <c r="BD17" s="281">
        <v>503</v>
      </c>
      <c r="BE17" s="282">
        <v>526</v>
      </c>
      <c r="BF17" s="276">
        <v>0</v>
      </c>
      <c r="BG17" s="280">
        <v>0</v>
      </c>
      <c r="BH17" s="277">
        <v>0</v>
      </c>
      <c r="BI17" s="279">
        <v>0</v>
      </c>
      <c r="BJ17" s="280">
        <v>117</v>
      </c>
      <c r="BK17" s="280">
        <v>133</v>
      </c>
      <c r="BL17" s="280">
        <v>55</v>
      </c>
      <c r="BM17" s="280">
        <v>29</v>
      </c>
      <c r="BN17" s="280">
        <v>13</v>
      </c>
      <c r="BO17" s="277">
        <v>347</v>
      </c>
      <c r="BP17" s="282">
        <v>347</v>
      </c>
      <c r="BQ17" s="276">
        <v>0</v>
      </c>
      <c r="BR17" s="280">
        <v>7</v>
      </c>
      <c r="BS17" s="277">
        <v>7</v>
      </c>
      <c r="BT17" s="279">
        <v>0</v>
      </c>
      <c r="BU17" s="280">
        <v>31</v>
      </c>
      <c r="BV17" s="280">
        <v>36</v>
      </c>
      <c r="BW17" s="280">
        <v>19</v>
      </c>
      <c r="BX17" s="280">
        <v>13</v>
      </c>
      <c r="BY17" s="280">
        <v>5</v>
      </c>
      <c r="BZ17" s="277">
        <v>104</v>
      </c>
      <c r="CA17" s="282">
        <v>111</v>
      </c>
      <c r="CB17" s="276">
        <v>1</v>
      </c>
      <c r="CC17" s="280">
        <v>2</v>
      </c>
      <c r="CD17" s="277">
        <v>3</v>
      </c>
      <c r="CE17" s="279">
        <v>0</v>
      </c>
      <c r="CF17" s="280">
        <v>8</v>
      </c>
      <c r="CG17" s="280">
        <v>23</v>
      </c>
      <c r="CH17" s="280">
        <v>45</v>
      </c>
      <c r="CI17" s="280">
        <v>45</v>
      </c>
      <c r="CJ17" s="280">
        <v>20</v>
      </c>
      <c r="CK17" s="277">
        <v>141</v>
      </c>
      <c r="CL17" s="282">
        <v>144</v>
      </c>
      <c r="CM17" s="276">
        <v>0</v>
      </c>
      <c r="CN17" s="280">
        <v>0</v>
      </c>
      <c r="CO17" s="277">
        <v>0</v>
      </c>
      <c r="CP17" s="279">
        <v>0</v>
      </c>
      <c r="CQ17" s="280">
        <v>2</v>
      </c>
      <c r="CR17" s="280">
        <v>2</v>
      </c>
      <c r="CS17" s="280">
        <v>1</v>
      </c>
      <c r="CT17" s="280">
        <v>2</v>
      </c>
      <c r="CU17" s="280">
        <v>1</v>
      </c>
      <c r="CV17" s="277">
        <v>8</v>
      </c>
      <c r="CW17" s="282">
        <v>8</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60</v>
      </c>
      <c r="DU17" s="280">
        <v>163</v>
      </c>
      <c r="DV17" s="277">
        <v>223</v>
      </c>
      <c r="DW17" s="279">
        <v>0</v>
      </c>
      <c r="DX17" s="280">
        <v>206</v>
      </c>
      <c r="DY17" s="280">
        <v>356</v>
      </c>
      <c r="DZ17" s="280">
        <v>174</v>
      </c>
      <c r="EA17" s="280">
        <v>123</v>
      </c>
      <c r="EB17" s="280">
        <v>78</v>
      </c>
      <c r="EC17" s="277">
        <v>937</v>
      </c>
      <c r="ED17" s="282">
        <v>1160</v>
      </c>
      <c r="EE17" s="276">
        <v>19</v>
      </c>
      <c r="EF17" s="280">
        <v>10</v>
      </c>
      <c r="EG17" s="277">
        <v>29</v>
      </c>
      <c r="EH17" s="279">
        <v>0</v>
      </c>
      <c r="EI17" s="280">
        <v>62</v>
      </c>
      <c r="EJ17" s="280">
        <v>36</v>
      </c>
      <c r="EK17" s="280">
        <v>25</v>
      </c>
      <c r="EL17" s="280">
        <v>44</v>
      </c>
      <c r="EM17" s="280">
        <v>19</v>
      </c>
      <c r="EN17" s="277">
        <v>186</v>
      </c>
      <c r="EO17" s="282">
        <v>215</v>
      </c>
      <c r="EP17" s="276">
        <v>59</v>
      </c>
      <c r="EQ17" s="280">
        <v>166</v>
      </c>
      <c r="ER17" s="277">
        <v>225</v>
      </c>
      <c r="ES17" s="279">
        <v>0</v>
      </c>
      <c r="ET17" s="280">
        <v>393</v>
      </c>
      <c r="EU17" s="280">
        <v>484</v>
      </c>
      <c r="EV17" s="280">
        <v>219</v>
      </c>
      <c r="EW17" s="280">
        <v>159</v>
      </c>
      <c r="EX17" s="280">
        <v>92</v>
      </c>
      <c r="EY17" s="277">
        <v>1347</v>
      </c>
      <c r="EZ17" s="282">
        <v>1572</v>
      </c>
    </row>
    <row r="18" spans="2:156" ht="21" customHeight="1" x14ac:dyDescent="0.2">
      <c r="B18" s="261" t="s">
        <v>16</v>
      </c>
      <c r="C18" s="276">
        <v>0</v>
      </c>
      <c r="D18" s="280">
        <v>0</v>
      </c>
      <c r="E18" s="384">
        <v>0</v>
      </c>
      <c r="F18" s="279">
        <v>0</v>
      </c>
      <c r="G18" s="280">
        <v>211</v>
      </c>
      <c r="H18" s="280">
        <v>305</v>
      </c>
      <c r="I18" s="280">
        <v>162</v>
      </c>
      <c r="J18" s="280">
        <v>140</v>
      </c>
      <c r="K18" s="280">
        <v>91</v>
      </c>
      <c r="L18" s="281">
        <v>909</v>
      </c>
      <c r="M18" s="282">
        <v>909</v>
      </c>
      <c r="N18" s="276">
        <v>0</v>
      </c>
      <c r="O18" s="280">
        <v>0</v>
      </c>
      <c r="P18" s="277">
        <v>0</v>
      </c>
      <c r="Q18" s="279">
        <v>0</v>
      </c>
      <c r="R18" s="280">
        <v>3</v>
      </c>
      <c r="S18" s="280">
        <v>7</v>
      </c>
      <c r="T18" s="280">
        <v>14</v>
      </c>
      <c r="U18" s="280">
        <v>21</v>
      </c>
      <c r="V18" s="280">
        <v>46</v>
      </c>
      <c r="W18" s="277">
        <v>91</v>
      </c>
      <c r="X18" s="282">
        <v>91</v>
      </c>
      <c r="Y18" s="276">
        <v>37</v>
      </c>
      <c r="Z18" s="280">
        <v>51</v>
      </c>
      <c r="AA18" s="277">
        <v>88</v>
      </c>
      <c r="AB18" s="279">
        <v>0</v>
      </c>
      <c r="AC18" s="280">
        <v>164</v>
      </c>
      <c r="AD18" s="280">
        <v>285</v>
      </c>
      <c r="AE18" s="280">
        <v>177</v>
      </c>
      <c r="AF18" s="280">
        <v>162</v>
      </c>
      <c r="AG18" s="280">
        <v>119</v>
      </c>
      <c r="AH18" s="277">
        <v>907</v>
      </c>
      <c r="AI18" s="282">
        <v>995</v>
      </c>
      <c r="AJ18" s="276">
        <v>2</v>
      </c>
      <c r="AK18" s="280">
        <v>8</v>
      </c>
      <c r="AL18" s="277">
        <v>10</v>
      </c>
      <c r="AM18" s="279">
        <v>0</v>
      </c>
      <c r="AN18" s="280">
        <v>8</v>
      </c>
      <c r="AO18" s="280">
        <v>26</v>
      </c>
      <c r="AP18" s="280">
        <v>14</v>
      </c>
      <c r="AQ18" s="280">
        <v>7</v>
      </c>
      <c r="AR18" s="280">
        <v>10</v>
      </c>
      <c r="AS18" s="277">
        <v>65</v>
      </c>
      <c r="AT18" s="282">
        <v>75</v>
      </c>
      <c r="AU18" s="276">
        <v>41</v>
      </c>
      <c r="AV18" s="280">
        <v>34</v>
      </c>
      <c r="AW18" s="277">
        <v>75</v>
      </c>
      <c r="AX18" s="279">
        <v>0</v>
      </c>
      <c r="AY18" s="280">
        <v>207</v>
      </c>
      <c r="AZ18" s="280">
        <v>285</v>
      </c>
      <c r="BA18" s="280">
        <v>276</v>
      </c>
      <c r="BB18" s="280">
        <v>283</v>
      </c>
      <c r="BC18" s="280">
        <v>220</v>
      </c>
      <c r="BD18" s="281">
        <v>1271</v>
      </c>
      <c r="BE18" s="282">
        <v>1346</v>
      </c>
      <c r="BF18" s="276">
        <v>0</v>
      </c>
      <c r="BG18" s="280">
        <v>0</v>
      </c>
      <c r="BH18" s="277">
        <v>0</v>
      </c>
      <c r="BI18" s="279">
        <v>0</v>
      </c>
      <c r="BJ18" s="280">
        <v>315</v>
      </c>
      <c r="BK18" s="280">
        <v>429</v>
      </c>
      <c r="BL18" s="280">
        <v>228</v>
      </c>
      <c r="BM18" s="280">
        <v>153</v>
      </c>
      <c r="BN18" s="280">
        <v>87</v>
      </c>
      <c r="BO18" s="277">
        <v>1212</v>
      </c>
      <c r="BP18" s="282">
        <v>1212</v>
      </c>
      <c r="BQ18" s="276">
        <v>41</v>
      </c>
      <c r="BR18" s="280">
        <v>84</v>
      </c>
      <c r="BS18" s="277">
        <v>125</v>
      </c>
      <c r="BT18" s="279">
        <v>0</v>
      </c>
      <c r="BU18" s="280">
        <v>184</v>
      </c>
      <c r="BV18" s="280">
        <v>257</v>
      </c>
      <c r="BW18" s="280">
        <v>108</v>
      </c>
      <c r="BX18" s="280">
        <v>57</v>
      </c>
      <c r="BY18" s="280">
        <v>14</v>
      </c>
      <c r="BZ18" s="277">
        <v>620</v>
      </c>
      <c r="CA18" s="282">
        <v>745</v>
      </c>
      <c r="CB18" s="276">
        <v>0</v>
      </c>
      <c r="CC18" s="280">
        <v>1</v>
      </c>
      <c r="CD18" s="277">
        <v>1</v>
      </c>
      <c r="CE18" s="279">
        <v>0</v>
      </c>
      <c r="CF18" s="280">
        <v>36</v>
      </c>
      <c r="CG18" s="280">
        <v>79</v>
      </c>
      <c r="CH18" s="280">
        <v>90</v>
      </c>
      <c r="CI18" s="280">
        <v>42</v>
      </c>
      <c r="CJ18" s="280">
        <v>19</v>
      </c>
      <c r="CK18" s="277">
        <v>266</v>
      </c>
      <c r="CL18" s="282">
        <v>267</v>
      </c>
      <c r="CM18" s="276">
        <v>0</v>
      </c>
      <c r="CN18" s="280">
        <v>0</v>
      </c>
      <c r="CO18" s="277">
        <v>0</v>
      </c>
      <c r="CP18" s="279">
        <v>0</v>
      </c>
      <c r="CQ18" s="280">
        <v>6</v>
      </c>
      <c r="CR18" s="280">
        <v>6</v>
      </c>
      <c r="CS18" s="280">
        <v>10</v>
      </c>
      <c r="CT18" s="280">
        <v>9</v>
      </c>
      <c r="CU18" s="280">
        <v>4</v>
      </c>
      <c r="CV18" s="277">
        <v>35</v>
      </c>
      <c r="CW18" s="282">
        <v>35</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66</v>
      </c>
      <c r="DU18" s="280">
        <v>319</v>
      </c>
      <c r="DV18" s="277">
        <v>485</v>
      </c>
      <c r="DW18" s="279">
        <v>0</v>
      </c>
      <c r="DX18" s="280">
        <v>439</v>
      </c>
      <c r="DY18" s="280">
        <v>871</v>
      </c>
      <c r="DZ18" s="280">
        <v>485</v>
      </c>
      <c r="EA18" s="280">
        <v>369</v>
      </c>
      <c r="EB18" s="280">
        <v>220</v>
      </c>
      <c r="EC18" s="277">
        <v>2384</v>
      </c>
      <c r="ED18" s="282">
        <v>2869</v>
      </c>
      <c r="EE18" s="276">
        <v>24</v>
      </c>
      <c r="EF18" s="280">
        <v>21</v>
      </c>
      <c r="EG18" s="277">
        <v>45</v>
      </c>
      <c r="EH18" s="279">
        <v>0</v>
      </c>
      <c r="EI18" s="280">
        <v>100</v>
      </c>
      <c r="EJ18" s="280">
        <v>96</v>
      </c>
      <c r="EK18" s="280">
        <v>94</v>
      </c>
      <c r="EL18" s="280">
        <v>116</v>
      </c>
      <c r="EM18" s="280">
        <v>84</v>
      </c>
      <c r="EN18" s="277">
        <v>490</v>
      </c>
      <c r="EO18" s="282">
        <v>535</v>
      </c>
      <c r="EP18" s="276">
        <v>205</v>
      </c>
      <c r="EQ18" s="280">
        <v>387</v>
      </c>
      <c r="ER18" s="277">
        <v>592</v>
      </c>
      <c r="ES18" s="279">
        <v>0</v>
      </c>
      <c r="ET18" s="280">
        <v>882</v>
      </c>
      <c r="EU18" s="280">
        <v>1163</v>
      </c>
      <c r="EV18" s="280">
        <v>577</v>
      </c>
      <c r="EW18" s="280">
        <v>380</v>
      </c>
      <c r="EX18" s="280">
        <v>217</v>
      </c>
      <c r="EY18" s="277">
        <v>3219</v>
      </c>
      <c r="EZ18" s="282">
        <v>3811</v>
      </c>
    </row>
    <row r="19" spans="2:156" ht="21" customHeight="1" x14ac:dyDescent="0.2">
      <c r="B19" s="261" t="s">
        <v>17</v>
      </c>
      <c r="C19" s="276">
        <v>0</v>
      </c>
      <c r="D19" s="280">
        <v>0</v>
      </c>
      <c r="E19" s="384">
        <v>0</v>
      </c>
      <c r="F19" s="279">
        <v>0</v>
      </c>
      <c r="G19" s="280">
        <v>224</v>
      </c>
      <c r="H19" s="280">
        <v>453</v>
      </c>
      <c r="I19" s="280">
        <v>272</v>
      </c>
      <c r="J19" s="280">
        <v>200</v>
      </c>
      <c r="K19" s="280">
        <v>169</v>
      </c>
      <c r="L19" s="281">
        <v>1318</v>
      </c>
      <c r="M19" s="282">
        <v>1318</v>
      </c>
      <c r="N19" s="276">
        <v>0</v>
      </c>
      <c r="O19" s="280">
        <v>1</v>
      </c>
      <c r="P19" s="277">
        <v>1</v>
      </c>
      <c r="Q19" s="279">
        <v>0</v>
      </c>
      <c r="R19" s="280">
        <v>2</v>
      </c>
      <c r="S19" s="280">
        <v>10</v>
      </c>
      <c r="T19" s="280">
        <v>19</v>
      </c>
      <c r="U19" s="280">
        <v>37</v>
      </c>
      <c r="V19" s="280">
        <v>88</v>
      </c>
      <c r="W19" s="277">
        <v>156</v>
      </c>
      <c r="X19" s="282">
        <v>157</v>
      </c>
      <c r="Y19" s="276">
        <v>28</v>
      </c>
      <c r="Z19" s="280">
        <v>92</v>
      </c>
      <c r="AA19" s="277">
        <v>120</v>
      </c>
      <c r="AB19" s="279">
        <v>0</v>
      </c>
      <c r="AC19" s="280">
        <v>173</v>
      </c>
      <c r="AD19" s="280">
        <v>308</v>
      </c>
      <c r="AE19" s="280">
        <v>228</v>
      </c>
      <c r="AF19" s="280">
        <v>163</v>
      </c>
      <c r="AG19" s="280">
        <v>164</v>
      </c>
      <c r="AH19" s="277">
        <v>1036</v>
      </c>
      <c r="AI19" s="282">
        <v>1156</v>
      </c>
      <c r="AJ19" s="276">
        <v>5</v>
      </c>
      <c r="AK19" s="280">
        <v>14</v>
      </c>
      <c r="AL19" s="277">
        <v>19</v>
      </c>
      <c r="AM19" s="279">
        <v>0</v>
      </c>
      <c r="AN19" s="280">
        <v>5</v>
      </c>
      <c r="AO19" s="280">
        <v>24</v>
      </c>
      <c r="AP19" s="280">
        <v>21</v>
      </c>
      <c r="AQ19" s="280">
        <v>11</v>
      </c>
      <c r="AR19" s="280">
        <v>7</v>
      </c>
      <c r="AS19" s="277">
        <v>68</v>
      </c>
      <c r="AT19" s="282">
        <v>87</v>
      </c>
      <c r="AU19" s="276">
        <v>41</v>
      </c>
      <c r="AV19" s="280">
        <v>59</v>
      </c>
      <c r="AW19" s="277">
        <v>100</v>
      </c>
      <c r="AX19" s="279">
        <v>0</v>
      </c>
      <c r="AY19" s="280">
        <v>241</v>
      </c>
      <c r="AZ19" s="280">
        <v>434</v>
      </c>
      <c r="BA19" s="280">
        <v>381</v>
      </c>
      <c r="BB19" s="280">
        <v>389</v>
      </c>
      <c r="BC19" s="280">
        <v>313</v>
      </c>
      <c r="BD19" s="281">
        <v>1758</v>
      </c>
      <c r="BE19" s="282">
        <v>1858</v>
      </c>
      <c r="BF19" s="276">
        <v>0</v>
      </c>
      <c r="BG19" s="280">
        <v>0</v>
      </c>
      <c r="BH19" s="277">
        <v>0</v>
      </c>
      <c r="BI19" s="279">
        <v>0</v>
      </c>
      <c r="BJ19" s="280">
        <v>342</v>
      </c>
      <c r="BK19" s="280">
        <v>521</v>
      </c>
      <c r="BL19" s="280">
        <v>290</v>
      </c>
      <c r="BM19" s="280">
        <v>155</v>
      </c>
      <c r="BN19" s="280">
        <v>94</v>
      </c>
      <c r="BO19" s="277">
        <v>1402</v>
      </c>
      <c r="BP19" s="282">
        <v>1402</v>
      </c>
      <c r="BQ19" s="276">
        <v>38</v>
      </c>
      <c r="BR19" s="280">
        <v>77</v>
      </c>
      <c r="BS19" s="277">
        <v>115</v>
      </c>
      <c r="BT19" s="279">
        <v>0</v>
      </c>
      <c r="BU19" s="280">
        <v>67</v>
      </c>
      <c r="BV19" s="280">
        <v>183</v>
      </c>
      <c r="BW19" s="280">
        <v>96</v>
      </c>
      <c r="BX19" s="280">
        <v>39</v>
      </c>
      <c r="BY19" s="280">
        <v>25</v>
      </c>
      <c r="BZ19" s="277">
        <v>410</v>
      </c>
      <c r="CA19" s="282">
        <v>525</v>
      </c>
      <c r="CB19" s="276">
        <v>0</v>
      </c>
      <c r="CC19" s="280">
        <v>1</v>
      </c>
      <c r="CD19" s="277">
        <v>1</v>
      </c>
      <c r="CE19" s="279">
        <v>0</v>
      </c>
      <c r="CF19" s="280">
        <v>38</v>
      </c>
      <c r="CG19" s="280">
        <v>73</v>
      </c>
      <c r="CH19" s="280">
        <v>99</v>
      </c>
      <c r="CI19" s="280">
        <v>65</v>
      </c>
      <c r="CJ19" s="280">
        <v>43</v>
      </c>
      <c r="CK19" s="277">
        <v>318</v>
      </c>
      <c r="CL19" s="282">
        <v>319</v>
      </c>
      <c r="CM19" s="276">
        <v>0</v>
      </c>
      <c r="CN19" s="280">
        <v>0</v>
      </c>
      <c r="CO19" s="277">
        <v>0</v>
      </c>
      <c r="CP19" s="279">
        <v>0</v>
      </c>
      <c r="CQ19" s="280">
        <v>7</v>
      </c>
      <c r="CR19" s="280">
        <v>12</v>
      </c>
      <c r="CS19" s="280">
        <v>11</v>
      </c>
      <c r="CT19" s="280">
        <v>11</v>
      </c>
      <c r="CU19" s="280">
        <v>12</v>
      </c>
      <c r="CV19" s="277">
        <v>53</v>
      </c>
      <c r="CW19" s="282">
        <v>53</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95</v>
      </c>
      <c r="DU19" s="280">
        <v>474</v>
      </c>
      <c r="DV19" s="277">
        <v>669</v>
      </c>
      <c r="DW19" s="279">
        <v>0</v>
      </c>
      <c r="DX19" s="280">
        <v>418</v>
      </c>
      <c r="DY19" s="280">
        <v>1143</v>
      </c>
      <c r="DZ19" s="280">
        <v>691</v>
      </c>
      <c r="EA19" s="280">
        <v>503</v>
      </c>
      <c r="EB19" s="280">
        <v>363</v>
      </c>
      <c r="EC19" s="277">
        <v>3118</v>
      </c>
      <c r="ED19" s="282">
        <v>3787</v>
      </c>
      <c r="EE19" s="276">
        <v>30</v>
      </c>
      <c r="EF19" s="280">
        <v>30</v>
      </c>
      <c r="EG19" s="277">
        <v>60</v>
      </c>
      <c r="EH19" s="279">
        <v>0</v>
      </c>
      <c r="EI19" s="280">
        <v>93</v>
      </c>
      <c r="EJ19" s="280">
        <v>109</v>
      </c>
      <c r="EK19" s="280">
        <v>78</v>
      </c>
      <c r="EL19" s="280">
        <v>98</v>
      </c>
      <c r="EM19" s="280">
        <v>60</v>
      </c>
      <c r="EN19" s="277">
        <v>438</v>
      </c>
      <c r="EO19" s="282">
        <v>498</v>
      </c>
      <c r="EP19" s="276">
        <v>250</v>
      </c>
      <c r="EQ19" s="280">
        <v>563</v>
      </c>
      <c r="ER19" s="277">
        <v>813</v>
      </c>
      <c r="ES19" s="279">
        <v>0</v>
      </c>
      <c r="ET19" s="280">
        <v>951</v>
      </c>
      <c r="EU19" s="280">
        <v>1495</v>
      </c>
      <c r="EV19" s="280">
        <v>814</v>
      </c>
      <c r="EW19" s="280">
        <v>526</v>
      </c>
      <c r="EX19" s="280">
        <v>369</v>
      </c>
      <c r="EY19" s="277">
        <v>4155</v>
      </c>
      <c r="EZ19" s="282">
        <v>4968</v>
      </c>
    </row>
    <row r="20" spans="2:156" ht="21" customHeight="1" x14ac:dyDescent="0.2">
      <c r="B20" s="261" t="s">
        <v>18</v>
      </c>
      <c r="C20" s="276">
        <v>0</v>
      </c>
      <c r="D20" s="280">
        <v>0</v>
      </c>
      <c r="E20" s="384">
        <v>0</v>
      </c>
      <c r="F20" s="279">
        <v>0</v>
      </c>
      <c r="G20" s="280">
        <v>476</v>
      </c>
      <c r="H20" s="280">
        <v>510</v>
      </c>
      <c r="I20" s="280">
        <v>292</v>
      </c>
      <c r="J20" s="280">
        <v>232</v>
      </c>
      <c r="K20" s="280">
        <v>164</v>
      </c>
      <c r="L20" s="281">
        <v>1674</v>
      </c>
      <c r="M20" s="282">
        <v>1674</v>
      </c>
      <c r="N20" s="276">
        <v>0</v>
      </c>
      <c r="O20" s="280">
        <v>0</v>
      </c>
      <c r="P20" s="277">
        <v>0</v>
      </c>
      <c r="Q20" s="279">
        <v>0</v>
      </c>
      <c r="R20" s="280">
        <v>4</v>
      </c>
      <c r="S20" s="280">
        <v>12</v>
      </c>
      <c r="T20" s="280">
        <v>22</v>
      </c>
      <c r="U20" s="280">
        <v>44</v>
      </c>
      <c r="V20" s="280">
        <v>80</v>
      </c>
      <c r="W20" s="277">
        <v>162</v>
      </c>
      <c r="X20" s="282">
        <v>162</v>
      </c>
      <c r="Y20" s="276">
        <v>51</v>
      </c>
      <c r="Z20" s="280">
        <v>101</v>
      </c>
      <c r="AA20" s="277">
        <v>152</v>
      </c>
      <c r="AB20" s="279">
        <v>0</v>
      </c>
      <c r="AC20" s="280">
        <v>338</v>
      </c>
      <c r="AD20" s="280">
        <v>372</v>
      </c>
      <c r="AE20" s="280">
        <v>245</v>
      </c>
      <c r="AF20" s="280">
        <v>181</v>
      </c>
      <c r="AG20" s="280">
        <v>145</v>
      </c>
      <c r="AH20" s="277">
        <v>1281</v>
      </c>
      <c r="AI20" s="282">
        <v>1433</v>
      </c>
      <c r="AJ20" s="276">
        <v>6</v>
      </c>
      <c r="AK20" s="280">
        <v>12</v>
      </c>
      <c r="AL20" s="277">
        <v>18</v>
      </c>
      <c r="AM20" s="279">
        <v>0</v>
      </c>
      <c r="AN20" s="280">
        <v>26</v>
      </c>
      <c r="AO20" s="280">
        <v>50</v>
      </c>
      <c r="AP20" s="280">
        <v>34</v>
      </c>
      <c r="AQ20" s="280">
        <v>21</v>
      </c>
      <c r="AR20" s="280">
        <v>18</v>
      </c>
      <c r="AS20" s="277">
        <v>149</v>
      </c>
      <c r="AT20" s="282">
        <v>167</v>
      </c>
      <c r="AU20" s="276">
        <v>56</v>
      </c>
      <c r="AV20" s="280">
        <v>68</v>
      </c>
      <c r="AW20" s="277">
        <v>124</v>
      </c>
      <c r="AX20" s="279">
        <v>0</v>
      </c>
      <c r="AY20" s="280">
        <v>427</v>
      </c>
      <c r="AZ20" s="280">
        <v>550</v>
      </c>
      <c r="BA20" s="280">
        <v>492</v>
      </c>
      <c r="BB20" s="280">
        <v>454</v>
      </c>
      <c r="BC20" s="280">
        <v>371</v>
      </c>
      <c r="BD20" s="281">
        <v>2294</v>
      </c>
      <c r="BE20" s="282">
        <v>2418</v>
      </c>
      <c r="BF20" s="276">
        <v>0</v>
      </c>
      <c r="BG20" s="280">
        <v>0</v>
      </c>
      <c r="BH20" s="277">
        <v>0</v>
      </c>
      <c r="BI20" s="279">
        <v>0</v>
      </c>
      <c r="BJ20" s="280">
        <v>661</v>
      </c>
      <c r="BK20" s="280">
        <v>596</v>
      </c>
      <c r="BL20" s="280">
        <v>328</v>
      </c>
      <c r="BM20" s="280">
        <v>188</v>
      </c>
      <c r="BN20" s="280">
        <v>86</v>
      </c>
      <c r="BO20" s="277">
        <v>1859</v>
      </c>
      <c r="BP20" s="282">
        <v>1859</v>
      </c>
      <c r="BQ20" s="276">
        <v>54</v>
      </c>
      <c r="BR20" s="280">
        <v>83</v>
      </c>
      <c r="BS20" s="277">
        <v>137</v>
      </c>
      <c r="BT20" s="279">
        <v>0</v>
      </c>
      <c r="BU20" s="280">
        <v>180</v>
      </c>
      <c r="BV20" s="280">
        <v>199</v>
      </c>
      <c r="BW20" s="280">
        <v>103</v>
      </c>
      <c r="BX20" s="280">
        <v>70</v>
      </c>
      <c r="BY20" s="280">
        <v>23</v>
      </c>
      <c r="BZ20" s="277">
        <v>575</v>
      </c>
      <c r="CA20" s="282">
        <v>712</v>
      </c>
      <c r="CB20" s="276">
        <v>0</v>
      </c>
      <c r="CC20" s="280">
        <v>2</v>
      </c>
      <c r="CD20" s="277">
        <v>2</v>
      </c>
      <c r="CE20" s="279">
        <v>0</v>
      </c>
      <c r="CF20" s="280">
        <v>50</v>
      </c>
      <c r="CG20" s="280">
        <v>102</v>
      </c>
      <c r="CH20" s="280">
        <v>151</v>
      </c>
      <c r="CI20" s="280">
        <v>102</v>
      </c>
      <c r="CJ20" s="280">
        <v>58</v>
      </c>
      <c r="CK20" s="277">
        <v>463</v>
      </c>
      <c r="CL20" s="282">
        <v>465</v>
      </c>
      <c r="CM20" s="276">
        <v>0</v>
      </c>
      <c r="CN20" s="280">
        <v>0</v>
      </c>
      <c r="CO20" s="277">
        <v>0</v>
      </c>
      <c r="CP20" s="279">
        <v>0</v>
      </c>
      <c r="CQ20" s="280">
        <v>2</v>
      </c>
      <c r="CR20" s="280">
        <v>3</v>
      </c>
      <c r="CS20" s="280">
        <v>5</v>
      </c>
      <c r="CT20" s="280">
        <v>3</v>
      </c>
      <c r="CU20" s="280">
        <v>1</v>
      </c>
      <c r="CV20" s="277">
        <v>14</v>
      </c>
      <c r="CW20" s="282">
        <v>14</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24</v>
      </c>
      <c r="DU20" s="280">
        <v>491</v>
      </c>
      <c r="DV20" s="277">
        <v>715</v>
      </c>
      <c r="DW20" s="279">
        <v>0</v>
      </c>
      <c r="DX20" s="280">
        <v>804</v>
      </c>
      <c r="DY20" s="280">
        <v>1100</v>
      </c>
      <c r="DZ20" s="280">
        <v>689</v>
      </c>
      <c r="EA20" s="280">
        <v>529</v>
      </c>
      <c r="EB20" s="280">
        <v>337</v>
      </c>
      <c r="EC20" s="277">
        <v>3459</v>
      </c>
      <c r="ED20" s="282">
        <v>4174</v>
      </c>
      <c r="EE20" s="276">
        <v>27</v>
      </c>
      <c r="EF20" s="280">
        <v>13</v>
      </c>
      <c r="EG20" s="277">
        <v>40</v>
      </c>
      <c r="EH20" s="279">
        <v>0</v>
      </c>
      <c r="EI20" s="280">
        <v>116</v>
      </c>
      <c r="EJ20" s="280">
        <v>116</v>
      </c>
      <c r="EK20" s="280">
        <v>89</v>
      </c>
      <c r="EL20" s="280">
        <v>98</v>
      </c>
      <c r="EM20" s="280">
        <v>72</v>
      </c>
      <c r="EN20" s="277">
        <v>491</v>
      </c>
      <c r="EO20" s="282">
        <v>531</v>
      </c>
      <c r="EP20" s="276">
        <v>301</v>
      </c>
      <c r="EQ20" s="280">
        <v>601</v>
      </c>
      <c r="ER20" s="277">
        <v>902</v>
      </c>
      <c r="ES20" s="279">
        <v>0</v>
      </c>
      <c r="ET20" s="280">
        <v>1617</v>
      </c>
      <c r="EU20" s="280">
        <v>1466</v>
      </c>
      <c r="EV20" s="280">
        <v>848</v>
      </c>
      <c r="EW20" s="280">
        <v>547</v>
      </c>
      <c r="EX20" s="280">
        <v>322</v>
      </c>
      <c r="EY20" s="277">
        <v>4800</v>
      </c>
      <c r="EZ20" s="282">
        <v>5702</v>
      </c>
    </row>
    <row r="21" spans="2:156" ht="21" customHeight="1" x14ac:dyDescent="0.2">
      <c r="B21" s="261" t="s">
        <v>19</v>
      </c>
      <c r="C21" s="276">
        <v>0</v>
      </c>
      <c r="D21" s="280">
        <v>0</v>
      </c>
      <c r="E21" s="384">
        <v>0</v>
      </c>
      <c r="F21" s="279">
        <v>0</v>
      </c>
      <c r="G21" s="280">
        <v>186</v>
      </c>
      <c r="H21" s="280">
        <v>165</v>
      </c>
      <c r="I21" s="280">
        <v>96</v>
      </c>
      <c r="J21" s="280">
        <v>82</v>
      </c>
      <c r="K21" s="280">
        <v>56</v>
      </c>
      <c r="L21" s="281">
        <v>585</v>
      </c>
      <c r="M21" s="282">
        <v>585</v>
      </c>
      <c r="N21" s="276">
        <v>0</v>
      </c>
      <c r="O21" s="280">
        <v>0</v>
      </c>
      <c r="P21" s="277">
        <v>0</v>
      </c>
      <c r="Q21" s="279">
        <v>0</v>
      </c>
      <c r="R21" s="280">
        <v>3</v>
      </c>
      <c r="S21" s="280">
        <v>9</v>
      </c>
      <c r="T21" s="280">
        <v>12</v>
      </c>
      <c r="U21" s="280">
        <v>23</v>
      </c>
      <c r="V21" s="280">
        <v>28</v>
      </c>
      <c r="W21" s="277">
        <v>75</v>
      </c>
      <c r="X21" s="282">
        <v>75</v>
      </c>
      <c r="Y21" s="276">
        <v>35</v>
      </c>
      <c r="Z21" s="280">
        <v>54</v>
      </c>
      <c r="AA21" s="277">
        <v>89</v>
      </c>
      <c r="AB21" s="279">
        <v>0</v>
      </c>
      <c r="AC21" s="280">
        <v>139</v>
      </c>
      <c r="AD21" s="280">
        <v>151</v>
      </c>
      <c r="AE21" s="280">
        <v>97</v>
      </c>
      <c r="AF21" s="280">
        <v>72</v>
      </c>
      <c r="AG21" s="280">
        <v>70</v>
      </c>
      <c r="AH21" s="277">
        <v>529</v>
      </c>
      <c r="AI21" s="282">
        <v>618</v>
      </c>
      <c r="AJ21" s="276">
        <v>1</v>
      </c>
      <c r="AK21" s="280">
        <v>3</v>
      </c>
      <c r="AL21" s="277">
        <v>4</v>
      </c>
      <c r="AM21" s="279">
        <v>0</v>
      </c>
      <c r="AN21" s="280">
        <v>20</v>
      </c>
      <c r="AO21" s="280">
        <v>12</v>
      </c>
      <c r="AP21" s="280">
        <v>8</v>
      </c>
      <c r="AQ21" s="280">
        <v>9</v>
      </c>
      <c r="AR21" s="280">
        <v>3</v>
      </c>
      <c r="AS21" s="277">
        <v>52</v>
      </c>
      <c r="AT21" s="282">
        <v>56</v>
      </c>
      <c r="AU21" s="276">
        <v>39</v>
      </c>
      <c r="AV21" s="280">
        <v>30</v>
      </c>
      <c r="AW21" s="277">
        <v>69</v>
      </c>
      <c r="AX21" s="279">
        <v>0</v>
      </c>
      <c r="AY21" s="280">
        <v>169</v>
      </c>
      <c r="AZ21" s="280">
        <v>213</v>
      </c>
      <c r="BA21" s="280">
        <v>168</v>
      </c>
      <c r="BB21" s="280">
        <v>163</v>
      </c>
      <c r="BC21" s="280">
        <v>140</v>
      </c>
      <c r="BD21" s="281">
        <v>853</v>
      </c>
      <c r="BE21" s="282">
        <v>922</v>
      </c>
      <c r="BF21" s="276">
        <v>0</v>
      </c>
      <c r="BG21" s="280">
        <v>0</v>
      </c>
      <c r="BH21" s="277">
        <v>0</v>
      </c>
      <c r="BI21" s="279">
        <v>0</v>
      </c>
      <c r="BJ21" s="280">
        <v>259</v>
      </c>
      <c r="BK21" s="280">
        <v>225</v>
      </c>
      <c r="BL21" s="280">
        <v>121</v>
      </c>
      <c r="BM21" s="280">
        <v>60</v>
      </c>
      <c r="BN21" s="280">
        <v>39</v>
      </c>
      <c r="BO21" s="277">
        <v>704</v>
      </c>
      <c r="BP21" s="282">
        <v>704</v>
      </c>
      <c r="BQ21" s="276">
        <v>35</v>
      </c>
      <c r="BR21" s="280">
        <v>58</v>
      </c>
      <c r="BS21" s="277">
        <v>93</v>
      </c>
      <c r="BT21" s="279">
        <v>0</v>
      </c>
      <c r="BU21" s="280">
        <v>107</v>
      </c>
      <c r="BV21" s="280">
        <v>98</v>
      </c>
      <c r="BW21" s="280">
        <v>62</v>
      </c>
      <c r="BX21" s="280">
        <v>29</v>
      </c>
      <c r="BY21" s="280">
        <v>13</v>
      </c>
      <c r="BZ21" s="277">
        <v>309</v>
      </c>
      <c r="CA21" s="282">
        <v>402</v>
      </c>
      <c r="CB21" s="276">
        <v>0</v>
      </c>
      <c r="CC21" s="280">
        <v>2</v>
      </c>
      <c r="CD21" s="277">
        <v>2</v>
      </c>
      <c r="CE21" s="279">
        <v>0</v>
      </c>
      <c r="CF21" s="280">
        <v>24</v>
      </c>
      <c r="CG21" s="280">
        <v>47</v>
      </c>
      <c r="CH21" s="280">
        <v>50</v>
      </c>
      <c r="CI21" s="280">
        <v>18</v>
      </c>
      <c r="CJ21" s="280">
        <v>17</v>
      </c>
      <c r="CK21" s="277">
        <v>156</v>
      </c>
      <c r="CL21" s="282">
        <v>158</v>
      </c>
      <c r="CM21" s="276">
        <v>0</v>
      </c>
      <c r="CN21" s="280">
        <v>1</v>
      </c>
      <c r="CO21" s="277">
        <v>1</v>
      </c>
      <c r="CP21" s="279">
        <v>0</v>
      </c>
      <c r="CQ21" s="280">
        <v>7</v>
      </c>
      <c r="CR21" s="280">
        <v>12</v>
      </c>
      <c r="CS21" s="280">
        <v>9</v>
      </c>
      <c r="CT21" s="280">
        <v>10</v>
      </c>
      <c r="CU21" s="280">
        <v>2</v>
      </c>
      <c r="CV21" s="277">
        <v>40</v>
      </c>
      <c r="CW21" s="282">
        <v>4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20</v>
      </c>
      <c r="DU21" s="280">
        <v>229</v>
      </c>
      <c r="DV21" s="277">
        <v>349</v>
      </c>
      <c r="DW21" s="279">
        <v>0</v>
      </c>
      <c r="DX21" s="280">
        <v>414</v>
      </c>
      <c r="DY21" s="280">
        <v>446</v>
      </c>
      <c r="DZ21" s="280">
        <v>273</v>
      </c>
      <c r="EA21" s="280">
        <v>193</v>
      </c>
      <c r="EB21" s="280">
        <v>141</v>
      </c>
      <c r="EC21" s="277">
        <v>1467</v>
      </c>
      <c r="ED21" s="282">
        <v>1816</v>
      </c>
      <c r="EE21" s="276">
        <v>16</v>
      </c>
      <c r="EF21" s="280">
        <v>13</v>
      </c>
      <c r="EG21" s="277">
        <v>29</v>
      </c>
      <c r="EH21" s="279">
        <v>0</v>
      </c>
      <c r="EI21" s="280">
        <v>66</v>
      </c>
      <c r="EJ21" s="280">
        <v>56</v>
      </c>
      <c r="EK21" s="280">
        <v>49</v>
      </c>
      <c r="EL21" s="280">
        <v>46</v>
      </c>
      <c r="EM21" s="280">
        <v>28</v>
      </c>
      <c r="EN21" s="277">
        <v>245</v>
      </c>
      <c r="EO21" s="282">
        <v>274</v>
      </c>
      <c r="EP21" s="276">
        <v>173</v>
      </c>
      <c r="EQ21" s="280">
        <v>287</v>
      </c>
      <c r="ER21" s="277">
        <v>460</v>
      </c>
      <c r="ES21" s="279">
        <v>0</v>
      </c>
      <c r="ET21" s="280">
        <v>732</v>
      </c>
      <c r="EU21" s="280">
        <v>582</v>
      </c>
      <c r="EV21" s="280">
        <v>302</v>
      </c>
      <c r="EW21" s="280">
        <v>185</v>
      </c>
      <c r="EX21" s="280">
        <v>124</v>
      </c>
      <c r="EY21" s="277">
        <v>1925</v>
      </c>
      <c r="EZ21" s="282">
        <v>2385</v>
      </c>
    </row>
    <row r="22" spans="2:156" ht="21" customHeight="1" x14ac:dyDescent="0.2">
      <c r="B22" s="261" t="s">
        <v>20</v>
      </c>
      <c r="C22" s="276">
        <v>0</v>
      </c>
      <c r="D22" s="280">
        <v>0</v>
      </c>
      <c r="E22" s="384">
        <v>0</v>
      </c>
      <c r="F22" s="279">
        <v>0</v>
      </c>
      <c r="G22" s="280">
        <v>259</v>
      </c>
      <c r="H22" s="280">
        <v>165</v>
      </c>
      <c r="I22" s="280">
        <v>136</v>
      </c>
      <c r="J22" s="280">
        <v>94</v>
      </c>
      <c r="K22" s="280">
        <v>56</v>
      </c>
      <c r="L22" s="281">
        <v>710</v>
      </c>
      <c r="M22" s="282">
        <v>710</v>
      </c>
      <c r="N22" s="276">
        <v>0</v>
      </c>
      <c r="O22" s="280">
        <v>0</v>
      </c>
      <c r="P22" s="277">
        <v>0</v>
      </c>
      <c r="Q22" s="279">
        <v>0</v>
      </c>
      <c r="R22" s="280">
        <v>0</v>
      </c>
      <c r="S22" s="280">
        <v>8</v>
      </c>
      <c r="T22" s="280">
        <v>10</v>
      </c>
      <c r="U22" s="280">
        <v>25</v>
      </c>
      <c r="V22" s="280">
        <v>33</v>
      </c>
      <c r="W22" s="277">
        <v>76</v>
      </c>
      <c r="X22" s="282">
        <v>76</v>
      </c>
      <c r="Y22" s="276">
        <v>46</v>
      </c>
      <c r="Z22" s="280">
        <v>79</v>
      </c>
      <c r="AA22" s="277">
        <v>125</v>
      </c>
      <c r="AB22" s="279">
        <v>0</v>
      </c>
      <c r="AC22" s="280">
        <v>239</v>
      </c>
      <c r="AD22" s="280">
        <v>181</v>
      </c>
      <c r="AE22" s="280">
        <v>117</v>
      </c>
      <c r="AF22" s="280">
        <v>83</v>
      </c>
      <c r="AG22" s="280">
        <v>49</v>
      </c>
      <c r="AH22" s="277">
        <v>669</v>
      </c>
      <c r="AI22" s="282">
        <v>794</v>
      </c>
      <c r="AJ22" s="276">
        <v>8</v>
      </c>
      <c r="AK22" s="280">
        <v>40</v>
      </c>
      <c r="AL22" s="277">
        <v>48</v>
      </c>
      <c r="AM22" s="279">
        <v>0</v>
      </c>
      <c r="AN22" s="280">
        <v>62</v>
      </c>
      <c r="AO22" s="280">
        <v>49</v>
      </c>
      <c r="AP22" s="280">
        <v>32</v>
      </c>
      <c r="AQ22" s="280">
        <v>30</v>
      </c>
      <c r="AR22" s="280">
        <v>9</v>
      </c>
      <c r="AS22" s="277">
        <v>182</v>
      </c>
      <c r="AT22" s="282">
        <v>230</v>
      </c>
      <c r="AU22" s="276">
        <v>29</v>
      </c>
      <c r="AV22" s="280">
        <v>42</v>
      </c>
      <c r="AW22" s="277">
        <v>71</v>
      </c>
      <c r="AX22" s="279">
        <v>0</v>
      </c>
      <c r="AY22" s="280">
        <v>234</v>
      </c>
      <c r="AZ22" s="280">
        <v>208</v>
      </c>
      <c r="BA22" s="280">
        <v>228</v>
      </c>
      <c r="BB22" s="280">
        <v>202</v>
      </c>
      <c r="BC22" s="280">
        <v>121</v>
      </c>
      <c r="BD22" s="281">
        <v>993</v>
      </c>
      <c r="BE22" s="282">
        <v>1064</v>
      </c>
      <c r="BF22" s="276">
        <v>0</v>
      </c>
      <c r="BG22" s="280">
        <v>0</v>
      </c>
      <c r="BH22" s="277">
        <v>0</v>
      </c>
      <c r="BI22" s="279">
        <v>0</v>
      </c>
      <c r="BJ22" s="280">
        <v>308</v>
      </c>
      <c r="BK22" s="280">
        <v>203</v>
      </c>
      <c r="BL22" s="280">
        <v>123</v>
      </c>
      <c r="BM22" s="280">
        <v>67</v>
      </c>
      <c r="BN22" s="280">
        <v>31</v>
      </c>
      <c r="BO22" s="277">
        <v>732</v>
      </c>
      <c r="BP22" s="282">
        <v>732</v>
      </c>
      <c r="BQ22" s="276">
        <v>14</v>
      </c>
      <c r="BR22" s="280">
        <v>26</v>
      </c>
      <c r="BS22" s="277">
        <v>40</v>
      </c>
      <c r="BT22" s="279">
        <v>0</v>
      </c>
      <c r="BU22" s="280">
        <v>143</v>
      </c>
      <c r="BV22" s="280">
        <v>110</v>
      </c>
      <c r="BW22" s="280">
        <v>68</v>
      </c>
      <c r="BX22" s="280">
        <v>40</v>
      </c>
      <c r="BY22" s="280">
        <v>11</v>
      </c>
      <c r="BZ22" s="277">
        <v>372</v>
      </c>
      <c r="CA22" s="282">
        <v>412</v>
      </c>
      <c r="CB22" s="276">
        <v>1</v>
      </c>
      <c r="CC22" s="280">
        <v>6</v>
      </c>
      <c r="CD22" s="277">
        <v>7</v>
      </c>
      <c r="CE22" s="279">
        <v>0</v>
      </c>
      <c r="CF22" s="280">
        <v>50</v>
      </c>
      <c r="CG22" s="280">
        <v>52</v>
      </c>
      <c r="CH22" s="280">
        <v>70</v>
      </c>
      <c r="CI22" s="280">
        <v>57</v>
      </c>
      <c r="CJ22" s="280">
        <v>15</v>
      </c>
      <c r="CK22" s="277">
        <v>244</v>
      </c>
      <c r="CL22" s="282">
        <v>251</v>
      </c>
      <c r="CM22" s="276">
        <v>0</v>
      </c>
      <c r="CN22" s="280">
        <v>0</v>
      </c>
      <c r="CO22" s="277">
        <v>0</v>
      </c>
      <c r="CP22" s="279">
        <v>0</v>
      </c>
      <c r="CQ22" s="280">
        <v>3</v>
      </c>
      <c r="CR22" s="280">
        <v>6</v>
      </c>
      <c r="CS22" s="280">
        <v>14</v>
      </c>
      <c r="CT22" s="280">
        <v>8</v>
      </c>
      <c r="CU22" s="280">
        <v>4</v>
      </c>
      <c r="CV22" s="277">
        <v>35</v>
      </c>
      <c r="CW22" s="282">
        <v>35</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18</v>
      </c>
      <c r="DU22" s="280">
        <v>319</v>
      </c>
      <c r="DV22" s="277">
        <v>437</v>
      </c>
      <c r="DW22" s="279">
        <v>0</v>
      </c>
      <c r="DX22" s="280">
        <v>549</v>
      </c>
      <c r="DY22" s="280">
        <v>465</v>
      </c>
      <c r="DZ22" s="280">
        <v>326</v>
      </c>
      <c r="EA22" s="280">
        <v>231</v>
      </c>
      <c r="EB22" s="280">
        <v>109</v>
      </c>
      <c r="EC22" s="277">
        <v>1680</v>
      </c>
      <c r="ED22" s="282">
        <v>2117</v>
      </c>
      <c r="EE22" s="276">
        <v>15</v>
      </c>
      <c r="EF22" s="280">
        <v>13</v>
      </c>
      <c r="EG22" s="277">
        <v>28</v>
      </c>
      <c r="EH22" s="279">
        <v>0</v>
      </c>
      <c r="EI22" s="280">
        <v>74</v>
      </c>
      <c r="EJ22" s="280">
        <v>52</v>
      </c>
      <c r="EK22" s="280">
        <v>57</v>
      </c>
      <c r="EL22" s="280">
        <v>59</v>
      </c>
      <c r="EM22" s="280">
        <v>33</v>
      </c>
      <c r="EN22" s="277">
        <v>275</v>
      </c>
      <c r="EO22" s="282">
        <v>303</v>
      </c>
      <c r="EP22" s="276">
        <v>177</v>
      </c>
      <c r="EQ22" s="280">
        <v>407</v>
      </c>
      <c r="ER22" s="277">
        <v>584</v>
      </c>
      <c r="ES22" s="279">
        <v>0</v>
      </c>
      <c r="ET22" s="280">
        <v>1001</v>
      </c>
      <c r="EU22" s="280">
        <v>609</v>
      </c>
      <c r="EV22" s="280">
        <v>391</v>
      </c>
      <c r="EW22" s="280">
        <v>262</v>
      </c>
      <c r="EX22" s="280">
        <v>110</v>
      </c>
      <c r="EY22" s="277">
        <v>2373</v>
      </c>
      <c r="EZ22" s="282">
        <v>2957</v>
      </c>
    </row>
    <row r="23" spans="2:156" ht="21" customHeight="1" x14ac:dyDescent="0.2">
      <c r="B23" s="261" t="s">
        <v>21</v>
      </c>
      <c r="C23" s="276">
        <v>0</v>
      </c>
      <c r="D23" s="280">
        <v>0</v>
      </c>
      <c r="E23" s="384">
        <v>0</v>
      </c>
      <c r="F23" s="279">
        <v>0</v>
      </c>
      <c r="G23" s="280">
        <v>228</v>
      </c>
      <c r="H23" s="280">
        <v>344</v>
      </c>
      <c r="I23" s="280">
        <v>177</v>
      </c>
      <c r="J23" s="280">
        <v>125</v>
      </c>
      <c r="K23" s="280">
        <v>91</v>
      </c>
      <c r="L23" s="281">
        <v>965</v>
      </c>
      <c r="M23" s="282">
        <v>965</v>
      </c>
      <c r="N23" s="276">
        <v>0</v>
      </c>
      <c r="O23" s="280">
        <v>0</v>
      </c>
      <c r="P23" s="277">
        <v>0</v>
      </c>
      <c r="Q23" s="279">
        <v>0</v>
      </c>
      <c r="R23" s="280">
        <v>0</v>
      </c>
      <c r="S23" s="280">
        <v>6</v>
      </c>
      <c r="T23" s="280">
        <v>13</v>
      </c>
      <c r="U23" s="280">
        <v>28</v>
      </c>
      <c r="V23" s="280">
        <v>37</v>
      </c>
      <c r="W23" s="277">
        <v>84</v>
      </c>
      <c r="X23" s="282">
        <v>84</v>
      </c>
      <c r="Y23" s="276">
        <v>48</v>
      </c>
      <c r="Z23" s="280">
        <v>88</v>
      </c>
      <c r="AA23" s="277">
        <v>136</v>
      </c>
      <c r="AB23" s="279">
        <v>0</v>
      </c>
      <c r="AC23" s="280">
        <v>191</v>
      </c>
      <c r="AD23" s="280">
        <v>263</v>
      </c>
      <c r="AE23" s="280">
        <v>141</v>
      </c>
      <c r="AF23" s="280">
        <v>130</v>
      </c>
      <c r="AG23" s="280">
        <v>80</v>
      </c>
      <c r="AH23" s="277">
        <v>805</v>
      </c>
      <c r="AI23" s="282">
        <v>941</v>
      </c>
      <c r="AJ23" s="276">
        <v>16</v>
      </c>
      <c r="AK23" s="280">
        <v>25</v>
      </c>
      <c r="AL23" s="277">
        <v>41</v>
      </c>
      <c r="AM23" s="279">
        <v>0</v>
      </c>
      <c r="AN23" s="280">
        <v>16</v>
      </c>
      <c r="AO23" s="280">
        <v>36</v>
      </c>
      <c r="AP23" s="280">
        <v>12</v>
      </c>
      <c r="AQ23" s="280">
        <v>10</v>
      </c>
      <c r="AR23" s="280">
        <v>10</v>
      </c>
      <c r="AS23" s="277">
        <v>84</v>
      </c>
      <c r="AT23" s="282">
        <v>125</v>
      </c>
      <c r="AU23" s="276">
        <v>39</v>
      </c>
      <c r="AV23" s="280">
        <v>38</v>
      </c>
      <c r="AW23" s="277">
        <v>77</v>
      </c>
      <c r="AX23" s="279">
        <v>0</v>
      </c>
      <c r="AY23" s="280">
        <v>246</v>
      </c>
      <c r="AZ23" s="280">
        <v>325</v>
      </c>
      <c r="BA23" s="280">
        <v>293</v>
      </c>
      <c r="BB23" s="280">
        <v>238</v>
      </c>
      <c r="BC23" s="280">
        <v>174</v>
      </c>
      <c r="BD23" s="281">
        <v>1276</v>
      </c>
      <c r="BE23" s="282">
        <v>1353</v>
      </c>
      <c r="BF23" s="276">
        <v>0</v>
      </c>
      <c r="BG23" s="280">
        <v>0</v>
      </c>
      <c r="BH23" s="277">
        <v>0</v>
      </c>
      <c r="BI23" s="279">
        <v>0</v>
      </c>
      <c r="BJ23" s="280">
        <v>296</v>
      </c>
      <c r="BK23" s="280">
        <v>346</v>
      </c>
      <c r="BL23" s="280">
        <v>187</v>
      </c>
      <c r="BM23" s="280">
        <v>97</v>
      </c>
      <c r="BN23" s="280">
        <v>42</v>
      </c>
      <c r="BO23" s="277">
        <v>968</v>
      </c>
      <c r="BP23" s="282">
        <v>968</v>
      </c>
      <c r="BQ23" s="276">
        <v>28</v>
      </c>
      <c r="BR23" s="280">
        <v>41</v>
      </c>
      <c r="BS23" s="277">
        <v>69</v>
      </c>
      <c r="BT23" s="279">
        <v>0</v>
      </c>
      <c r="BU23" s="280">
        <v>62</v>
      </c>
      <c r="BV23" s="280">
        <v>81</v>
      </c>
      <c r="BW23" s="280">
        <v>32</v>
      </c>
      <c r="BX23" s="280">
        <v>16</v>
      </c>
      <c r="BY23" s="280">
        <v>12</v>
      </c>
      <c r="BZ23" s="277">
        <v>203</v>
      </c>
      <c r="CA23" s="282">
        <v>272</v>
      </c>
      <c r="CB23" s="276">
        <v>1</v>
      </c>
      <c r="CC23" s="280">
        <v>2</v>
      </c>
      <c r="CD23" s="277">
        <v>3</v>
      </c>
      <c r="CE23" s="279">
        <v>0</v>
      </c>
      <c r="CF23" s="280">
        <v>27</v>
      </c>
      <c r="CG23" s="280">
        <v>46</v>
      </c>
      <c r="CH23" s="280">
        <v>75</v>
      </c>
      <c r="CI23" s="280">
        <v>48</v>
      </c>
      <c r="CJ23" s="280">
        <v>38</v>
      </c>
      <c r="CK23" s="277">
        <v>234</v>
      </c>
      <c r="CL23" s="282">
        <v>237</v>
      </c>
      <c r="CM23" s="276">
        <v>0</v>
      </c>
      <c r="CN23" s="280">
        <v>0</v>
      </c>
      <c r="CO23" s="277">
        <v>0</v>
      </c>
      <c r="CP23" s="279">
        <v>0</v>
      </c>
      <c r="CQ23" s="280">
        <v>0</v>
      </c>
      <c r="CR23" s="280">
        <v>2</v>
      </c>
      <c r="CS23" s="280">
        <v>1</v>
      </c>
      <c r="CT23" s="280">
        <v>6</v>
      </c>
      <c r="CU23" s="280">
        <v>3</v>
      </c>
      <c r="CV23" s="277">
        <v>12</v>
      </c>
      <c r="CW23" s="282">
        <v>12</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76</v>
      </c>
      <c r="DU23" s="280">
        <v>320</v>
      </c>
      <c r="DV23" s="277">
        <v>496</v>
      </c>
      <c r="DW23" s="279">
        <v>0</v>
      </c>
      <c r="DX23" s="280">
        <v>349</v>
      </c>
      <c r="DY23" s="280">
        <v>667</v>
      </c>
      <c r="DZ23" s="280">
        <v>384</v>
      </c>
      <c r="EA23" s="280">
        <v>284</v>
      </c>
      <c r="EB23" s="280">
        <v>157</v>
      </c>
      <c r="EC23" s="277">
        <v>1841</v>
      </c>
      <c r="ED23" s="282">
        <v>2337</v>
      </c>
      <c r="EE23" s="276">
        <v>13</v>
      </c>
      <c r="EF23" s="280">
        <v>15</v>
      </c>
      <c r="EG23" s="277">
        <v>28</v>
      </c>
      <c r="EH23" s="279">
        <v>0</v>
      </c>
      <c r="EI23" s="280">
        <v>68</v>
      </c>
      <c r="EJ23" s="280">
        <v>59</v>
      </c>
      <c r="EK23" s="280">
        <v>76</v>
      </c>
      <c r="EL23" s="280">
        <v>51</v>
      </c>
      <c r="EM23" s="280">
        <v>35</v>
      </c>
      <c r="EN23" s="277">
        <v>289</v>
      </c>
      <c r="EO23" s="282">
        <v>317</v>
      </c>
      <c r="EP23" s="276">
        <v>242</v>
      </c>
      <c r="EQ23" s="280">
        <v>400</v>
      </c>
      <c r="ER23" s="277">
        <v>642</v>
      </c>
      <c r="ES23" s="279">
        <v>0</v>
      </c>
      <c r="ET23" s="280">
        <v>784</v>
      </c>
      <c r="EU23" s="280">
        <v>919</v>
      </c>
      <c r="EV23" s="280">
        <v>472</v>
      </c>
      <c r="EW23" s="280">
        <v>299</v>
      </c>
      <c r="EX23" s="280">
        <v>173</v>
      </c>
      <c r="EY23" s="277">
        <v>2647</v>
      </c>
      <c r="EZ23" s="282">
        <v>3289</v>
      </c>
    </row>
    <row r="24" spans="2:156" ht="21" customHeight="1" x14ac:dyDescent="0.2">
      <c r="B24" s="261" t="s">
        <v>22</v>
      </c>
      <c r="C24" s="276">
        <v>0</v>
      </c>
      <c r="D24" s="280">
        <v>0</v>
      </c>
      <c r="E24" s="384">
        <v>0</v>
      </c>
      <c r="F24" s="279">
        <v>0</v>
      </c>
      <c r="G24" s="280">
        <v>66</v>
      </c>
      <c r="H24" s="280">
        <v>59</v>
      </c>
      <c r="I24" s="280">
        <v>42</v>
      </c>
      <c r="J24" s="280">
        <v>36</v>
      </c>
      <c r="K24" s="280">
        <v>32</v>
      </c>
      <c r="L24" s="281">
        <v>235</v>
      </c>
      <c r="M24" s="282">
        <v>235</v>
      </c>
      <c r="N24" s="276">
        <v>0</v>
      </c>
      <c r="O24" s="280">
        <v>0</v>
      </c>
      <c r="P24" s="277">
        <v>0</v>
      </c>
      <c r="Q24" s="279">
        <v>0</v>
      </c>
      <c r="R24" s="280">
        <v>1</v>
      </c>
      <c r="S24" s="280">
        <v>2</v>
      </c>
      <c r="T24" s="280">
        <v>4</v>
      </c>
      <c r="U24" s="280">
        <v>7</v>
      </c>
      <c r="V24" s="280">
        <v>16</v>
      </c>
      <c r="W24" s="277">
        <v>30</v>
      </c>
      <c r="X24" s="282">
        <v>30</v>
      </c>
      <c r="Y24" s="276">
        <v>6</v>
      </c>
      <c r="Z24" s="280">
        <v>12</v>
      </c>
      <c r="AA24" s="277">
        <v>18</v>
      </c>
      <c r="AB24" s="279">
        <v>0</v>
      </c>
      <c r="AC24" s="280">
        <v>54</v>
      </c>
      <c r="AD24" s="280">
        <v>67</v>
      </c>
      <c r="AE24" s="280">
        <v>40</v>
      </c>
      <c r="AF24" s="280">
        <v>35</v>
      </c>
      <c r="AG24" s="280">
        <v>29</v>
      </c>
      <c r="AH24" s="277">
        <v>225</v>
      </c>
      <c r="AI24" s="282">
        <v>243</v>
      </c>
      <c r="AJ24" s="276">
        <v>0</v>
      </c>
      <c r="AK24" s="280">
        <v>2</v>
      </c>
      <c r="AL24" s="277">
        <v>2</v>
      </c>
      <c r="AM24" s="279">
        <v>0</v>
      </c>
      <c r="AN24" s="280">
        <v>5</v>
      </c>
      <c r="AO24" s="280">
        <v>14</v>
      </c>
      <c r="AP24" s="280">
        <v>8</v>
      </c>
      <c r="AQ24" s="280">
        <v>2</v>
      </c>
      <c r="AR24" s="280">
        <v>6</v>
      </c>
      <c r="AS24" s="277">
        <v>35</v>
      </c>
      <c r="AT24" s="282">
        <v>37</v>
      </c>
      <c r="AU24" s="276">
        <v>3</v>
      </c>
      <c r="AV24" s="280">
        <v>10</v>
      </c>
      <c r="AW24" s="277">
        <v>13</v>
      </c>
      <c r="AX24" s="279">
        <v>0</v>
      </c>
      <c r="AY24" s="280">
        <v>69</v>
      </c>
      <c r="AZ24" s="280">
        <v>81</v>
      </c>
      <c r="BA24" s="280">
        <v>73</v>
      </c>
      <c r="BB24" s="280">
        <v>55</v>
      </c>
      <c r="BC24" s="280">
        <v>38</v>
      </c>
      <c r="BD24" s="281">
        <v>316</v>
      </c>
      <c r="BE24" s="282">
        <v>329</v>
      </c>
      <c r="BF24" s="276">
        <v>0</v>
      </c>
      <c r="BG24" s="280">
        <v>0</v>
      </c>
      <c r="BH24" s="277">
        <v>0</v>
      </c>
      <c r="BI24" s="279">
        <v>0</v>
      </c>
      <c r="BJ24" s="280">
        <v>113</v>
      </c>
      <c r="BK24" s="280">
        <v>117</v>
      </c>
      <c r="BL24" s="280">
        <v>53</v>
      </c>
      <c r="BM24" s="280">
        <v>31</v>
      </c>
      <c r="BN24" s="280">
        <v>22</v>
      </c>
      <c r="BO24" s="277">
        <v>336</v>
      </c>
      <c r="BP24" s="282">
        <v>336</v>
      </c>
      <c r="BQ24" s="276">
        <v>1</v>
      </c>
      <c r="BR24" s="280">
        <v>6</v>
      </c>
      <c r="BS24" s="277">
        <v>7</v>
      </c>
      <c r="BT24" s="279">
        <v>0</v>
      </c>
      <c r="BU24" s="280">
        <v>22</v>
      </c>
      <c r="BV24" s="280">
        <v>28</v>
      </c>
      <c r="BW24" s="280">
        <v>19</v>
      </c>
      <c r="BX24" s="280">
        <v>13</v>
      </c>
      <c r="BY24" s="280">
        <v>7</v>
      </c>
      <c r="BZ24" s="277">
        <v>89</v>
      </c>
      <c r="CA24" s="282">
        <v>96</v>
      </c>
      <c r="CB24" s="276">
        <v>0</v>
      </c>
      <c r="CC24" s="280">
        <v>0</v>
      </c>
      <c r="CD24" s="277">
        <v>0</v>
      </c>
      <c r="CE24" s="279">
        <v>0</v>
      </c>
      <c r="CF24" s="280">
        <v>12</v>
      </c>
      <c r="CG24" s="280">
        <v>25</v>
      </c>
      <c r="CH24" s="280">
        <v>23</v>
      </c>
      <c r="CI24" s="280">
        <v>19</v>
      </c>
      <c r="CJ24" s="280">
        <v>9</v>
      </c>
      <c r="CK24" s="277">
        <v>88</v>
      </c>
      <c r="CL24" s="282">
        <v>88</v>
      </c>
      <c r="CM24" s="276">
        <v>0</v>
      </c>
      <c r="CN24" s="280">
        <v>0</v>
      </c>
      <c r="CO24" s="277">
        <v>0</v>
      </c>
      <c r="CP24" s="279">
        <v>0</v>
      </c>
      <c r="CQ24" s="280">
        <v>0</v>
      </c>
      <c r="CR24" s="280">
        <v>3</v>
      </c>
      <c r="CS24" s="280">
        <v>5</v>
      </c>
      <c r="CT24" s="280">
        <v>4</v>
      </c>
      <c r="CU24" s="280">
        <v>1</v>
      </c>
      <c r="CV24" s="277">
        <v>13</v>
      </c>
      <c r="CW24" s="282">
        <v>13</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51</v>
      </c>
      <c r="DU24" s="280">
        <v>140</v>
      </c>
      <c r="DV24" s="277">
        <v>191</v>
      </c>
      <c r="DW24" s="279">
        <v>0</v>
      </c>
      <c r="DX24" s="280">
        <v>187</v>
      </c>
      <c r="DY24" s="280">
        <v>247</v>
      </c>
      <c r="DZ24" s="280">
        <v>133</v>
      </c>
      <c r="EA24" s="280">
        <v>89</v>
      </c>
      <c r="EB24" s="280">
        <v>68</v>
      </c>
      <c r="EC24" s="277">
        <v>724</v>
      </c>
      <c r="ED24" s="282">
        <v>915</v>
      </c>
      <c r="EE24" s="276">
        <v>6</v>
      </c>
      <c r="EF24" s="280">
        <v>6</v>
      </c>
      <c r="EG24" s="277">
        <v>12</v>
      </c>
      <c r="EH24" s="279">
        <v>0</v>
      </c>
      <c r="EI24" s="280">
        <v>37</v>
      </c>
      <c r="EJ24" s="280">
        <v>22</v>
      </c>
      <c r="EK24" s="280">
        <v>30</v>
      </c>
      <c r="EL24" s="280">
        <v>22</v>
      </c>
      <c r="EM24" s="280">
        <v>10</v>
      </c>
      <c r="EN24" s="277">
        <v>121</v>
      </c>
      <c r="EO24" s="282">
        <v>133</v>
      </c>
      <c r="EP24" s="276">
        <v>57</v>
      </c>
      <c r="EQ24" s="280">
        <v>153</v>
      </c>
      <c r="ER24" s="277">
        <v>210</v>
      </c>
      <c r="ES24" s="279">
        <v>0</v>
      </c>
      <c r="ET24" s="280">
        <v>359</v>
      </c>
      <c r="EU24" s="280">
        <v>322</v>
      </c>
      <c r="EV24" s="280">
        <v>149</v>
      </c>
      <c r="EW24" s="280">
        <v>97</v>
      </c>
      <c r="EX24" s="280">
        <v>74</v>
      </c>
      <c r="EY24" s="277">
        <v>1001</v>
      </c>
      <c r="EZ24" s="282">
        <v>1211</v>
      </c>
    </row>
    <row r="25" spans="2:156" ht="21" customHeight="1" x14ac:dyDescent="0.2">
      <c r="B25" s="261" t="s">
        <v>23</v>
      </c>
      <c r="C25" s="276">
        <v>0</v>
      </c>
      <c r="D25" s="280">
        <v>0</v>
      </c>
      <c r="E25" s="384">
        <v>0</v>
      </c>
      <c r="F25" s="279">
        <v>0</v>
      </c>
      <c r="G25" s="280">
        <v>145</v>
      </c>
      <c r="H25" s="280">
        <v>136</v>
      </c>
      <c r="I25" s="280">
        <v>71</v>
      </c>
      <c r="J25" s="280">
        <v>56</v>
      </c>
      <c r="K25" s="280">
        <v>35</v>
      </c>
      <c r="L25" s="281">
        <v>443</v>
      </c>
      <c r="M25" s="282">
        <v>443</v>
      </c>
      <c r="N25" s="276">
        <v>0</v>
      </c>
      <c r="O25" s="280">
        <v>0</v>
      </c>
      <c r="P25" s="277">
        <v>0</v>
      </c>
      <c r="Q25" s="279">
        <v>0</v>
      </c>
      <c r="R25" s="280">
        <v>2</v>
      </c>
      <c r="S25" s="280">
        <v>5</v>
      </c>
      <c r="T25" s="280">
        <v>2</v>
      </c>
      <c r="U25" s="280">
        <v>11</v>
      </c>
      <c r="V25" s="280">
        <v>22</v>
      </c>
      <c r="W25" s="277">
        <v>42</v>
      </c>
      <c r="X25" s="282">
        <v>42</v>
      </c>
      <c r="Y25" s="276">
        <v>35</v>
      </c>
      <c r="Z25" s="280">
        <v>47</v>
      </c>
      <c r="AA25" s="277">
        <v>82</v>
      </c>
      <c r="AB25" s="279">
        <v>0</v>
      </c>
      <c r="AC25" s="280">
        <v>92</v>
      </c>
      <c r="AD25" s="280">
        <v>129</v>
      </c>
      <c r="AE25" s="280">
        <v>51</v>
      </c>
      <c r="AF25" s="280">
        <v>73</v>
      </c>
      <c r="AG25" s="280">
        <v>38</v>
      </c>
      <c r="AH25" s="277">
        <v>383</v>
      </c>
      <c r="AI25" s="282">
        <v>465</v>
      </c>
      <c r="AJ25" s="276">
        <v>3</v>
      </c>
      <c r="AK25" s="280">
        <v>4</v>
      </c>
      <c r="AL25" s="277">
        <v>7</v>
      </c>
      <c r="AM25" s="279">
        <v>0</v>
      </c>
      <c r="AN25" s="280">
        <v>13</v>
      </c>
      <c r="AO25" s="280">
        <v>23</v>
      </c>
      <c r="AP25" s="280">
        <v>7</v>
      </c>
      <c r="AQ25" s="280">
        <v>8</v>
      </c>
      <c r="AR25" s="280">
        <v>8</v>
      </c>
      <c r="AS25" s="277">
        <v>59</v>
      </c>
      <c r="AT25" s="282">
        <v>66</v>
      </c>
      <c r="AU25" s="276">
        <v>11</v>
      </c>
      <c r="AV25" s="280">
        <v>16</v>
      </c>
      <c r="AW25" s="277">
        <v>27</v>
      </c>
      <c r="AX25" s="279">
        <v>0</v>
      </c>
      <c r="AY25" s="280">
        <v>162</v>
      </c>
      <c r="AZ25" s="280">
        <v>145</v>
      </c>
      <c r="BA25" s="280">
        <v>116</v>
      </c>
      <c r="BB25" s="280">
        <v>164</v>
      </c>
      <c r="BC25" s="280">
        <v>118</v>
      </c>
      <c r="BD25" s="281">
        <v>705</v>
      </c>
      <c r="BE25" s="282">
        <v>732</v>
      </c>
      <c r="BF25" s="276">
        <v>0</v>
      </c>
      <c r="BG25" s="280">
        <v>0</v>
      </c>
      <c r="BH25" s="277">
        <v>0</v>
      </c>
      <c r="BI25" s="279">
        <v>0</v>
      </c>
      <c r="BJ25" s="280">
        <v>276</v>
      </c>
      <c r="BK25" s="280">
        <v>245</v>
      </c>
      <c r="BL25" s="280">
        <v>118</v>
      </c>
      <c r="BM25" s="280">
        <v>75</v>
      </c>
      <c r="BN25" s="280">
        <v>28</v>
      </c>
      <c r="BO25" s="277">
        <v>742</v>
      </c>
      <c r="BP25" s="282">
        <v>742</v>
      </c>
      <c r="BQ25" s="276">
        <v>4</v>
      </c>
      <c r="BR25" s="280">
        <v>10</v>
      </c>
      <c r="BS25" s="277">
        <v>14</v>
      </c>
      <c r="BT25" s="279">
        <v>0</v>
      </c>
      <c r="BU25" s="280">
        <v>41</v>
      </c>
      <c r="BV25" s="280">
        <v>49</v>
      </c>
      <c r="BW25" s="280">
        <v>31</v>
      </c>
      <c r="BX25" s="280">
        <v>23</v>
      </c>
      <c r="BY25" s="280">
        <v>5</v>
      </c>
      <c r="BZ25" s="277">
        <v>149</v>
      </c>
      <c r="CA25" s="282">
        <v>163</v>
      </c>
      <c r="CB25" s="276">
        <v>1</v>
      </c>
      <c r="CC25" s="280">
        <v>2</v>
      </c>
      <c r="CD25" s="277">
        <v>3</v>
      </c>
      <c r="CE25" s="279">
        <v>0</v>
      </c>
      <c r="CF25" s="280">
        <v>27</v>
      </c>
      <c r="CG25" s="280">
        <v>36</v>
      </c>
      <c r="CH25" s="280">
        <v>34</v>
      </c>
      <c r="CI25" s="280">
        <v>35</v>
      </c>
      <c r="CJ25" s="280">
        <v>10</v>
      </c>
      <c r="CK25" s="277">
        <v>142</v>
      </c>
      <c r="CL25" s="282">
        <v>145</v>
      </c>
      <c r="CM25" s="276">
        <v>0</v>
      </c>
      <c r="CN25" s="280">
        <v>1</v>
      </c>
      <c r="CO25" s="277">
        <v>1</v>
      </c>
      <c r="CP25" s="279">
        <v>0</v>
      </c>
      <c r="CQ25" s="280">
        <v>1</v>
      </c>
      <c r="CR25" s="280">
        <v>2</v>
      </c>
      <c r="CS25" s="280">
        <v>2</v>
      </c>
      <c r="CT25" s="280">
        <v>3</v>
      </c>
      <c r="CU25" s="280">
        <v>3</v>
      </c>
      <c r="CV25" s="277">
        <v>11</v>
      </c>
      <c r="CW25" s="282">
        <v>12</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93</v>
      </c>
      <c r="DU25" s="280">
        <v>203</v>
      </c>
      <c r="DV25" s="277">
        <v>296</v>
      </c>
      <c r="DW25" s="279">
        <v>0</v>
      </c>
      <c r="DX25" s="280">
        <v>273</v>
      </c>
      <c r="DY25" s="280">
        <v>376</v>
      </c>
      <c r="DZ25" s="280">
        <v>184</v>
      </c>
      <c r="EA25" s="280">
        <v>184</v>
      </c>
      <c r="EB25" s="280">
        <v>97</v>
      </c>
      <c r="EC25" s="277">
        <v>1114</v>
      </c>
      <c r="ED25" s="282">
        <v>1410</v>
      </c>
      <c r="EE25" s="276">
        <v>6</v>
      </c>
      <c r="EF25" s="280">
        <v>3</v>
      </c>
      <c r="EG25" s="277">
        <v>9</v>
      </c>
      <c r="EH25" s="279">
        <v>0</v>
      </c>
      <c r="EI25" s="280">
        <v>49</v>
      </c>
      <c r="EJ25" s="280">
        <v>35</v>
      </c>
      <c r="EK25" s="280">
        <v>35</v>
      </c>
      <c r="EL25" s="280">
        <v>60</v>
      </c>
      <c r="EM25" s="280">
        <v>42</v>
      </c>
      <c r="EN25" s="277">
        <v>221</v>
      </c>
      <c r="EO25" s="282">
        <v>230</v>
      </c>
      <c r="EP25" s="276">
        <v>127</v>
      </c>
      <c r="EQ25" s="280">
        <v>239</v>
      </c>
      <c r="ER25" s="277">
        <v>366</v>
      </c>
      <c r="ES25" s="279">
        <v>0</v>
      </c>
      <c r="ET25" s="280">
        <v>536</v>
      </c>
      <c r="EU25" s="280">
        <v>500</v>
      </c>
      <c r="EV25" s="280">
        <v>242</v>
      </c>
      <c r="EW25" s="280">
        <v>202</v>
      </c>
      <c r="EX25" s="280">
        <v>99</v>
      </c>
      <c r="EY25" s="277">
        <v>1579</v>
      </c>
      <c r="EZ25" s="282">
        <v>1945</v>
      </c>
    </row>
    <row r="26" spans="2:156" ht="21" customHeight="1" x14ac:dyDescent="0.2">
      <c r="B26" s="261" t="s">
        <v>24</v>
      </c>
      <c r="C26" s="276">
        <v>0</v>
      </c>
      <c r="D26" s="280">
        <v>0</v>
      </c>
      <c r="E26" s="384">
        <v>0</v>
      </c>
      <c r="F26" s="279">
        <v>0</v>
      </c>
      <c r="G26" s="280">
        <v>64</v>
      </c>
      <c r="H26" s="280">
        <v>60</v>
      </c>
      <c r="I26" s="280">
        <v>41</v>
      </c>
      <c r="J26" s="280">
        <v>36</v>
      </c>
      <c r="K26" s="280">
        <v>32</v>
      </c>
      <c r="L26" s="281">
        <v>233</v>
      </c>
      <c r="M26" s="282">
        <v>233</v>
      </c>
      <c r="N26" s="276">
        <v>0</v>
      </c>
      <c r="O26" s="280">
        <v>0</v>
      </c>
      <c r="P26" s="277">
        <v>0</v>
      </c>
      <c r="Q26" s="279">
        <v>0</v>
      </c>
      <c r="R26" s="280">
        <v>0</v>
      </c>
      <c r="S26" s="280">
        <v>4</v>
      </c>
      <c r="T26" s="280">
        <v>5</v>
      </c>
      <c r="U26" s="280">
        <v>9</v>
      </c>
      <c r="V26" s="280">
        <v>24</v>
      </c>
      <c r="W26" s="277">
        <v>42</v>
      </c>
      <c r="X26" s="282">
        <v>42</v>
      </c>
      <c r="Y26" s="276">
        <v>16</v>
      </c>
      <c r="Z26" s="280">
        <v>25</v>
      </c>
      <c r="AA26" s="277">
        <v>41</v>
      </c>
      <c r="AB26" s="279">
        <v>0</v>
      </c>
      <c r="AC26" s="280">
        <v>55</v>
      </c>
      <c r="AD26" s="280">
        <v>52</v>
      </c>
      <c r="AE26" s="280">
        <v>39</v>
      </c>
      <c r="AF26" s="280">
        <v>34</v>
      </c>
      <c r="AG26" s="280">
        <v>27</v>
      </c>
      <c r="AH26" s="277">
        <v>207</v>
      </c>
      <c r="AI26" s="282">
        <v>248</v>
      </c>
      <c r="AJ26" s="276">
        <v>0</v>
      </c>
      <c r="AK26" s="280">
        <v>1</v>
      </c>
      <c r="AL26" s="277">
        <v>1</v>
      </c>
      <c r="AM26" s="279">
        <v>0</v>
      </c>
      <c r="AN26" s="280">
        <v>3</v>
      </c>
      <c r="AO26" s="280">
        <v>7</v>
      </c>
      <c r="AP26" s="280">
        <v>2</v>
      </c>
      <c r="AQ26" s="280">
        <v>6</v>
      </c>
      <c r="AR26" s="280">
        <v>4</v>
      </c>
      <c r="AS26" s="277">
        <v>22</v>
      </c>
      <c r="AT26" s="282">
        <v>23</v>
      </c>
      <c r="AU26" s="276">
        <v>22</v>
      </c>
      <c r="AV26" s="280">
        <v>15</v>
      </c>
      <c r="AW26" s="277">
        <v>37</v>
      </c>
      <c r="AX26" s="279">
        <v>0</v>
      </c>
      <c r="AY26" s="280">
        <v>78</v>
      </c>
      <c r="AZ26" s="280">
        <v>85</v>
      </c>
      <c r="BA26" s="280">
        <v>87</v>
      </c>
      <c r="BB26" s="280">
        <v>82</v>
      </c>
      <c r="BC26" s="280">
        <v>76</v>
      </c>
      <c r="BD26" s="281">
        <v>408</v>
      </c>
      <c r="BE26" s="282">
        <v>445</v>
      </c>
      <c r="BF26" s="276">
        <v>0</v>
      </c>
      <c r="BG26" s="280">
        <v>0</v>
      </c>
      <c r="BH26" s="277">
        <v>0</v>
      </c>
      <c r="BI26" s="279">
        <v>0</v>
      </c>
      <c r="BJ26" s="280">
        <v>120</v>
      </c>
      <c r="BK26" s="280">
        <v>72</v>
      </c>
      <c r="BL26" s="280">
        <v>39</v>
      </c>
      <c r="BM26" s="280">
        <v>21</v>
      </c>
      <c r="BN26" s="280">
        <v>10</v>
      </c>
      <c r="BO26" s="277">
        <v>262</v>
      </c>
      <c r="BP26" s="282">
        <v>262</v>
      </c>
      <c r="BQ26" s="276">
        <v>10</v>
      </c>
      <c r="BR26" s="280">
        <v>10</v>
      </c>
      <c r="BS26" s="277">
        <v>20</v>
      </c>
      <c r="BT26" s="279">
        <v>0</v>
      </c>
      <c r="BU26" s="280">
        <v>36</v>
      </c>
      <c r="BV26" s="280">
        <v>36</v>
      </c>
      <c r="BW26" s="280">
        <v>21</v>
      </c>
      <c r="BX26" s="280">
        <v>9</v>
      </c>
      <c r="BY26" s="280">
        <v>12</v>
      </c>
      <c r="BZ26" s="277">
        <v>114</v>
      </c>
      <c r="CA26" s="282">
        <v>134</v>
      </c>
      <c r="CB26" s="276">
        <v>3</v>
      </c>
      <c r="CC26" s="280">
        <v>2</v>
      </c>
      <c r="CD26" s="277">
        <v>5</v>
      </c>
      <c r="CE26" s="279">
        <v>0</v>
      </c>
      <c r="CF26" s="280">
        <v>20</v>
      </c>
      <c r="CG26" s="280">
        <v>18</v>
      </c>
      <c r="CH26" s="280">
        <v>23</v>
      </c>
      <c r="CI26" s="280">
        <v>19</v>
      </c>
      <c r="CJ26" s="280">
        <v>12</v>
      </c>
      <c r="CK26" s="277">
        <v>92</v>
      </c>
      <c r="CL26" s="282">
        <v>97</v>
      </c>
      <c r="CM26" s="276">
        <v>0</v>
      </c>
      <c r="CN26" s="280">
        <v>0</v>
      </c>
      <c r="CO26" s="277">
        <v>0</v>
      </c>
      <c r="CP26" s="279">
        <v>0</v>
      </c>
      <c r="CQ26" s="280">
        <v>4</v>
      </c>
      <c r="CR26" s="280">
        <v>1</v>
      </c>
      <c r="CS26" s="280">
        <v>2</v>
      </c>
      <c r="CT26" s="280">
        <v>1</v>
      </c>
      <c r="CU26" s="280">
        <v>3</v>
      </c>
      <c r="CV26" s="277">
        <v>11</v>
      </c>
      <c r="CW26" s="282">
        <v>11</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0</v>
      </c>
      <c r="DU26" s="280">
        <v>76</v>
      </c>
      <c r="DV26" s="277">
        <v>156</v>
      </c>
      <c r="DW26" s="279">
        <v>0</v>
      </c>
      <c r="DX26" s="280">
        <v>140</v>
      </c>
      <c r="DY26" s="280">
        <v>164</v>
      </c>
      <c r="DZ26" s="280">
        <v>104</v>
      </c>
      <c r="EA26" s="280">
        <v>67</v>
      </c>
      <c r="EB26" s="280">
        <v>58</v>
      </c>
      <c r="EC26" s="277">
        <v>533</v>
      </c>
      <c r="ED26" s="282">
        <v>689</v>
      </c>
      <c r="EE26" s="276">
        <v>15</v>
      </c>
      <c r="EF26" s="280">
        <v>9</v>
      </c>
      <c r="EG26" s="277">
        <v>24</v>
      </c>
      <c r="EH26" s="279">
        <v>0</v>
      </c>
      <c r="EI26" s="280">
        <v>33</v>
      </c>
      <c r="EJ26" s="280">
        <v>34</v>
      </c>
      <c r="EK26" s="280">
        <v>26</v>
      </c>
      <c r="EL26" s="280">
        <v>31</v>
      </c>
      <c r="EM26" s="280">
        <v>22</v>
      </c>
      <c r="EN26" s="277">
        <v>146</v>
      </c>
      <c r="EO26" s="282">
        <v>170</v>
      </c>
      <c r="EP26" s="276">
        <v>101</v>
      </c>
      <c r="EQ26" s="280">
        <v>97</v>
      </c>
      <c r="ER26" s="277">
        <v>198</v>
      </c>
      <c r="ES26" s="279">
        <v>0</v>
      </c>
      <c r="ET26" s="280">
        <v>278</v>
      </c>
      <c r="EU26" s="280">
        <v>203</v>
      </c>
      <c r="EV26" s="280">
        <v>124</v>
      </c>
      <c r="EW26" s="280">
        <v>74</v>
      </c>
      <c r="EX26" s="280">
        <v>64</v>
      </c>
      <c r="EY26" s="277">
        <v>743</v>
      </c>
      <c r="EZ26" s="282">
        <v>941</v>
      </c>
    </row>
    <row r="27" spans="2:156" ht="21" customHeight="1" x14ac:dyDescent="0.2">
      <c r="B27" s="261" t="s">
        <v>25</v>
      </c>
      <c r="C27" s="276">
        <v>0</v>
      </c>
      <c r="D27" s="280">
        <v>0</v>
      </c>
      <c r="E27" s="384">
        <v>0</v>
      </c>
      <c r="F27" s="279">
        <v>0</v>
      </c>
      <c r="G27" s="280">
        <v>101</v>
      </c>
      <c r="H27" s="280">
        <v>73</v>
      </c>
      <c r="I27" s="280">
        <v>52</v>
      </c>
      <c r="J27" s="280">
        <v>34</v>
      </c>
      <c r="K27" s="280">
        <v>26</v>
      </c>
      <c r="L27" s="281">
        <v>286</v>
      </c>
      <c r="M27" s="282">
        <v>286</v>
      </c>
      <c r="N27" s="276">
        <v>0</v>
      </c>
      <c r="O27" s="280">
        <v>0</v>
      </c>
      <c r="P27" s="277">
        <v>0</v>
      </c>
      <c r="Q27" s="279">
        <v>0</v>
      </c>
      <c r="R27" s="280">
        <v>3</v>
      </c>
      <c r="S27" s="280">
        <v>12</v>
      </c>
      <c r="T27" s="280">
        <v>13</v>
      </c>
      <c r="U27" s="280">
        <v>13</v>
      </c>
      <c r="V27" s="280">
        <v>17</v>
      </c>
      <c r="W27" s="277">
        <v>58</v>
      </c>
      <c r="X27" s="282">
        <v>58</v>
      </c>
      <c r="Y27" s="276">
        <v>17</v>
      </c>
      <c r="Z27" s="280">
        <v>43</v>
      </c>
      <c r="AA27" s="277">
        <v>60</v>
      </c>
      <c r="AB27" s="279">
        <v>0</v>
      </c>
      <c r="AC27" s="280">
        <v>76</v>
      </c>
      <c r="AD27" s="280">
        <v>81</v>
      </c>
      <c r="AE27" s="280">
        <v>41</v>
      </c>
      <c r="AF27" s="280">
        <v>39</v>
      </c>
      <c r="AG27" s="280">
        <v>19</v>
      </c>
      <c r="AH27" s="277">
        <v>256</v>
      </c>
      <c r="AI27" s="282">
        <v>316</v>
      </c>
      <c r="AJ27" s="276">
        <v>2</v>
      </c>
      <c r="AK27" s="280">
        <v>6</v>
      </c>
      <c r="AL27" s="277">
        <v>8</v>
      </c>
      <c r="AM27" s="279">
        <v>0</v>
      </c>
      <c r="AN27" s="280">
        <v>0</v>
      </c>
      <c r="AO27" s="280">
        <v>9</v>
      </c>
      <c r="AP27" s="280">
        <v>9</v>
      </c>
      <c r="AQ27" s="280">
        <v>5</v>
      </c>
      <c r="AR27" s="280">
        <v>4</v>
      </c>
      <c r="AS27" s="277">
        <v>27</v>
      </c>
      <c r="AT27" s="282">
        <v>35</v>
      </c>
      <c r="AU27" s="276">
        <v>8</v>
      </c>
      <c r="AV27" s="280">
        <v>17</v>
      </c>
      <c r="AW27" s="277">
        <v>25</v>
      </c>
      <c r="AX27" s="279">
        <v>0</v>
      </c>
      <c r="AY27" s="280">
        <v>60</v>
      </c>
      <c r="AZ27" s="280">
        <v>74</v>
      </c>
      <c r="BA27" s="280">
        <v>54</v>
      </c>
      <c r="BB27" s="280">
        <v>72</v>
      </c>
      <c r="BC27" s="280">
        <v>47</v>
      </c>
      <c r="BD27" s="281">
        <v>307</v>
      </c>
      <c r="BE27" s="282">
        <v>332</v>
      </c>
      <c r="BF27" s="276">
        <v>0</v>
      </c>
      <c r="BG27" s="280">
        <v>0</v>
      </c>
      <c r="BH27" s="277">
        <v>0</v>
      </c>
      <c r="BI27" s="279">
        <v>0</v>
      </c>
      <c r="BJ27" s="280">
        <v>135</v>
      </c>
      <c r="BK27" s="280">
        <v>80</v>
      </c>
      <c r="BL27" s="280">
        <v>53</v>
      </c>
      <c r="BM27" s="280">
        <v>33</v>
      </c>
      <c r="BN27" s="280">
        <v>6</v>
      </c>
      <c r="BO27" s="277">
        <v>307</v>
      </c>
      <c r="BP27" s="282">
        <v>307</v>
      </c>
      <c r="BQ27" s="276">
        <v>11</v>
      </c>
      <c r="BR27" s="280">
        <v>20</v>
      </c>
      <c r="BS27" s="277">
        <v>31</v>
      </c>
      <c r="BT27" s="279">
        <v>0</v>
      </c>
      <c r="BU27" s="280">
        <v>34</v>
      </c>
      <c r="BV27" s="280">
        <v>52</v>
      </c>
      <c r="BW27" s="280">
        <v>27</v>
      </c>
      <c r="BX27" s="280">
        <v>18</v>
      </c>
      <c r="BY27" s="280">
        <v>3</v>
      </c>
      <c r="BZ27" s="277">
        <v>134</v>
      </c>
      <c r="CA27" s="282">
        <v>165</v>
      </c>
      <c r="CB27" s="276">
        <v>0</v>
      </c>
      <c r="CC27" s="280">
        <v>3</v>
      </c>
      <c r="CD27" s="277">
        <v>3</v>
      </c>
      <c r="CE27" s="279">
        <v>0</v>
      </c>
      <c r="CF27" s="280">
        <v>11</v>
      </c>
      <c r="CG27" s="280">
        <v>28</v>
      </c>
      <c r="CH27" s="280">
        <v>21</v>
      </c>
      <c r="CI27" s="280">
        <v>8</v>
      </c>
      <c r="CJ27" s="280">
        <v>6</v>
      </c>
      <c r="CK27" s="277">
        <v>74</v>
      </c>
      <c r="CL27" s="282">
        <v>77</v>
      </c>
      <c r="CM27" s="276">
        <v>0</v>
      </c>
      <c r="CN27" s="280">
        <v>0</v>
      </c>
      <c r="CO27" s="277">
        <v>0</v>
      </c>
      <c r="CP27" s="279">
        <v>0</v>
      </c>
      <c r="CQ27" s="280">
        <v>3</v>
      </c>
      <c r="CR27" s="280">
        <v>6</v>
      </c>
      <c r="CS27" s="280">
        <v>3</v>
      </c>
      <c r="CT27" s="280">
        <v>4</v>
      </c>
      <c r="CU27" s="280">
        <v>2</v>
      </c>
      <c r="CV27" s="277">
        <v>18</v>
      </c>
      <c r="CW27" s="282">
        <v>18</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3</v>
      </c>
      <c r="DU27" s="280">
        <v>139</v>
      </c>
      <c r="DV27" s="277">
        <v>212</v>
      </c>
      <c r="DW27" s="279">
        <v>0</v>
      </c>
      <c r="DX27" s="280">
        <v>123</v>
      </c>
      <c r="DY27" s="280">
        <v>215</v>
      </c>
      <c r="DZ27" s="280">
        <v>122</v>
      </c>
      <c r="EA27" s="280">
        <v>94</v>
      </c>
      <c r="EB27" s="280">
        <v>48</v>
      </c>
      <c r="EC27" s="277">
        <v>602</v>
      </c>
      <c r="ED27" s="282">
        <v>814</v>
      </c>
      <c r="EE27" s="276">
        <v>4</v>
      </c>
      <c r="EF27" s="280">
        <v>4</v>
      </c>
      <c r="EG27" s="277">
        <v>8</v>
      </c>
      <c r="EH27" s="279">
        <v>0</v>
      </c>
      <c r="EI27" s="280">
        <v>18</v>
      </c>
      <c r="EJ27" s="280">
        <v>14</v>
      </c>
      <c r="EK27" s="280">
        <v>11</v>
      </c>
      <c r="EL27" s="280">
        <v>20</v>
      </c>
      <c r="EM27" s="280">
        <v>13</v>
      </c>
      <c r="EN27" s="277">
        <v>76</v>
      </c>
      <c r="EO27" s="282">
        <v>84</v>
      </c>
      <c r="EP27" s="276">
        <v>93</v>
      </c>
      <c r="EQ27" s="280">
        <v>164</v>
      </c>
      <c r="ER27" s="277">
        <v>257</v>
      </c>
      <c r="ES27" s="279">
        <v>0</v>
      </c>
      <c r="ET27" s="280">
        <v>333</v>
      </c>
      <c r="EU27" s="280">
        <v>276</v>
      </c>
      <c r="EV27" s="280">
        <v>141</v>
      </c>
      <c r="EW27" s="280">
        <v>108</v>
      </c>
      <c r="EX27" s="280">
        <v>51</v>
      </c>
      <c r="EY27" s="277">
        <v>909</v>
      </c>
      <c r="EZ27" s="282">
        <v>1166</v>
      </c>
    </row>
    <row r="28" spans="2:156" ht="21" customHeight="1" x14ac:dyDescent="0.2">
      <c r="B28" s="261" t="s">
        <v>26</v>
      </c>
      <c r="C28" s="276">
        <v>0</v>
      </c>
      <c r="D28" s="280">
        <v>0</v>
      </c>
      <c r="E28" s="384">
        <v>0</v>
      </c>
      <c r="F28" s="279">
        <v>0</v>
      </c>
      <c r="G28" s="280">
        <v>85</v>
      </c>
      <c r="H28" s="280">
        <v>70</v>
      </c>
      <c r="I28" s="280">
        <v>55</v>
      </c>
      <c r="J28" s="280">
        <v>43</v>
      </c>
      <c r="K28" s="280">
        <v>45</v>
      </c>
      <c r="L28" s="281">
        <v>298</v>
      </c>
      <c r="M28" s="282">
        <v>298</v>
      </c>
      <c r="N28" s="276">
        <v>0</v>
      </c>
      <c r="O28" s="280">
        <v>0</v>
      </c>
      <c r="P28" s="277">
        <v>0</v>
      </c>
      <c r="Q28" s="279">
        <v>0</v>
      </c>
      <c r="R28" s="280">
        <v>0</v>
      </c>
      <c r="S28" s="280">
        <v>1</v>
      </c>
      <c r="T28" s="280">
        <v>5</v>
      </c>
      <c r="U28" s="280">
        <v>9</v>
      </c>
      <c r="V28" s="280">
        <v>10</v>
      </c>
      <c r="W28" s="277">
        <v>25</v>
      </c>
      <c r="X28" s="282">
        <v>25</v>
      </c>
      <c r="Y28" s="276">
        <v>11</v>
      </c>
      <c r="Z28" s="280">
        <v>13</v>
      </c>
      <c r="AA28" s="277">
        <v>24</v>
      </c>
      <c r="AB28" s="279">
        <v>0</v>
      </c>
      <c r="AC28" s="280">
        <v>60</v>
      </c>
      <c r="AD28" s="280">
        <v>60</v>
      </c>
      <c r="AE28" s="280">
        <v>43</v>
      </c>
      <c r="AF28" s="280">
        <v>42</v>
      </c>
      <c r="AG28" s="280">
        <v>39</v>
      </c>
      <c r="AH28" s="277">
        <v>244</v>
      </c>
      <c r="AI28" s="282">
        <v>268</v>
      </c>
      <c r="AJ28" s="276">
        <v>0</v>
      </c>
      <c r="AK28" s="280">
        <v>0</v>
      </c>
      <c r="AL28" s="277">
        <v>0</v>
      </c>
      <c r="AM28" s="279">
        <v>0</v>
      </c>
      <c r="AN28" s="280">
        <v>1</v>
      </c>
      <c r="AO28" s="280">
        <v>6</v>
      </c>
      <c r="AP28" s="280">
        <v>4</v>
      </c>
      <c r="AQ28" s="280">
        <v>4</v>
      </c>
      <c r="AR28" s="280">
        <v>3</v>
      </c>
      <c r="AS28" s="277">
        <v>18</v>
      </c>
      <c r="AT28" s="282">
        <v>18</v>
      </c>
      <c r="AU28" s="276">
        <v>11</v>
      </c>
      <c r="AV28" s="280">
        <v>8</v>
      </c>
      <c r="AW28" s="277">
        <v>19</v>
      </c>
      <c r="AX28" s="279">
        <v>0</v>
      </c>
      <c r="AY28" s="280">
        <v>64</v>
      </c>
      <c r="AZ28" s="280">
        <v>58</v>
      </c>
      <c r="BA28" s="280">
        <v>69</v>
      </c>
      <c r="BB28" s="280">
        <v>53</v>
      </c>
      <c r="BC28" s="280">
        <v>55</v>
      </c>
      <c r="BD28" s="281">
        <v>299</v>
      </c>
      <c r="BE28" s="282">
        <v>318</v>
      </c>
      <c r="BF28" s="276">
        <v>0</v>
      </c>
      <c r="BG28" s="280">
        <v>0</v>
      </c>
      <c r="BH28" s="277">
        <v>0</v>
      </c>
      <c r="BI28" s="279">
        <v>0</v>
      </c>
      <c r="BJ28" s="280">
        <v>98</v>
      </c>
      <c r="BK28" s="280">
        <v>83</v>
      </c>
      <c r="BL28" s="280">
        <v>50</v>
      </c>
      <c r="BM28" s="280">
        <v>18</v>
      </c>
      <c r="BN28" s="280">
        <v>19</v>
      </c>
      <c r="BO28" s="277">
        <v>268</v>
      </c>
      <c r="BP28" s="282">
        <v>268</v>
      </c>
      <c r="BQ28" s="276">
        <v>7</v>
      </c>
      <c r="BR28" s="280">
        <v>5</v>
      </c>
      <c r="BS28" s="277">
        <v>12</v>
      </c>
      <c r="BT28" s="279">
        <v>0</v>
      </c>
      <c r="BU28" s="280">
        <v>14</v>
      </c>
      <c r="BV28" s="280">
        <v>25</v>
      </c>
      <c r="BW28" s="280">
        <v>13</v>
      </c>
      <c r="BX28" s="280">
        <v>10</v>
      </c>
      <c r="BY28" s="280">
        <v>7</v>
      </c>
      <c r="BZ28" s="277">
        <v>69</v>
      </c>
      <c r="CA28" s="282">
        <v>81</v>
      </c>
      <c r="CB28" s="276">
        <v>0</v>
      </c>
      <c r="CC28" s="280">
        <v>2</v>
      </c>
      <c r="CD28" s="277">
        <v>2</v>
      </c>
      <c r="CE28" s="279">
        <v>0</v>
      </c>
      <c r="CF28" s="280">
        <v>12</v>
      </c>
      <c r="CG28" s="280">
        <v>20</v>
      </c>
      <c r="CH28" s="280">
        <v>21</v>
      </c>
      <c r="CI28" s="280">
        <v>13</v>
      </c>
      <c r="CJ28" s="280">
        <v>10</v>
      </c>
      <c r="CK28" s="277">
        <v>76</v>
      </c>
      <c r="CL28" s="282">
        <v>78</v>
      </c>
      <c r="CM28" s="276">
        <v>0</v>
      </c>
      <c r="CN28" s="280">
        <v>0</v>
      </c>
      <c r="CO28" s="277">
        <v>0</v>
      </c>
      <c r="CP28" s="279">
        <v>0</v>
      </c>
      <c r="CQ28" s="280">
        <v>4</v>
      </c>
      <c r="CR28" s="280">
        <v>5</v>
      </c>
      <c r="CS28" s="280">
        <v>2</v>
      </c>
      <c r="CT28" s="280">
        <v>2</v>
      </c>
      <c r="CU28" s="280">
        <v>0</v>
      </c>
      <c r="CV28" s="277">
        <v>13</v>
      </c>
      <c r="CW28" s="282">
        <v>13</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3</v>
      </c>
      <c r="DU28" s="280">
        <v>92</v>
      </c>
      <c r="DV28" s="277">
        <v>145</v>
      </c>
      <c r="DW28" s="279">
        <v>0</v>
      </c>
      <c r="DX28" s="280">
        <v>145</v>
      </c>
      <c r="DY28" s="280">
        <v>172</v>
      </c>
      <c r="DZ28" s="280">
        <v>109</v>
      </c>
      <c r="EA28" s="280">
        <v>82</v>
      </c>
      <c r="EB28" s="280">
        <v>63</v>
      </c>
      <c r="EC28" s="277">
        <v>571</v>
      </c>
      <c r="ED28" s="282">
        <v>716</v>
      </c>
      <c r="EE28" s="276">
        <v>10</v>
      </c>
      <c r="EF28" s="280">
        <v>5</v>
      </c>
      <c r="EG28" s="277">
        <v>15</v>
      </c>
      <c r="EH28" s="279">
        <v>0</v>
      </c>
      <c r="EI28" s="280">
        <v>23</v>
      </c>
      <c r="EJ28" s="280">
        <v>16</v>
      </c>
      <c r="EK28" s="280">
        <v>24</v>
      </c>
      <c r="EL28" s="280">
        <v>14</v>
      </c>
      <c r="EM28" s="280">
        <v>12</v>
      </c>
      <c r="EN28" s="277">
        <v>89</v>
      </c>
      <c r="EO28" s="282">
        <v>104</v>
      </c>
      <c r="EP28" s="276">
        <v>66</v>
      </c>
      <c r="EQ28" s="280">
        <v>104</v>
      </c>
      <c r="ER28" s="277">
        <v>170</v>
      </c>
      <c r="ES28" s="279">
        <v>0</v>
      </c>
      <c r="ET28" s="280">
        <v>267</v>
      </c>
      <c r="EU28" s="280">
        <v>223</v>
      </c>
      <c r="EV28" s="280">
        <v>138</v>
      </c>
      <c r="EW28" s="280">
        <v>86</v>
      </c>
      <c r="EX28" s="280">
        <v>64</v>
      </c>
      <c r="EY28" s="277">
        <v>778</v>
      </c>
      <c r="EZ28" s="282">
        <v>948</v>
      </c>
    </row>
    <row r="29" spans="2:156" ht="21" customHeight="1" x14ac:dyDescent="0.2">
      <c r="B29" s="261" t="s">
        <v>27</v>
      </c>
      <c r="C29" s="276">
        <v>0</v>
      </c>
      <c r="D29" s="280">
        <v>0</v>
      </c>
      <c r="E29" s="384">
        <v>0</v>
      </c>
      <c r="F29" s="279">
        <v>0</v>
      </c>
      <c r="G29" s="280">
        <v>51</v>
      </c>
      <c r="H29" s="280">
        <v>52</v>
      </c>
      <c r="I29" s="280">
        <v>42</v>
      </c>
      <c r="J29" s="280">
        <v>34</v>
      </c>
      <c r="K29" s="280">
        <v>31</v>
      </c>
      <c r="L29" s="281">
        <v>210</v>
      </c>
      <c r="M29" s="282">
        <v>210</v>
      </c>
      <c r="N29" s="276">
        <v>0</v>
      </c>
      <c r="O29" s="280">
        <v>0</v>
      </c>
      <c r="P29" s="277">
        <v>0</v>
      </c>
      <c r="Q29" s="279">
        <v>0</v>
      </c>
      <c r="R29" s="280">
        <v>3</v>
      </c>
      <c r="S29" s="280">
        <v>4</v>
      </c>
      <c r="T29" s="280">
        <v>6</v>
      </c>
      <c r="U29" s="280">
        <v>13</v>
      </c>
      <c r="V29" s="280">
        <v>16</v>
      </c>
      <c r="W29" s="277">
        <v>42</v>
      </c>
      <c r="X29" s="282">
        <v>42</v>
      </c>
      <c r="Y29" s="276">
        <v>26</v>
      </c>
      <c r="Z29" s="280">
        <v>41</v>
      </c>
      <c r="AA29" s="277">
        <v>67</v>
      </c>
      <c r="AB29" s="279">
        <v>0</v>
      </c>
      <c r="AC29" s="280">
        <v>40</v>
      </c>
      <c r="AD29" s="280">
        <v>38</v>
      </c>
      <c r="AE29" s="280">
        <v>39</v>
      </c>
      <c r="AF29" s="280">
        <v>33</v>
      </c>
      <c r="AG29" s="280">
        <v>29</v>
      </c>
      <c r="AH29" s="277">
        <v>179</v>
      </c>
      <c r="AI29" s="282">
        <v>246</v>
      </c>
      <c r="AJ29" s="276">
        <v>0</v>
      </c>
      <c r="AK29" s="280">
        <v>1</v>
      </c>
      <c r="AL29" s="277">
        <v>1</v>
      </c>
      <c r="AM29" s="279">
        <v>0</v>
      </c>
      <c r="AN29" s="280">
        <v>0</v>
      </c>
      <c r="AO29" s="280">
        <v>2</v>
      </c>
      <c r="AP29" s="280">
        <v>0</v>
      </c>
      <c r="AQ29" s="280">
        <v>0</v>
      </c>
      <c r="AR29" s="280">
        <v>1</v>
      </c>
      <c r="AS29" s="277">
        <v>3</v>
      </c>
      <c r="AT29" s="282">
        <v>4</v>
      </c>
      <c r="AU29" s="276">
        <v>9</v>
      </c>
      <c r="AV29" s="280">
        <v>16</v>
      </c>
      <c r="AW29" s="277">
        <v>25</v>
      </c>
      <c r="AX29" s="279">
        <v>0</v>
      </c>
      <c r="AY29" s="280">
        <v>58</v>
      </c>
      <c r="AZ29" s="280">
        <v>58</v>
      </c>
      <c r="BA29" s="280">
        <v>77</v>
      </c>
      <c r="BB29" s="280">
        <v>71</v>
      </c>
      <c r="BC29" s="280">
        <v>44</v>
      </c>
      <c r="BD29" s="281">
        <v>308</v>
      </c>
      <c r="BE29" s="282">
        <v>333</v>
      </c>
      <c r="BF29" s="276">
        <v>0</v>
      </c>
      <c r="BG29" s="280">
        <v>0</v>
      </c>
      <c r="BH29" s="277">
        <v>0</v>
      </c>
      <c r="BI29" s="279">
        <v>0</v>
      </c>
      <c r="BJ29" s="280">
        <v>112</v>
      </c>
      <c r="BK29" s="280">
        <v>62</v>
      </c>
      <c r="BL29" s="280">
        <v>40</v>
      </c>
      <c r="BM29" s="280">
        <v>29</v>
      </c>
      <c r="BN29" s="280">
        <v>9</v>
      </c>
      <c r="BO29" s="277">
        <v>252</v>
      </c>
      <c r="BP29" s="282">
        <v>252</v>
      </c>
      <c r="BQ29" s="276">
        <v>11</v>
      </c>
      <c r="BR29" s="280">
        <v>31</v>
      </c>
      <c r="BS29" s="277">
        <v>42</v>
      </c>
      <c r="BT29" s="279">
        <v>0</v>
      </c>
      <c r="BU29" s="280">
        <v>15</v>
      </c>
      <c r="BV29" s="280">
        <v>25</v>
      </c>
      <c r="BW29" s="280">
        <v>13</v>
      </c>
      <c r="BX29" s="280">
        <v>6</v>
      </c>
      <c r="BY29" s="280">
        <v>6</v>
      </c>
      <c r="BZ29" s="277">
        <v>65</v>
      </c>
      <c r="CA29" s="282">
        <v>107</v>
      </c>
      <c r="CB29" s="276">
        <v>0</v>
      </c>
      <c r="CC29" s="280">
        <v>2</v>
      </c>
      <c r="CD29" s="277">
        <v>2</v>
      </c>
      <c r="CE29" s="279">
        <v>0</v>
      </c>
      <c r="CF29" s="280">
        <v>11</v>
      </c>
      <c r="CG29" s="280">
        <v>14</v>
      </c>
      <c r="CH29" s="280">
        <v>17</v>
      </c>
      <c r="CI29" s="280">
        <v>6</v>
      </c>
      <c r="CJ29" s="280">
        <v>8</v>
      </c>
      <c r="CK29" s="277">
        <v>56</v>
      </c>
      <c r="CL29" s="282">
        <v>58</v>
      </c>
      <c r="CM29" s="276">
        <v>0</v>
      </c>
      <c r="CN29" s="280">
        <v>1</v>
      </c>
      <c r="CO29" s="277">
        <v>1</v>
      </c>
      <c r="CP29" s="279">
        <v>0</v>
      </c>
      <c r="CQ29" s="280">
        <v>3</v>
      </c>
      <c r="CR29" s="280">
        <v>1</v>
      </c>
      <c r="CS29" s="280">
        <v>2</v>
      </c>
      <c r="CT29" s="280">
        <v>2</v>
      </c>
      <c r="CU29" s="280">
        <v>2</v>
      </c>
      <c r="CV29" s="277">
        <v>10</v>
      </c>
      <c r="CW29" s="282">
        <v>1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5</v>
      </c>
      <c r="DU29" s="280">
        <v>136</v>
      </c>
      <c r="DV29" s="277">
        <v>221</v>
      </c>
      <c r="DW29" s="279">
        <v>0</v>
      </c>
      <c r="DX29" s="280">
        <v>74</v>
      </c>
      <c r="DY29" s="280">
        <v>131</v>
      </c>
      <c r="DZ29" s="280">
        <v>91</v>
      </c>
      <c r="EA29" s="280">
        <v>62</v>
      </c>
      <c r="EB29" s="280">
        <v>45</v>
      </c>
      <c r="EC29" s="277">
        <v>403</v>
      </c>
      <c r="ED29" s="282">
        <v>624</v>
      </c>
      <c r="EE29" s="276">
        <v>10</v>
      </c>
      <c r="EF29" s="280">
        <v>14</v>
      </c>
      <c r="EG29" s="277">
        <v>24</v>
      </c>
      <c r="EH29" s="279">
        <v>0</v>
      </c>
      <c r="EI29" s="280">
        <v>40</v>
      </c>
      <c r="EJ29" s="280">
        <v>34</v>
      </c>
      <c r="EK29" s="280">
        <v>36</v>
      </c>
      <c r="EL29" s="280">
        <v>41</v>
      </c>
      <c r="EM29" s="280">
        <v>12</v>
      </c>
      <c r="EN29" s="277">
        <v>163</v>
      </c>
      <c r="EO29" s="282">
        <v>187</v>
      </c>
      <c r="EP29" s="276">
        <v>113</v>
      </c>
      <c r="EQ29" s="280">
        <v>163</v>
      </c>
      <c r="ER29" s="277">
        <v>276</v>
      </c>
      <c r="ES29" s="279">
        <v>0</v>
      </c>
      <c r="ET29" s="280">
        <v>205</v>
      </c>
      <c r="EU29" s="280">
        <v>156</v>
      </c>
      <c r="EV29" s="280">
        <v>110</v>
      </c>
      <c r="EW29" s="280">
        <v>67</v>
      </c>
      <c r="EX29" s="280">
        <v>46</v>
      </c>
      <c r="EY29" s="277">
        <v>584</v>
      </c>
      <c r="EZ29" s="282">
        <v>860</v>
      </c>
    </row>
    <row r="30" spans="2:156" ht="21" customHeight="1" x14ac:dyDescent="0.2">
      <c r="B30" s="261" t="s">
        <v>28</v>
      </c>
      <c r="C30" s="276">
        <v>0</v>
      </c>
      <c r="D30" s="280">
        <v>0</v>
      </c>
      <c r="E30" s="384">
        <v>0</v>
      </c>
      <c r="F30" s="279">
        <v>0</v>
      </c>
      <c r="G30" s="280">
        <v>11</v>
      </c>
      <c r="H30" s="280">
        <v>16</v>
      </c>
      <c r="I30" s="280">
        <v>10</v>
      </c>
      <c r="J30" s="280">
        <v>7</v>
      </c>
      <c r="K30" s="280">
        <v>6</v>
      </c>
      <c r="L30" s="281">
        <v>50</v>
      </c>
      <c r="M30" s="282">
        <v>50</v>
      </c>
      <c r="N30" s="276">
        <v>0</v>
      </c>
      <c r="O30" s="280">
        <v>0</v>
      </c>
      <c r="P30" s="277">
        <v>0</v>
      </c>
      <c r="Q30" s="279">
        <v>0</v>
      </c>
      <c r="R30" s="280">
        <v>0</v>
      </c>
      <c r="S30" s="280">
        <v>1</v>
      </c>
      <c r="T30" s="280">
        <v>1</v>
      </c>
      <c r="U30" s="280">
        <v>3</v>
      </c>
      <c r="V30" s="280">
        <v>1</v>
      </c>
      <c r="W30" s="277">
        <v>6</v>
      </c>
      <c r="X30" s="282">
        <v>6</v>
      </c>
      <c r="Y30" s="276">
        <v>1</v>
      </c>
      <c r="Z30" s="280">
        <v>2</v>
      </c>
      <c r="AA30" s="277">
        <v>3</v>
      </c>
      <c r="AB30" s="279">
        <v>0</v>
      </c>
      <c r="AC30" s="280">
        <v>6</v>
      </c>
      <c r="AD30" s="280">
        <v>17</v>
      </c>
      <c r="AE30" s="280">
        <v>14</v>
      </c>
      <c r="AF30" s="280">
        <v>10</v>
      </c>
      <c r="AG30" s="280">
        <v>7</v>
      </c>
      <c r="AH30" s="277">
        <v>54</v>
      </c>
      <c r="AI30" s="282">
        <v>57</v>
      </c>
      <c r="AJ30" s="276">
        <v>0</v>
      </c>
      <c r="AK30" s="280">
        <v>0</v>
      </c>
      <c r="AL30" s="277">
        <v>0</v>
      </c>
      <c r="AM30" s="279">
        <v>0</v>
      </c>
      <c r="AN30" s="280">
        <v>2</v>
      </c>
      <c r="AO30" s="280">
        <v>0</v>
      </c>
      <c r="AP30" s="280">
        <v>0</v>
      </c>
      <c r="AQ30" s="280">
        <v>2</v>
      </c>
      <c r="AR30" s="280">
        <v>3</v>
      </c>
      <c r="AS30" s="277">
        <v>7</v>
      </c>
      <c r="AT30" s="282">
        <v>7</v>
      </c>
      <c r="AU30" s="276">
        <v>1</v>
      </c>
      <c r="AV30" s="280">
        <v>1</v>
      </c>
      <c r="AW30" s="277">
        <v>2</v>
      </c>
      <c r="AX30" s="279">
        <v>0</v>
      </c>
      <c r="AY30" s="280">
        <v>9</v>
      </c>
      <c r="AZ30" s="280">
        <v>23</v>
      </c>
      <c r="BA30" s="280">
        <v>21</v>
      </c>
      <c r="BB30" s="280">
        <v>23</v>
      </c>
      <c r="BC30" s="280">
        <v>13</v>
      </c>
      <c r="BD30" s="281">
        <v>89</v>
      </c>
      <c r="BE30" s="282">
        <v>91</v>
      </c>
      <c r="BF30" s="276">
        <v>0</v>
      </c>
      <c r="BG30" s="280">
        <v>0</v>
      </c>
      <c r="BH30" s="277">
        <v>0</v>
      </c>
      <c r="BI30" s="279">
        <v>0</v>
      </c>
      <c r="BJ30" s="280">
        <v>34</v>
      </c>
      <c r="BK30" s="280">
        <v>33</v>
      </c>
      <c r="BL30" s="280">
        <v>16</v>
      </c>
      <c r="BM30" s="280">
        <v>13</v>
      </c>
      <c r="BN30" s="280">
        <v>5</v>
      </c>
      <c r="BO30" s="277">
        <v>101</v>
      </c>
      <c r="BP30" s="282">
        <v>101</v>
      </c>
      <c r="BQ30" s="276">
        <v>0</v>
      </c>
      <c r="BR30" s="280">
        <v>6</v>
      </c>
      <c r="BS30" s="277">
        <v>6</v>
      </c>
      <c r="BT30" s="279">
        <v>0</v>
      </c>
      <c r="BU30" s="280">
        <v>7</v>
      </c>
      <c r="BV30" s="280">
        <v>17</v>
      </c>
      <c r="BW30" s="280">
        <v>9</v>
      </c>
      <c r="BX30" s="280">
        <v>9</v>
      </c>
      <c r="BY30" s="280">
        <v>5</v>
      </c>
      <c r="BZ30" s="277">
        <v>47</v>
      </c>
      <c r="CA30" s="282">
        <v>53</v>
      </c>
      <c r="CB30" s="276">
        <v>0</v>
      </c>
      <c r="CC30" s="280">
        <v>0</v>
      </c>
      <c r="CD30" s="277">
        <v>0</v>
      </c>
      <c r="CE30" s="279">
        <v>0</v>
      </c>
      <c r="CF30" s="280">
        <v>4</v>
      </c>
      <c r="CG30" s="280">
        <v>6</v>
      </c>
      <c r="CH30" s="280">
        <v>7</v>
      </c>
      <c r="CI30" s="280">
        <v>3</v>
      </c>
      <c r="CJ30" s="280">
        <v>7</v>
      </c>
      <c r="CK30" s="277">
        <v>27</v>
      </c>
      <c r="CL30" s="282">
        <v>27</v>
      </c>
      <c r="CM30" s="276">
        <v>0</v>
      </c>
      <c r="CN30" s="280">
        <v>0</v>
      </c>
      <c r="CO30" s="277">
        <v>0</v>
      </c>
      <c r="CP30" s="279">
        <v>0</v>
      </c>
      <c r="CQ30" s="280">
        <v>2</v>
      </c>
      <c r="CR30" s="280">
        <v>0</v>
      </c>
      <c r="CS30" s="280">
        <v>2</v>
      </c>
      <c r="CT30" s="280">
        <v>4</v>
      </c>
      <c r="CU30" s="280">
        <v>0</v>
      </c>
      <c r="CV30" s="277">
        <v>8</v>
      </c>
      <c r="CW30" s="282">
        <v>8</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8</v>
      </c>
      <c r="DU30" s="280">
        <v>21</v>
      </c>
      <c r="DV30" s="277">
        <v>29</v>
      </c>
      <c r="DW30" s="279">
        <v>0</v>
      </c>
      <c r="DX30" s="280">
        <v>38</v>
      </c>
      <c r="DY30" s="280">
        <v>61</v>
      </c>
      <c r="DZ30" s="280">
        <v>36</v>
      </c>
      <c r="EA30" s="280">
        <v>31</v>
      </c>
      <c r="EB30" s="280">
        <v>15</v>
      </c>
      <c r="EC30" s="277">
        <v>181</v>
      </c>
      <c r="ED30" s="282">
        <v>210</v>
      </c>
      <c r="EE30" s="276">
        <v>1</v>
      </c>
      <c r="EF30" s="280">
        <v>0</v>
      </c>
      <c r="EG30" s="277">
        <v>1</v>
      </c>
      <c r="EH30" s="279">
        <v>0</v>
      </c>
      <c r="EI30" s="280">
        <v>2</v>
      </c>
      <c r="EJ30" s="280">
        <v>6</v>
      </c>
      <c r="EK30" s="280">
        <v>4</v>
      </c>
      <c r="EL30" s="280">
        <v>9</v>
      </c>
      <c r="EM30" s="280">
        <v>2</v>
      </c>
      <c r="EN30" s="277">
        <v>23</v>
      </c>
      <c r="EO30" s="282">
        <v>24</v>
      </c>
      <c r="EP30" s="276">
        <v>9</v>
      </c>
      <c r="EQ30" s="280">
        <v>23</v>
      </c>
      <c r="ER30" s="277">
        <v>32</v>
      </c>
      <c r="ES30" s="279">
        <v>0</v>
      </c>
      <c r="ET30" s="280">
        <v>72</v>
      </c>
      <c r="EU30" s="280">
        <v>84</v>
      </c>
      <c r="EV30" s="280">
        <v>40</v>
      </c>
      <c r="EW30" s="280">
        <v>34</v>
      </c>
      <c r="EX30" s="280">
        <v>16</v>
      </c>
      <c r="EY30" s="277">
        <v>246</v>
      </c>
      <c r="EZ30" s="282">
        <v>278</v>
      </c>
    </row>
    <row r="31" spans="2:156" ht="21" customHeight="1" x14ac:dyDescent="0.2">
      <c r="B31" s="261" t="s">
        <v>29</v>
      </c>
      <c r="C31" s="276">
        <v>0</v>
      </c>
      <c r="D31" s="280">
        <v>0</v>
      </c>
      <c r="E31" s="384">
        <v>0</v>
      </c>
      <c r="F31" s="279">
        <v>0</v>
      </c>
      <c r="G31" s="280">
        <v>22</v>
      </c>
      <c r="H31" s="280">
        <v>17</v>
      </c>
      <c r="I31" s="280">
        <v>10</v>
      </c>
      <c r="J31" s="280">
        <v>14</v>
      </c>
      <c r="K31" s="280">
        <v>9</v>
      </c>
      <c r="L31" s="281">
        <v>72</v>
      </c>
      <c r="M31" s="282">
        <v>72</v>
      </c>
      <c r="N31" s="276">
        <v>0</v>
      </c>
      <c r="O31" s="280">
        <v>0</v>
      </c>
      <c r="P31" s="277">
        <v>0</v>
      </c>
      <c r="Q31" s="279">
        <v>0</v>
      </c>
      <c r="R31" s="280">
        <v>0</v>
      </c>
      <c r="S31" s="280">
        <v>0</v>
      </c>
      <c r="T31" s="280">
        <v>0</v>
      </c>
      <c r="U31" s="280">
        <v>2</v>
      </c>
      <c r="V31" s="280">
        <v>3</v>
      </c>
      <c r="W31" s="277">
        <v>5</v>
      </c>
      <c r="X31" s="282">
        <v>5</v>
      </c>
      <c r="Y31" s="276">
        <v>3</v>
      </c>
      <c r="Z31" s="280">
        <v>3</v>
      </c>
      <c r="AA31" s="277">
        <v>6</v>
      </c>
      <c r="AB31" s="279">
        <v>0</v>
      </c>
      <c r="AC31" s="280">
        <v>17</v>
      </c>
      <c r="AD31" s="280">
        <v>16</v>
      </c>
      <c r="AE31" s="280">
        <v>13</v>
      </c>
      <c r="AF31" s="280">
        <v>8</v>
      </c>
      <c r="AG31" s="280">
        <v>6</v>
      </c>
      <c r="AH31" s="277">
        <v>60</v>
      </c>
      <c r="AI31" s="282">
        <v>66</v>
      </c>
      <c r="AJ31" s="276">
        <v>0</v>
      </c>
      <c r="AK31" s="280">
        <v>1</v>
      </c>
      <c r="AL31" s="277">
        <v>1</v>
      </c>
      <c r="AM31" s="279">
        <v>0</v>
      </c>
      <c r="AN31" s="280">
        <v>3</v>
      </c>
      <c r="AO31" s="280">
        <v>4</v>
      </c>
      <c r="AP31" s="280">
        <v>1</v>
      </c>
      <c r="AQ31" s="280">
        <v>3</v>
      </c>
      <c r="AR31" s="280">
        <v>0</v>
      </c>
      <c r="AS31" s="277">
        <v>11</v>
      </c>
      <c r="AT31" s="282">
        <v>12</v>
      </c>
      <c r="AU31" s="276">
        <v>1</v>
      </c>
      <c r="AV31" s="280">
        <v>2</v>
      </c>
      <c r="AW31" s="277">
        <v>3</v>
      </c>
      <c r="AX31" s="279">
        <v>0</v>
      </c>
      <c r="AY31" s="280">
        <v>15</v>
      </c>
      <c r="AZ31" s="280">
        <v>29</v>
      </c>
      <c r="BA31" s="280">
        <v>14</v>
      </c>
      <c r="BB31" s="280">
        <v>18</v>
      </c>
      <c r="BC31" s="280">
        <v>10</v>
      </c>
      <c r="BD31" s="281">
        <v>86</v>
      </c>
      <c r="BE31" s="282">
        <v>89</v>
      </c>
      <c r="BF31" s="276">
        <v>0</v>
      </c>
      <c r="BG31" s="280">
        <v>0</v>
      </c>
      <c r="BH31" s="277">
        <v>0</v>
      </c>
      <c r="BI31" s="279">
        <v>0</v>
      </c>
      <c r="BJ31" s="280">
        <v>37</v>
      </c>
      <c r="BK31" s="280">
        <v>38</v>
      </c>
      <c r="BL31" s="280">
        <v>20</v>
      </c>
      <c r="BM31" s="280">
        <v>17</v>
      </c>
      <c r="BN31" s="280">
        <v>5</v>
      </c>
      <c r="BO31" s="277">
        <v>117</v>
      </c>
      <c r="BP31" s="282">
        <v>117</v>
      </c>
      <c r="BQ31" s="276">
        <v>2</v>
      </c>
      <c r="BR31" s="280">
        <v>1</v>
      </c>
      <c r="BS31" s="277">
        <v>3</v>
      </c>
      <c r="BT31" s="279">
        <v>0</v>
      </c>
      <c r="BU31" s="280">
        <v>15</v>
      </c>
      <c r="BV31" s="280">
        <v>14</v>
      </c>
      <c r="BW31" s="280">
        <v>6</v>
      </c>
      <c r="BX31" s="280">
        <v>5</v>
      </c>
      <c r="BY31" s="280">
        <v>1</v>
      </c>
      <c r="BZ31" s="277">
        <v>41</v>
      </c>
      <c r="CA31" s="282">
        <v>44</v>
      </c>
      <c r="CB31" s="276">
        <v>1</v>
      </c>
      <c r="CC31" s="280">
        <v>0</v>
      </c>
      <c r="CD31" s="277">
        <v>1</v>
      </c>
      <c r="CE31" s="279">
        <v>0</v>
      </c>
      <c r="CF31" s="280">
        <v>5</v>
      </c>
      <c r="CG31" s="280">
        <v>10</v>
      </c>
      <c r="CH31" s="280">
        <v>10</v>
      </c>
      <c r="CI31" s="280">
        <v>9</v>
      </c>
      <c r="CJ31" s="280">
        <v>6</v>
      </c>
      <c r="CK31" s="277">
        <v>40</v>
      </c>
      <c r="CL31" s="282">
        <v>41</v>
      </c>
      <c r="CM31" s="276">
        <v>0</v>
      </c>
      <c r="CN31" s="280">
        <v>0</v>
      </c>
      <c r="CO31" s="277">
        <v>0</v>
      </c>
      <c r="CP31" s="279">
        <v>0</v>
      </c>
      <c r="CQ31" s="280">
        <v>2</v>
      </c>
      <c r="CR31" s="280">
        <v>3</v>
      </c>
      <c r="CS31" s="280">
        <v>1</v>
      </c>
      <c r="CT31" s="280">
        <v>1</v>
      </c>
      <c r="CU31" s="280">
        <v>0</v>
      </c>
      <c r="CV31" s="277">
        <v>7</v>
      </c>
      <c r="CW31" s="282">
        <v>7</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8</v>
      </c>
      <c r="DU31" s="280">
        <v>31</v>
      </c>
      <c r="DV31" s="277">
        <v>59</v>
      </c>
      <c r="DW31" s="279">
        <v>0</v>
      </c>
      <c r="DX31" s="280">
        <v>37</v>
      </c>
      <c r="DY31" s="280">
        <v>60</v>
      </c>
      <c r="DZ31" s="280">
        <v>44</v>
      </c>
      <c r="EA31" s="280">
        <v>38</v>
      </c>
      <c r="EB31" s="280">
        <v>17</v>
      </c>
      <c r="EC31" s="277">
        <v>196</v>
      </c>
      <c r="ED31" s="282">
        <v>255</v>
      </c>
      <c r="EE31" s="276">
        <v>2</v>
      </c>
      <c r="EF31" s="280">
        <v>0</v>
      </c>
      <c r="EG31" s="277">
        <v>2</v>
      </c>
      <c r="EH31" s="279">
        <v>0</v>
      </c>
      <c r="EI31" s="280">
        <v>6</v>
      </c>
      <c r="EJ31" s="280">
        <v>10</v>
      </c>
      <c r="EK31" s="280">
        <v>4</v>
      </c>
      <c r="EL31" s="280">
        <v>7</v>
      </c>
      <c r="EM31" s="280">
        <v>4</v>
      </c>
      <c r="EN31" s="277">
        <v>31</v>
      </c>
      <c r="EO31" s="282">
        <v>33</v>
      </c>
      <c r="EP31" s="276">
        <v>33</v>
      </c>
      <c r="EQ31" s="280">
        <v>33</v>
      </c>
      <c r="ER31" s="277">
        <v>66</v>
      </c>
      <c r="ES31" s="279">
        <v>0</v>
      </c>
      <c r="ET31" s="280">
        <v>80</v>
      </c>
      <c r="EU31" s="280">
        <v>90</v>
      </c>
      <c r="EV31" s="280">
        <v>46</v>
      </c>
      <c r="EW31" s="280">
        <v>36</v>
      </c>
      <c r="EX31" s="280">
        <v>17</v>
      </c>
      <c r="EY31" s="277">
        <v>269</v>
      </c>
      <c r="EZ31" s="282">
        <v>335</v>
      </c>
    </row>
    <row r="32" spans="2:156" ht="21" customHeight="1" x14ac:dyDescent="0.2">
      <c r="B32" s="261" t="s">
        <v>30</v>
      </c>
      <c r="C32" s="276">
        <v>0</v>
      </c>
      <c r="D32" s="280">
        <v>0</v>
      </c>
      <c r="E32" s="384">
        <v>0</v>
      </c>
      <c r="F32" s="279">
        <v>0</v>
      </c>
      <c r="G32" s="280">
        <v>26</v>
      </c>
      <c r="H32" s="280">
        <v>18</v>
      </c>
      <c r="I32" s="280">
        <v>18</v>
      </c>
      <c r="J32" s="280">
        <v>15</v>
      </c>
      <c r="K32" s="280">
        <v>5</v>
      </c>
      <c r="L32" s="281">
        <v>82</v>
      </c>
      <c r="M32" s="282">
        <v>82</v>
      </c>
      <c r="N32" s="276">
        <v>0</v>
      </c>
      <c r="O32" s="280">
        <v>0</v>
      </c>
      <c r="P32" s="277">
        <v>0</v>
      </c>
      <c r="Q32" s="279">
        <v>0</v>
      </c>
      <c r="R32" s="280">
        <v>2</v>
      </c>
      <c r="S32" s="280">
        <v>0</v>
      </c>
      <c r="T32" s="280">
        <v>1</v>
      </c>
      <c r="U32" s="280">
        <v>7</v>
      </c>
      <c r="V32" s="280">
        <v>6</v>
      </c>
      <c r="W32" s="277">
        <v>16</v>
      </c>
      <c r="X32" s="282">
        <v>16</v>
      </c>
      <c r="Y32" s="276">
        <v>3</v>
      </c>
      <c r="Z32" s="280">
        <v>6</v>
      </c>
      <c r="AA32" s="277">
        <v>9</v>
      </c>
      <c r="AB32" s="279">
        <v>0</v>
      </c>
      <c r="AC32" s="280">
        <v>18</v>
      </c>
      <c r="AD32" s="280">
        <v>16</v>
      </c>
      <c r="AE32" s="280">
        <v>22</v>
      </c>
      <c r="AF32" s="280">
        <v>17</v>
      </c>
      <c r="AG32" s="280">
        <v>5</v>
      </c>
      <c r="AH32" s="277">
        <v>78</v>
      </c>
      <c r="AI32" s="282">
        <v>87</v>
      </c>
      <c r="AJ32" s="276">
        <v>2</v>
      </c>
      <c r="AK32" s="280">
        <v>0</v>
      </c>
      <c r="AL32" s="277">
        <v>2</v>
      </c>
      <c r="AM32" s="279">
        <v>0</v>
      </c>
      <c r="AN32" s="280">
        <v>3</v>
      </c>
      <c r="AO32" s="280">
        <v>0</v>
      </c>
      <c r="AP32" s="280">
        <v>5</v>
      </c>
      <c r="AQ32" s="280">
        <v>1</v>
      </c>
      <c r="AR32" s="280">
        <v>0</v>
      </c>
      <c r="AS32" s="277">
        <v>9</v>
      </c>
      <c r="AT32" s="282">
        <v>11</v>
      </c>
      <c r="AU32" s="276">
        <v>1</v>
      </c>
      <c r="AV32" s="280">
        <v>0</v>
      </c>
      <c r="AW32" s="277">
        <v>1</v>
      </c>
      <c r="AX32" s="279">
        <v>0</v>
      </c>
      <c r="AY32" s="280">
        <v>22</v>
      </c>
      <c r="AZ32" s="280">
        <v>14</v>
      </c>
      <c r="BA32" s="280">
        <v>22</v>
      </c>
      <c r="BB32" s="280">
        <v>23</v>
      </c>
      <c r="BC32" s="280">
        <v>7</v>
      </c>
      <c r="BD32" s="281">
        <v>88</v>
      </c>
      <c r="BE32" s="282">
        <v>89</v>
      </c>
      <c r="BF32" s="276">
        <v>0</v>
      </c>
      <c r="BG32" s="280">
        <v>0</v>
      </c>
      <c r="BH32" s="277">
        <v>0</v>
      </c>
      <c r="BI32" s="279">
        <v>0</v>
      </c>
      <c r="BJ32" s="280">
        <v>29</v>
      </c>
      <c r="BK32" s="280">
        <v>24</v>
      </c>
      <c r="BL32" s="280">
        <v>20</v>
      </c>
      <c r="BM32" s="280">
        <v>13</v>
      </c>
      <c r="BN32" s="280">
        <v>2</v>
      </c>
      <c r="BO32" s="277">
        <v>88</v>
      </c>
      <c r="BP32" s="282">
        <v>88</v>
      </c>
      <c r="BQ32" s="276">
        <v>2</v>
      </c>
      <c r="BR32" s="280">
        <v>3</v>
      </c>
      <c r="BS32" s="277">
        <v>5</v>
      </c>
      <c r="BT32" s="279">
        <v>0</v>
      </c>
      <c r="BU32" s="280">
        <v>5</v>
      </c>
      <c r="BV32" s="280">
        <v>9</v>
      </c>
      <c r="BW32" s="280">
        <v>5</v>
      </c>
      <c r="BX32" s="280">
        <v>5</v>
      </c>
      <c r="BY32" s="280">
        <v>0</v>
      </c>
      <c r="BZ32" s="277">
        <v>24</v>
      </c>
      <c r="CA32" s="282">
        <v>29</v>
      </c>
      <c r="CB32" s="276">
        <v>0</v>
      </c>
      <c r="CC32" s="280">
        <v>0</v>
      </c>
      <c r="CD32" s="277">
        <v>0</v>
      </c>
      <c r="CE32" s="279">
        <v>0</v>
      </c>
      <c r="CF32" s="280">
        <v>7</v>
      </c>
      <c r="CG32" s="280">
        <v>4</v>
      </c>
      <c r="CH32" s="280">
        <v>10</v>
      </c>
      <c r="CI32" s="280">
        <v>3</v>
      </c>
      <c r="CJ32" s="280">
        <v>1</v>
      </c>
      <c r="CK32" s="277">
        <v>25</v>
      </c>
      <c r="CL32" s="282">
        <v>25</v>
      </c>
      <c r="CM32" s="276">
        <v>0</v>
      </c>
      <c r="CN32" s="280">
        <v>0</v>
      </c>
      <c r="CO32" s="277">
        <v>0</v>
      </c>
      <c r="CP32" s="279">
        <v>0</v>
      </c>
      <c r="CQ32" s="280">
        <v>0</v>
      </c>
      <c r="CR32" s="280">
        <v>2</v>
      </c>
      <c r="CS32" s="280">
        <v>0</v>
      </c>
      <c r="CT32" s="280">
        <v>1</v>
      </c>
      <c r="CU32" s="280">
        <v>0</v>
      </c>
      <c r="CV32" s="277">
        <v>3</v>
      </c>
      <c r="CW32" s="282">
        <v>3</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4</v>
      </c>
      <c r="DU32" s="280">
        <v>23</v>
      </c>
      <c r="DV32" s="277">
        <v>57</v>
      </c>
      <c r="DW32" s="279">
        <v>0</v>
      </c>
      <c r="DX32" s="280">
        <v>50</v>
      </c>
      <c r="DY32" s="280">
        <v>53</v>
      </c>
      <c r="DZ32" s="280">
        <v>56</v>
      </c>
      <c r="EA32" s="280">
        <v>36</v>
      </c>
      <c r="EB32" s="280">
        <v>11</v>
      </c>
      <c r="EC32" s="277">
        <v>206</v>
      </c>
      <c r="ED32" s="282">
        <v>263</v>
      </c>
      <c r="EE32" s="276">
        <v>1</v>
      </c>
      <c r="EF32" s="280">
        <v>0</v>
      </c>
      <c r="EG32" s="277">
        <v>1</v>
      </c>
      <c r="EH32" s="279">
        <v>0</v>
      </c>
      <c r="EI32" s="280">
        <v>7</v>
      </c>
      <c r="EJ32" s="280">
        <v>5</v>
      </c>
      <c r="EK32" s="280">
        <v>4</v>
      </c>
      <c r="EL32" s="280">
        <v>4</v>
      </c>
      <c r="EM32" s="280">
        <v>1</v>
      </c>
      <c r="EN32" s="277">
        <v>21</v>
      </c>
      <c r="EO32" s="282">
        <v>22</v>
      </c>
      <c r="EP32" s="276">
        <v>38</v>
      </c>
      <c r="EQ32" s="280">
        <v>28</v>
      </c>
      <c r="ER32" s="277">
        <v>66</v>
      </c>
      <c r="ES32" s="279">
        <v>0</v>
      </c>
      <c r="ET32" s="280">
        <v>83</v>
      </c>
      <c r="EU32" s="280">
        <v>69</v>
      </c>
      <c r="EV32" s="280">
        <v>60</v>
      </c>
      <c r="EW32" s="280">
        <v>40</v>
      </c>
      <c r="EX32" s="280">
        <v>12</v>
      </c>
      <c r="EY32" s="277">
        <v>264</v>
      </c>
      <c r="EZ32" s="282">
        <v>330</v>
      </c>
    </row>
    <row r="33" spans="2:156" ht="21" customHeight="1" x14ac:dyDescent="0.2">
      <c r="B33" s="261" t="s">
        <v>31</v>
      </c>
      <c r="C33" s="276">
        <v>0</v>
      </c>
      <c r="D33" s="280">
        <v>0</v>
      </c>
      <c r="E33" s="384">
        <v>0</v>
      </c>
      <c r="F33" s="279">
        <v>0</v>
      </c>
      <c r="G33" s="280">
        <v>11</v>
      </c>
      <c r="H33" s="280">
        <v>16</v>
      </c>
      <c r="I33" s="280">
        <v>4</v>
      </c>
      <c r="J33" s="280">
        <v>5</v>
      </c>
      <c r="K33" s="280">
        <v>8</v>
      </c>
      <c r="L33" s="281">
        <v>44</v>
      </c>
      <c r="M33" s="282">
        <v>44</v>
      </c>
      <c r="N33" s="276">
        <v>0</v>
      </c>
      <c r="O33" s="280">
        <v>0</v>
      </c>
      <c r="P33" s="277">
        <v>0</v>
      </c>
      <c r="Q33" s="279">
        <v>0</v>
      </c>
      <c r="R33" s="280">
        <v>0</v>
      </c>
      <c r="S33" s="280">
        <v>2</v>
      </c>
      <c r="T33" s="280">
        <v>5</v>
      </c>
      <c r="U33" s="280">
        <v>4</v>
      </c>
      <c r="V33" s="280">
        <v>4</v>
      </c>
      <c r="W33" s="277">
        <v>15</v>
      </c>
      <c r="X33" s="282">
        <v>15</v>
      </c>
      <c r="Y33" s="276">
        <v>3</v>
      </c>
      <c r="Z33" s="280">
        <v>5</v>
      </c>
      <c r="AA33" s="277">
        <v>8</v>
      </c>
      <c r="AB33" s="279">
        <v>0</v>
      </c>
      <c r="AC33" s="280">
        <v>14</v>
      </c>
      <c r="AD33" s="280">
        <v>22</v>
      </c>
      <c r="AE33" s="280">
        <v>11</v>
      </c>
      <c r="AF33" s="280">
        <v>15</v>
      </c>
      <c r="AG33" s="280">
        <v>10</v>
      </c>
      <c r="AH33" s="277">
        <v>72</v>
      </c>
      <c r="AI33" s="282">
        <v>80</v>
      </c>
      <c r="AJ33" s="276">
        <v>0</v>
      </c>
      <c r="AK33" s="280">
        <v>2</v>
      </c>
      <c r="AL33" s="277">
        <v>2</v>
      </c>
      <c r="AM33" s="279">
        <v>0</v>
      </c>
      <c r="AN33" s="280">
        <v>3</v>
      </c>
      <c r="AO33" s="280">
        <v>4</v>
      </c>
      <c r="AP33" s="280">
        <v>8</v>
      </c>
      <c r="AQ33" s="280">
        <v>3</v>
      </c>
      <c r="AR33" s="280">
        <v>2</v>
      </c>
      <c r="AS33" s="277">
        <v>20</v>
      </c>
      <c r="AT33" s="282">
        <v>22</v>
      </c>
      <c r="AU33" s="276">
        <v>2</v>
      </c>
      <c r="AV33" s="280">
        <v>0</v>
      </c>
      <c r="AW33" s="277">
        <v>2</v>
      </c>
      <c r="AX33" s="279">
        <v>0</v>
      </c>
      <c r="AY33" s="280">
        <v>10</v>
      </c>
      <c r="AZ33" s="280">
        <v>15</v>
      </c>
      <c r="BA33" s="280">
        <v>12</v>
      </c>
      <c r="BB33" s="280">
        <v>8</v>
      </c>
      <c r="BC33" s="280">
        <v>10</v>
      </c>
      <c r="BD33" s="281">
        <v>55</v>
      </c>
      <c r="BE33" s="282">
        <v>57</v>
      </c>
      <c r="BF33" s="276">
        <v>0</v>
      </c>
      <c r="BG33" s="280">
        <v>0</v>
      </c>
      <c r="BH33" s="277">
        <v>0</v>
      </c>
      <c r="BI33" s="279">
        <v>0</v>
      </c>
      <c r="BJ33" s="280">
        <v>34</v>
      </c>
      <c r="BK33" s="280">
        <v>36</v>
      </c>
      <c r="BL33" s="280">
        <v>24</v>
      </c>
      <c r="BM33" s="280">
        <v>14</v>
      </c>
      <c r="BN33" s="280">
        <v>3</v>
      </c>
      <c r="BO33" s="277">
        <v>111</v>
      </c>
      <c r="BP33" s="282">
        <v>111</v>
      </c>
      <c r="BQ33" s="276">
        <v>0</v>
      </c>
      <c r="BR33" s="280">
        <v>0</v>
      </c>
      <c r="BS33" s="277">
        <v>0</v>
      </c>
      <c r="BT33" s="279">
        <v>0</v>
      </c>
      <c r="BU33" s="280">
        <v>6</v>
      </c>
      <c r="BV33" s="280">
        <v>10</v>
      </c>
      <c r="BW33" s="280">
        <v>5</v>
      </c>
      <c r="BX33" s="280">
        <v>4</v>
      </c>
      <c r="BY33" s="280">
        <v>1</v>
      </c>
      <c r="BZ33" s="277">
        <v>26</v>
      </c>
      <c r="CA33" s="282">
        <v>26</v>
      </c>
      <c r="CB33" s="276">
        <v>0</v>
      </c>
      <c r="CC33" s="280">
        <v>0</v>
      </c>
      <c r="CD33" s="277">
        <v>0</v>
      </c>
      <c r="CE33" s="279">
        <v>0</v>
      </c>
      <c r="CF33" s="280">
        <v>4</v>
      </c>
      <c r="CG33" s="280">
        <v>8</v>
      </c>
      <c r="CH33" s="280">
        <v>13</v>
      </c>
      <c r="CI33" s="280">
        <v>6</v>
      </c>
      <c r="CJ33" s="280">
        <v>1</v>
      </c>
      <c r="CK33" s="277">
        <v>32</v>
      </c>
      <c r="CL33" s="282">
        <v>32</v>
      </c>
      <c r="CM33" s="276">
        <v>0</v>
      </c>
      <c r="CN33" s="280">
        <v>0</v>
      </c>
      <c r="CO33" s="277">
        <v>0</v>
      </c>
      <c r="CP33" s="279">
        <v>0</v>
      </c>
      <c r="CQ33" s="280">
        <v>0</v>
      </c>
      <c r="CR33" s="280">
        <v>2</v>
      </c>
      <c r="CS33" s="280">
        <v>0</v>
      </c>
      <c r="CT33" s="280">
        <v>0</v>
      </c>
      <c r="CU33" s="280">
        <v>0</v>
      </c>
      <c r="CV33" s="277">
        <v>2</v>
      </c>
      <c r="CW33" s="282">
        <v>2</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0</v>
      </c>
      <c r="DU33" s="280">
        <v>52</v>
      </c>
      <c r="DV33" s="277">
        <v>72</v>
      </c>
      <c r="DW33" s="279">
        <v>0</v>
      </c>
      <c r="DX33" s="280">
        <v>65</v>
      </c>
      <c r="DY33" s="280">
        <v>62</v>
      </c>
      <c r="DZ33" s="280">
        <v>38</v>
      </c>
      <c r="EA33" s="280">
        <v>30</v>
      </c>
      <c r="EB33" s="280">
        <v>14</v>
      </c>
      <c r="EC33" s="277">
        <v>209</v>
      </c>
      <c r="ED33" s="282">
        <v>281</v>
      </c>
      <c r="EE33" s="276">
        <v>1</v>
      </c>
      <c r="EF33" s="280">
        <v>1</v>
      </c>
      <c r="EG33" s="277">
        <v>2</v>
      </c>
      <c r="EH33" s="279">
        <v>0</v>
      </c>
      <c r="EI33" s="280">
        <v>8</v>
      </c>
      <c r="EJ33" s="280">
        <v>5</v>
      </c>
      <c r="EK33" s="280">
        <v>6</v>
      </c>
      <c r="EL33" s="280">
        <v>3</v>
      </c>
      <c r="EM33" s="280">
        <v>2</v>
      </c>
      <c r="EN33" s="277">
        <v>24</v>
      </c>
      <c r="EO33" s="282">
        <v>26</v>
      </c>
      <c r="EP33" s="276">
        <v>23</v>
      </c>
      <c r="EQ33" s="280">
        <v>53</v>
      </c>
      <c r="ER33" s="277">
        <v>76</v>
      </c>
      <c r="ES33" s="279">
        <v>0</v>
      </c>
      <c r="ET33" s="280">
        <v>105</v>
      </c>
      <c r="EU33" s="280">
        <v>88</v>
      </c>
      <c r="EV33" s="280">
        <v>44</v>
      </c>
      <c r="EW33" s="280">
        <v>29</v>
      </c>
      <c r="EX33" s="280">
        <v>14</v>
      </c>
      <c r="EY33" s="277">
        <v>280</v>
      </c>
      <c r="EZ33" s="282">
        <v>356</v>
      </c>
    </row>
    <row r="34" spans="2:156" ht="21" customHeight="1" x14ac:dyDescent="0.2">
      <c r="B34" s="261" t="s">
        <v>32</v>
      </c>
      <c r="C34" s="276">
        <v>0</v>
      </c>
      <c r="D34" s="280">
        <v>0</v>
      </c>
      <c r="E34" s="384">
        <v>0</v>
      </c>
      <c r="F34" s="279">
        <v>0</v>
      </c>
      <c r="G34" s="280">
        <v>33</v>
      </c>
      <c r="H34" s="280">
        <v>19</v>
      </c>
      <c r="I34" s="280">
        <v>14</v>
      </c>
      <c r="J34" s="280">
        <v>9</v>
      </c>
      <c r="K34" s="280">
        <v>13</v>
      </c>
      <c r="L34" s="281">
        <v>88</v>
      </c>
      <c r="M34" s="282">
        <v>88</v>
      </c>
      <c r="N34" s="276">
        <v>0</v>
      </c>
      <c r="O34" s="280">
        <v>0</v>
      </c>
      <c r="P34" s="277">
        <v>0</v>
      </c>
      <c r="Q34" s="279">
        <v>0</v>
      </c>
      <c r="R34" s="280">
        <v>0</v>
      </c>
      <c r="S34" s="280">
        <v>1</v>
      </c>
      <c r="T34" s="280">
        <v>3</v>
      </c>
      <c r="U34" s="280">
        <v>2</v>
      </c>
      <c r="V34" s="280">
        <v>7</v>
      </c>
      <c r="W34" s="277">
        <v>13</v>
      </c>
      <c r="X34" s="282">
        <v>13</v>
      </c>
      <c r="Y34" s="276">
        <v>4</v>
      </c>
      <c r="Z34" s="280">
        <v>7</v>
      </c>
      <c r="AA34" s="277">
        <v>11</v>
      </c>
      <c r="AB34" s="279">
        <v>0</v>
      </c>
      <c r="AC34" s="280">
        <v>32</v>
      </c>
      <c r="AD34" s="280">
        <v>24</v>
      </c>
      <c r="AE34" s="280">
        <v>15</v>
      </c>
      <c r="AF34" s="280">
        <v>13</v>
      </c>
      <c r="AG34" s="280">
        <v>9</v>
      </c>
      <c r="AH34" s="277">
        <v>93</v>
      </c>
      <c r="AI34" s="282">
        <v>104</v>
      </c>
      <c r="AJ34" s="276">
        <v>2</v>
      </c>
      <c r="AK34" s="280">
        <v>0</v>
      </c>
      <c r="AL34" s="277">
        <v>2</v>
      </c>
      <c r="AM34" s="279">
        <v>0</v>
      </c>
      <c r="AN34" s="280">
        <v>5</v>
      </c>
      <c r="AO34" s="280">
        <v>1</v>
      </c>
      <c r="AP34" s="280">
        <v>0</v>
      </c>
      <c r="AQ34" s="280">
        <v>3</v>
      </c>
      <c r="AR34" s="280">
        <v>2</v>
      </c>
      <c r="AS34" s="277">
        <v>11</v>
      </c>
      <c r="AT34" s="282">
        <v>13</v>
      </c>
      <c r="AU34" s="276">
        <v>3</v>
      </c>
      <c r="AV34" s="280">
        <v>2</v>
      </c>
      <c r="AW34" s="277">
        <v>5</v>
      </c>
      <c r="AX34" s="279">
        <v>0</v>
      </c>
      <c r="AY34" s="280">
        <v>20</v>
      </c>
      <c r="AZ34" s="280">
        <v>17</v>
      </c>
      <c r="BA34" s="280">
        <v>23</v>
      </c>
      <c r="BB34" s="280">
        <v>30</v>
      </c>
      <c r="BC34" s="280">
        <v>19</v>
      </c>
      <c r="BD34" s="281">
        <v>109</v>
      </c>
      <c r="BE34" s="282">
        <v>114</v>
      </c>
      <c r="BF34" s="276">
        <v>0</v>
      </c>
      <c r="BG34" s="280">
        <v>0</v>
      </c>
      <c r="BH34" s="277">
        <v>0</v>
      </c>
      <c r="BI34" s="279">
        <v>0</v>
      </c>
      <c r="BJ34" s="280">
        <v>46</v>
      </c>
      <c r="BK34" s="280">
        <v>45</v>
      </c>
      <c r="BL34" s="280">
        <v>24</v>
      </c>
      <c r="BM34" s="280">
        <v>18</v>
      </c>
      <c r="BN34" s="280">
        <v>6</v>
      </c>
      <c r="BO34" s="277">
        <v>139</v>
      </c>
      <c r="BP34" s="282">
        <v>139</v>
      </c>
      <c r="BQ34" s="276">
        <v>2</v>
      </c>
      <c r="BR34" s="280">
        <v>1</v>
      </c>
      <c r="BS34" s="277">
        <v>3</v>
      </c>
      <c r="BT34" s="279">
        <v>0</v>
      </c>
      <c r="BU34" s="280">
        <v>8</v>
      </c>
      <c r="BV34" s="280">
        <v>10</v>
      </c>
      <c r="BW34" s="280">
        <v>6</v>
      </c>
      <c r="BX34" s="280">
        <v>6</v>
      </c>
      <c r="BY34" s="280">
        <v>3</v>
      </c>
      <c r="BZ34" s="277">
        <v>33</v>
      </c>
      <c r="CA34" s="282">
        <v>36</v>
      </c>
      <c r="CB34" s="276">
        <v>0</v>
      </c>
      <c r="CC34" s="280">
        <v>0</v>
      </c>
      <c r="CD34" s="277">
        <v>0</v>
      </c>
      <c r="CE34" s="279">
        <v>0</v>
      </c>
      <c r="CF34" s="280">
        <v>5</v>
      </c>
      <c r="CG34" s="280">
        <v>8</v>
      </c>
      <c r="CH34" s="280">
        <v>10</v>
      </c>
      <c r="CI34" s="280">
        <v>3</v>
      </c>
      <c r="CJ34" s="280">
        <v>6</v>
      </c>
      <c r="CK34" s="277">
        <v>32</v>
      </c>
      <c r="CL34" s="282">
        <v>32</v>
      </c>
      <c r="CM34" s="276">
        <v>0</v>
      </c>
      <c r="CN34" s="280">
        <v>0</v>
      </c>
      <c r="CO34" s="277">
        <v>0</v>
      </c>
      <c r="CP34" s="279">
        <v>0</v>
      </c>
      <c r="CQ34" s="280">
        <v>0</v>
      </c>
      <c r="CR34" s="280">
        <v>1</v>
      </c>
      <c r="CS34" s="280">
        <v>2</v>
      </c>
      <c r="CT34" s="280">
        <v>3</v>
      </c>
      <c r="CU34" s="280">
        <v>1</v>
      </c>
      <c r="CV34" s="277">
        <v>7</v>
      </c>
      <c r="CW34" s="282">
        <v>7</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3</v>
      </c>
      <c r="DU34" s="280">
        <v>36</v>
      </c>
      <c r="DV34" s="277">
        <v>59</v>
      </c>
      <c r="DW34" s="279">
        <v>0</v>
      </c>
      <c r="DX34" s="280">
        <v>73</v>
      </c>
      <c r="DY34" s="280">
        <v>76</v>
      </c>
      <c r="DZ34" s="280">
        <v>50</v>
      </c>
      <c r="EA34" s="280">
        <v>32</v>
      </c>
      <c r="EB34" s="280">
        <v>23</v>
      </c>
      <c r="EC34" s="277">
        <v>254</v>
      </c>
      <c r="ED34" s="282">
        <v>313</v>
      </c>
      <c r="EE34" s="276">
        <v>2</v>
      </c>
      <c r="EF34" s="280">
        <v>3</v>
      </c>
      <c r="EG34" s="277">
        <v>5</v>
      </c>
      <c r="EH34" s="279">
        <v>0</v>
      </c>
      <c r="EI34" s="280">
        <v>7</v>
      </c>
      <c r="EJ34" s="280">
        <v>4</v>
      </c>
      <c r="EK34" s="280">
        <v>4</v>
      </c>
      <c r="EL34" s="280">
        <v>10</v>
      </c>
      <c r="EM34" s="280">
        <v>4</v>
      </c>
      <c r="EN34" s="277">
        <v>29</v>
      </c>
      <c r="EO34" s="282">
        <v>34</v>
      </c>
      <c r="EP34" s="276">
        <v>26</v>
      </c>
      <c r="EQ34" s="280">
        <v>39</v>
      </c>
      <c r="ER34" s="277">
        <v>65</v>
      </c>
      <c r="ES34" s="279">
        <v>0</v>
      </c>
      <c r="ET34" s="280">
        <v>133</v>
      </c>
      <c r="EU34" s="280">
        <v>112</v>
      </c>
      <c r="EV34" s="280">
        <v>56</v>
      </c>
      <c r="EW34" s="280">
        <v>33</v>
      </c>
      <c r="EX34" s="280">
        <v>25</v>
      </c>
      <c r="EY34" s="277">
        <v>359</v>
      </c>
      <c r="EZ34" s="282">
        <v>424</v>
      </c>
    </row>
    <row r="35" spans="2:156" ht="21" customHeight="1" x14ac:dyDescent="0.2">
      <c r="B35" s="261" t="s">
        <v>33</v>
      </c>
      <c r="C35" s="276">
        <v>0</v>
      </c>
      <c r="D35" s="280">
        <v>0</v>
      </c>
      <c r="E35" s="384">
        <v>0</v>
      </c>
      <c r="F35" s="279">
        <v>0</v>
      </c>
      <c r="G35" s="280">
        <v>21</v>
      </c>
      <c r="H35" s="280">
        <v>15</v>
      </c>
      <c r="I35" s="280">
        <v>11</v>
      </c>
      <c r="J35" s="280">
        <v>6</v>
      </c>
      <c r="K35" s="280">
        <v>9</v>
      </c>
      <c r="L35" s="281">
        <v>62</v>
      </c>
      <c r="M35" s="282">
        <v>62</v>
      </c>
      <c r="N35" s="276">
        <v>0</v>
      </c>
      <c r="O35" s="280">
        <v>0</v>
      </c>
      <c r="P35" s="277">
        <v>0</v>
      </c>
      <c r="Q35" s="279">
        <v>0</v>
      </c>
      <c r="R35" s="280">
        <v>0</v>
      </c>
      <c r="S35" s="280">
        <v>0</v>
      </c>
      <c r="T35" s="280">
        <v>3</v>
      </c>
      <c r="U35" s="280">
        <v>5</v>
      </c>
      <c r="V35" s="280">
        <v>4</v>
      </c>
      <c r="W35" s="277">
        <v>12</v>
      </c>
      <c r="X35" s="282">
        <v>12</v>
      </c>
      <c r="Y35" s="276">
        <v>2</v>
      </c>
      <c r="Z35" s="280">
        <v>2</v>
      </c>
      <c r="AA35" s="277">
        <v>4</v>
      </c>
      <c r="AB35" s="279">
        <v>0</v>
      </c>
      <c r="AC35" s="280">
        <v>17</v>
      </c>
      <c r="AD35" s="280">
        <v>16</v>
      </c>
      <c r="AE35" s="280">
        <v>7</v>
      </c>
      <c r="AF35" s="280">
        <v>7</v>
      </c>
      <c r="AG35" s="280">
        <v>8</v>
      </c>
      <c r="AH35" s="277">
        <v>55</v>
      </c>
      <c r="AI35" s="282">
        <v>59</v>
      </c>
      <c r="AJ35" s="276">
        <v>13</v>
      </c>
      <c r="AK35" s="280">
        <v>20</v>
      </c>
      <c r="AL35" s="277">
        <v>33</v>
      </c>
      <c r="AM35" s="279">
        <v>0</v>
      </c>
      <c r="AN35" s="280">
        <v>34</v>
      </c>
      <c r="AO35" s="280">
        <v>18</v>
      </c>
      <c r="AP35" s="280">
        <v>6</v>
      </c>
      <c r="AQ35" s="280">
        <v>8</v>
      </c>
      <c r="AR35" s="280">
        <v>3</v>
      </c>
      <c r="AS35" s="277">
        <v>69</v>
      </c>
      <c r="AT35" s="282">
        <v>102</v>
      </c>
      <c r="AU35" s="276">
        <v>6</v>
      </c>
      <c r="AV35" s="280">
        <v>8</v>
      </c>
      <c r="AW35" s="277">
        <v>14</v>
      </c>
      <c r="AX35" s="279">
        <v>0</v>
      </c>
      <c r="AY35" s="280">
        <v>25</v>
      </c>
      <c r="AZ35" s="280">
        <v>34</v>
      </c>
      <c r="BA35" s="280">
        <v>28</v>
      </c>
      <c r="BB35" s="280">
        <v>13</v>
      </c>
      <c r="BC35" s="280">
        <v>13</v>
      </c>
      <c r="BD35" s="281">
        <v>113</v>
      </c>
      <c r="BE35" s="282">
        <v>127</v>
      </c>
      <c r="BF35" s="276">
        <v>0</v>
      </c>
      <c r="BG35" s="280">
        <v>0</v>
      </c>
      <c r="BH35" s="277">
        <v>0</v>
      </c>
      <c r="BI35" s="279">
        <v>0</v>
      </c>
      <c r="BJ35" s="280">
        <v>14</v>
      </c>
      <c r="BK35" s="280">
        <v>9</v>
      </c>
      <c r="BL35" s="280">
        <v>1</v>
      </c>
      <c r="BM35" s="280">
        <v>4</v>
      </c>
      <c r="BN35" s="280">
        <v>2</v>
      </c>
      <c r="BO35" s="277">
        <v>30</v>
      </c>
      <c r="BP35" s="282">
        <v>30</v>
      </c>
      <c r="BQ35" s="276">
        <v>7</v>
      </c>
      <c r="BR35" s="280">
        <v>10</v>
      </c>
      <c r="BS35" s="277">
        <v>17</v>
      </c>
      <c r="BT35" s="279">
        <v>0</v>
      </c>
      <c r="BU35" s="280">
        <v>28</v>
      </c>
      <c r="BV35" s="280">
        <v>14</v>
      </c>
      <c r="BW35" s="280">
        <v>8</v>
      </c>
      <c r="BX35" s="280">
        <v>5</v>
      </c>
      <c r="BY35" s="280">
        <v>1</v>
      </c>
      <c r="BZ35" s="277">
        <v>56</v>
      </c>
      <c r="CA35" s="282">
        <v>73</v>
      </c>
      <c r="CB35" s="276">
        <v>0</v>
      </c>
      <c r="CC35" s="280">
        <v>0</v>
      </c>
      <c r="CD35" s="277">
        <v>0</v>
      </c>
      <c r="CE35" s="279">
        <v>0</v>
      </c>
      <c r="CF35" s="280">
        <v>3</v>
      </c>
      <c r="CG35" s="280">
        <v>7</v>
      </c>
      <c r="CH35" s="280">
        <v>1</v>
      </c>
      <c r="CI35" s="280">
        <v>5</v>
      </c>
      <c r="CJ35" s="280">
        <v>0</v>
      </c>
      <c r="CK35" s="277">
        <v>16</v>
      </c>
      <c r="CL35" s="282">
        <v>16</v>
      </c>
      <c r="CM35" s="276">
        <v>0</v>
      </c>
      <c r="CN35" s="280">
        <v>0</v>
      </c>
      <c r="CO35" s="277">
        <v>0</v>
      </c>
      <c r="CP35" s="279">
        <v>0</v>
      </c>
      <c r="CQ35" s="280">
        <v>1</v>
      </c>
      <c r="CR35" s="280">
        <v>0</v>
      </c>
      <c r="CS35" s="280">
        <v>1</v>
      </c>
      <c r="CT35" s="280">
        <v>2</v>
      </c>
      <c r="CU35" s="280">
        <v>0</v>
      </c>
      <c r="CV35" s="277">
        <v>4</v>
      </c>
      <c r="CW35" s="282">
        <v>4</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1</v>
      </c>
      <c r="DP35" s="280">
        <v>0</v>
      </c>
      <c r="DQ35" s="280">
        <v>0</v>
      </c>
      <c r="DR35" s="277">
        <v>1</v>
      </c>
      <c r="DS35" s="282">
        <v>1</v>
      </c>
      <c r="DT35" s="276">
        <v>23</v>
      </c>
      <c r="DU35" s="280">
        <v>35</v>
      </c>
      <c r="DV35" s="277">
        <v>58</v>
      </c>
      <c r="DW35" s="279">
        <v>0</v>
      </c>
      <c r="DX35" s="280">
        <v>58</v>
      </c>
      <c r="DY35" s="280">
        <v>43</v>
      </c>
      <c r="DZ35" s="280">
        <v>30</v>
      </c>
      <c r="EA35" s="280">
        <v>22</v>
      </c>
      <c r="EB35" s="280">
        <v>18</v>
      </c>
      <c r="EC35" s="277">
        <v>171</v>
      </c>
      <c r="ED35" s="282">
        <v>229</v>
      </c>
      <c r="EE35" s="276">
        <v>4</v>
      </c>
      <c r="EF35" s="280">
        <v>5</v>
      </c>
      <c r="EG35" s="277">
        <v>9</v>
      </c>
      <c r="EH35" s="279">
        <v>0</v>
      </c>
      <c r="EI35" s="280">
        <v>15</v>
      </c>
      <c r="EJ35" s="280">
        <v>16</v>
      </c>
      <c r="EK35" s="280">
        <v>10</v>
      </c>
      <c r="EL35" s="280">
        <v>9</v>
      </c>
      <c r="EM35" s="280">
        <v>2</v>
      </c>
      <c r="EN35" s="277">
        <v>52</v>
      </c>
      <c r="EO35" s="282">
        <v>61</v>
      </c>
      <c r="EP35" s="276">
        <v>39</v>
      </c>
      <c r="EQ35" s="280">
        <v>52</v>
      </c>
      <c r="ER35" s="277">
        <v>91</v>
      </c>
      <c r="ES35" s="279">
        <v>0</v>
      </c>
      <c r="ET35" s="280">
        <v>111</v>
      </c>
      <c r="EU35" s="280">
        <v>61</v>
      </c>
      <c r="EV35" s="280">
        <v>35</v>
      </c>
      <c r="EW35" s="280">
        <v>22</v>
      </c>
      <c r="EX35" s="280">
        <v>16</v>
      </c>
      <c r="EY35" s="277">
        <v>245</v>
      </c>
      <c r="EZ35" s="282">
        <v>336</v>
      </c>
    </row>
    <row r="36" spans="2:156" ht="21" customHeight="1" x14ac:dyDescent="0.2">
      <c r="B36" s="261" t="s">
        <v>34</v>
      </c>
      <c r="C36" s="276">
        <v>0</v>
      </c>
      <c r="D36" s="280">
        <v>0</v>
      </c>
      <c r="E36" s="384">
        <v>0</v>
      </c>
      <c r="F36" s="279">
        <v>0</v>
      </c>
      <c r="G36" s="280">
        <v>11</v>
      </c>
      <c r="H36" s="280">
        <v>8</v>
      </c>
      <c r="I36" s="280">
        <v>7</v>
      </c>
      <c r="J36" s="280">
        <v>7</v>
      </c>
      <c r="K36" s="280">
        <v>2</v>
      </c>
      <c r="L36" s="281">
        <v>35</v>
      </c>
      <c r="M36" s="282">
        <v>35</v>
      </c>
      <c r="N36" s="276">
        <v>0</v>
      </c>
      <c r="O36" s="280">
        <v>0</v>
      </c>
      <c r="P36" s="277">
        <v>0</v>
      </c>
      <c r="Q36" s="279">
        <v>0</v>
      </c>
      <c r="R36" s="280">
        <v>0</v>
      </c>
      <c r="S36" s="280">
        <v>1</v>
      </c>
      <c r="T36" s="280">
        <v>0</v>
      </c>
      <c r="U36" s="280">
        <v>3</v>
      </c>
      <c r="V36" s="280">
        <v>4</v>
      </c>
      <c r="W36" s="277">
        <v>8</v>
      </c>
      <c r="X36" s="282">
        <v>8</v>
      </c>
      <c r="Y36" s="276">
        <v>1</v>
      </c>
      <c r="Z36" s="280">
        <v>5</v>
      </c>
      <c r="AA36" s="277">
        <v>6</v>
      </c>
      <c r="AB36" s="279">
        <v>0</v>
      </c>
      <c r="AC36" s="280">
        <v>12</v>
      </c>
      <c r="AD36" s="280">
        <v>12</v>
      </c>
      <c r="AE36" s="280">
        <v>9</v>
      </c>
      <c r="AF36" s="280">
        <v>5</v>
      </c>
      <c r="AG36" s="280">
        <v>4</v>
      </c>
      <c r="AH36" s="277">
        <v>42</v>
      </c>
      <c r="AI36" s="282">
        <v>48</v>
      </c>
      <c r="AJ36" s="276">
        <v>0</v>
      </c>
      <c r="AK36" s="280">
        <v>0</v>
      </c>
      <c r="AL36" s="277">
        <v>0</v>
      </c>
      <c r="AM36" s="279">
        <v>0</v>
      </c>
      <c r="AN36" s="280">
        <v>5</v>
      </c>
      <c r="AO36" s="280">
        <v>4</v>
      </c>
      <c r="AP36" s="280">
        <v>4</v>
      </c>
      <c r="AQ36" s="280">
        <v>1</v>
      </c>
      <c r="AR36" s="280">
        <v>2</v>
      </c>
      <c r="AS36" s="277">
        <v>16</v>
      </c>
      <c r="AT36" s="282">
        <v>16</v>
      </c>
      <c r="AU36" s="276">
        <v>5</v>
      </c>
      <c r="AV36" s="280">
        <v>4</v>
      </c>
      <c r="AW36" s="277">
        <v>9</v>
      </c>
      <c r="AX36" s="279">
        <v>0</v>
      </c>
      <c r="AY36" s="280">
        <v>28</v>
      </c>
      <c r="AZ36" s="280">
        <v>28</v>
      </c>
      <c r="BA36" s="280">
        <v>15</v>
      </c>
      <c r="BB36" s="280">
        <v>19</v>
      </c>
      <c r="BC36" s="280">
        <v>14</v>
      </c>
      <c r="BD36" s="281">
        <v>104</v>
      </c>
      <c r="BE36" s="282">
        <v>113</v>
      </c>
      <c r="BF36" s="276">
        <v>0</v>
      </c>
      <c r="BG36" s="280">
        <v>0</v>
      </c>
      <c r="BH36" s="277">
        <v>0</v>
      </c>
      <c r="BI36" s="279">
        <v>0</v>
      </c>
      <c r="BJ36" s="280">
        <v>30</v>
      </c>
      <c r="BK36" s="280">
        <v>17</v>
      </c>
      <c r="BL36" s="280">
        <v>11</v>
      </c>
      <c r="BM36" s="280">
        <v>12</v>
      </c>
      <c r="BN36" s="280">
        <v>0</v>
      </c>
      <c r="BO36" s="277">
        <v>70</v>
      </c>
      <c r="BP36" s="282">
        <v>70</v>
      </c>
      <c r="BQ36" s="276">
        <v>3</v>
      </c>
      <c r="BR36" s="280">
        <v>3</v>
      </c>
      <c r="BS36" s="277">
        <v>6</v>
      </c>
      <c r="BT36" s="279">
        <v>0</v>
      </c>
      <c r="BU36" s="280">
        <v>9</v>
      </c>
      <c r="BV36" s="280">
        <v>4</v>
      </c>
      <c r="BW36" s="280">
        <v>2</v>
      </c>
      <c r="BX36" s="280">
        <v>4</v>
      </c>
      <c r="BY36" s="280">
        <v>0</v>
      </c>
      <c r="BZ36" s="277">
        <v>19</v>
      </c>
      <c r="CA36" s="282">
        <v>25</v>
      </c>
      <c r="CB36" s="276">
        <v>0</v>
      </c>
      <c r="CC36" s="280">
        <v>0</v>
      </c>
      <c r="CD36" s="277">
        <v>0</v>
      </c>
      <c r="CE36" s="279">
        <v>0</v>
      </c>
      <c r="CF36" s="280">
        <v>4</v>
      </c>
      <c r="CG36" s="280">
        <v>0</v>
      </c>
      <c r="CH36" s="280">
        <v>3</v>
      </c>
      <c r="CI36" s="280">
        <v>1</v>
      </c>
      <c r="CJ36" s="280">
        <v>2</v>
      </c>
      <c r="CK36" s="277">
        <v>10</v>
      </c>
      <c r="CL36" s="282">
        <v>10</v>
      </c>
      <c r="CM36" s="276">
        <v>0</v>
      </c>
      <c r="CN36" s="280">
        <v>0</v>
      </c>
      <c r="CO36" s="277">
        <v>0</v>
      </c>
      <c r="CP36" s="279">
        <v>0</v>
      </c>
      <c r="CQ36" s="280">
        <v>1</v>
      </c>
      <c r="CR36" s="280">
        <v>0</v>
      </c>
      <c r="CS36" s="280">
        <v>0</v>
      </c>
      <c r="CT36" s="280">
        <v>1</v>
      </c>
      <c r="CU36" s="280">
        <v>0</v>
      </c>
      <c r="CV36" s="277">
        <v>2</v>
      </c>
      <c r="CW36" s="282">
        <v>2</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3</v>
      </c>
      <c r="DU36" s="280">
        <v>19</v>
      </c>
      <c r="DV36" s="277">
        <v>32</v>
      </c>
      <c r="DW36" s="279">
        <v>0</v>
      </c>
      <c r="DX36" s="280">
        <v>50</v>
      </c>
      <c r="DY36" s="280">
        <v>45</v>
      </c>
      <c r="DZ36" s="280">
        <v>25</v>
      </c>
      <c r="EA36" s="280">
        <v>24</v>
      </c>
      <c r="EB36" s="280">
        <v>12</v>
      </c>
      <c r="EC36" s="277">
        <v>156</v>
      </c>
      <c r="ED36" s="282">
        <v>188</v>
      </c>
      <c r="EE36" s="276">
        <v>3</v>
      </c>
      <c r="EF36" s="280">
        <v>1</v>
      </c>
      <c r="EG36" s="277">
        <v>4</v>
      </c>
      <c r="EH36" s="279">
        <v>0</v>
      </c>
      <c r="EI36" s="280">
        <v>11</v>
      </c>
      <c r="EJ36" s="280">
        <v>8</v>
      </c>
      <c r="EK36" s="280">
        <v>3</v>
      </c>
      <c r="EL36" s="280">
        <v>5</v>
      </c>
      <c r="EM36" s="280">
        <v>3</v>
      </c>
      <c r="EN36" s="277">
        <v>30</v>
      </c>
      <c r="EO36" s="282">
        <v>34</v>
      </c>
      <c r="EP36" s="276">
        <v>15</v>
      </c>
      <c r="EQ36" s="280">
        <v>22</v>
      </c>
      <c r="ER36" s="277">
        <v>37</v>
      </c>
      <c r="ES36" s="279">
        <v>0</v>
      </c>
      <c r="ET36" s="280">
        <v>80</v>
      </c>
      <c r="EU36" s="280">
        <v>48</v>
      </c>
      <c r="EV36" s="280">
        <v>27</v>
      </c>
      <c r="EW36" s="280">
        <v>23</v>
      </c>
      <c r="EX36" s="280">
        <v>8</v>
      </c>
      <c r="EY36" s="277">
        <v>186</v>
      </c>
      <c r="EZ36" s="282">
        <v>223</v>
      </c>
    </row>
    <row r="37" spans="2:156" ht="21" customHeight="1" x14ac:dyDescent="0.2">
      <c r="B37" s="261" t="s">
        <v>35</v>
      </c>
      <c r="C37" s="276">
        <v>0</v>
      </c>
      <c r="D37" s="280">
        <v>0</v>
      </c>
      <c r="E37" s="384">
        <v>0</v>
      </c>
      <c r="F37" s="279">
        <v>0</v>
      </c>
      <c r="G37" s="280">
        <v>120</v>
      </c>
      <c r="H37" s="280">
        <v>56</v>
      </c>
      <c r="I37" s="280">
        <v>36</v>
      </c>
      <c r="J37" s="280">
        <v>30</v>
      </c>
      <c r="K37" s="280">
        <v>19</v>
      </c>
      <c r="L37" s="281">
        <v>261</v>
      </c>
      <c r="M37" s="282">
        <v>261</v>
      </c>
      <c r="N37" s="276">
        <v>0</v>
      </c>
      <c r="O37" s="280">
        <v>0</v>
      </c>
      <c r="P37" s="277">
        <v>0</v>
      </c>
      <c r="Q37" s="279">
        <v>0</v>
      </c>
      <c r="R37" s="280">
        <v>0</v>
      </c>
      <c r="S37" s="280">
        <v>5</v>
      </c>
      <c r="T37" s="280">
        <v>4</v>
      </c>
      <c r="U37" s="280">
        <v>10</v>
      </c>
      <c r="V37" s="280">
        <v>14</v>
      </c>
      <c r="W37" s="277">
        <v>33</v>
      </c>
      <c r="X37" s="282">
        <v>33</v>
      </c>
      <c r="Y37" s="276">
        <v>0</v>
      </c>
      <c r="Z37" s="280">
        <v>8</v>
      </c>
      <c r="AA37" s="277">
        <v>8</v>
      </c>
      <c r="AB37" s="279">
        <v>0</v>
      </c>
      <c r="AC37" s="280">
        <v>42</v>
      </c>
      <c r="AD37" s="280">
        <v>35</v>
      </c>
      <c r="AE37" s="280">
        <v>22</v>
      </c>
      <c r="AF37" s="280">
        <v>27</v>
      </c>
      <c r="AG37" s="280">
        <v>14</v>
      </c>
      <c r="AH37" s="277">
        <v>140</v>
      </c>
      <c r="AI37" s="282">
        <v>148</v>
      </c>
      <c r="AJ37" s="276">
        <v>2</v>
      </c>
      <c r="AK37" s="280">
        <v>5</v>
      </c>
      <c r="AL37" s="277">
        <v>7</v>
      </c>
      <c r="AM37" s="279">
        <v>0</v>
      </c>
      <c r="AN37" s="280">
        <v>20</v>
      </c>
      <c r="AO37" s="280">
        <v>8</v>
      </c>
      <c r="AP37" s="280">
        <v>7</v>
      </c>
      <c r="AQ37" s="280">
        <v>9</v>
      </c>
      <c r="AR37" s="280">
        <v>4</v>
      </c>
      <c r="AS37" s="277">
        <v>48</v>
      </c>
      <c r="AT37" s="282">
        <v>55</v>
      </c>
      <c r="AU37" s="276">
        <v>20</v>
      </c>
      <c r="AV37" s="280">
        <v>24</v>
      </c>
      <c r="AW37" s="277">
        <v>44</v>
      </c>
      <c r="AX37" s="279">
        <v>0</v>
      </c>
      <c r="AY37" s="280">
        <v>95</v>
      </c>
      <c r="AZ37" s="280">
        <v>84</v>
      </c>
      <c r="BA37" s="280">
        <v>81</v>
      </c>
      <c r="BB37" s="280">
        <v>95</v>
      </c>
      <c r="BC37" s="280">
        <v>42</v>
      </c>
      <c r="BD37" s="281">
        <v>397</v>
      </c>
      <c r="BE37" s="282">
        <v>441</v>
      </c>
      <c r="BF37" s="276">
        <v>0</v>
      </c>
      <c r="BG37" s="280">
        <v>0</v>
      </c>
      <c r="BH37" s="277">
        <v>0</v>
      </c>
      <c r="BI37" s="279">
        <v>0</v>
      </c>
      <c r="BJ37" s="280">
        <v>149</v>
      </c>
      <c r="BK37" s="280">
        <v>90</v>
      </c>
      <c r="BL37" s="280">
        <v>41</v>
      </c>
      <c r="BM37" s="280">
        <v>33</v>
      </c>
      <c r="BN37" s="280">
        <v>15</v>
      </c>
      <c r="BO37" s="277">
        <v>328</v>
      </c>
      <c r="BP37" s="282">
        <v>328</v>
      </c>
      <c r="BQ37" s="276">
        <v>9</v>
      </c>
      <c r="BR37" s="280">
        <v>22</v>
      </c>
      <c r="BS37" s="277">
        <v>31</v>
      </c>
      <c r="BT37" s="279">
        <v>0</v>
      </c>
      <c r="BU37" s="280">
        <v>67</v>
      </c>
      <c r="BV37" s="280">
        <v>25</v>
      </c>
      <c r="BW37" s="280">
        <v>11</v>
      </c>
      <c r="BX37" s="280">
        <v>13</v>
      </c>
      <c r="BY37" s="280">
        <v>1</v>
      </c>
      <c r="BZ37" s="277">
        <v>117</v>
      </c>
      <c r="CA37" s="282">
        <v>148</v>
      </c>
      <c r="CB37" s="276">
        <v>0</v>
      </c>
      <c r="CC37" s="280">
        <v>0</v>
      </c>
      <c r="CD37" s="277">
        <v>0</v>
      </c>
      <c r="CE37" s="279">
        <v>0</v>
      </c>
      <c r="CF37" s="280">
        <v>9</v>
      </c>
      <c r="CG37" s="280">
        <v>9</v>
      </c>
      <c r="CH37" s="280">
        <v>9</v>
      </c>
      <c r="CI37" s="280">
        <v>14</v>
      </c>
      <c r="CJ37" s="280">
        <v>3</v>
      </c>
      <c r="CK37" s="277">
        <v>44</v>
      </c>
      <c r="CL37" s="282">
        <v>44</v>
      </c>
      <c r="CM37" s="276">
        <v>0</v>
      </c>
      <c r="CN37" s="280">
        <v>1</v>
      </c>
      <c r="CO37" s="277">
        <v>1</v>
      </c>
      <c r="CP37" s="279">
        <v>0</v>
      </c>
      <c r="CQ37" s="280">
        <v>2</v>
      </c>
      <c r="CR37" s="280">
        <v>1</v>
      </c>
      <c r="CS37" s="280">
        <v>0</v>
      </c>
      <c r="CT37" s="280">
        <v>3</v>
      </c>
      <c r="CU37" s="280">
        <v>0</v>
      </c>
      <c r="CV37" s="277">
        <v>6</v>
      </c>
      <c r="CW37" s="282">
        <v>7</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43</v>
      </c>
      <c r="DU37" s="280">
        <v>67</v>
      </c>
      <c r="DV37" s="277">
        <v>110</v>
      </c>
      <c r="DW37" s="279">
        <v>0</v>
      </c>
      <c r="DX37" s="280">
        <v>179</v>
      </c>
      <c r="DY37" s="280">
        <v>151</v>
      </c>
      <c r="DZ37" s="280">
        <v>78</v>
      </c>
      <c r="EA37" s="280">
        <v>71</v>
      </c>
      <c r="EB37" s="280">
        <v>40</v>
      </c>
      <c r="EC37" s="277">
        <v>519</v>
      </c>
      <c r="ED37" s="282">
        <v>629</v>
      </c>
      <c r="EE37" s="276">
        <v>19</v>
      </c>
      <c r="EF37" s="280">
        <v>15</v>
      </c>
      <c r="EG37" s="277">
        <v>34</v>
      </c>
      <c r="EH37" s="279">
        <v>0</v>
      </c>
      <c r="EI37" s="280">
        <v>39</v>
      </c>
      <c r="EJ37" s="280">
        <v>25</v>
      </c>
      <c r="EK37" s="280">
        <v>26</v>
      </c>
      <c r="EL37" s="280">
        <v>32</v>
      </c>
      <c r="EM37" s="280">
        <v>7</v>
      </c>
      <c r="EN37" s="277">
        <v>129</v>
      </c>
      <c r="EO37" s="282">
        <v>163</v>
      </c>
      <c r="EP37" s="276">
        <v>49</v>
      </c>
      <c r="EQ37" s="280">
        <v>89</v>
      </c>
      <c r="ER37" s="277">
        <v>138</v>
      </c>
      <c r="ES37" s="279">
        <v>0</v>
      </c>
      <c r="ET37" s="280">
        <v>326</v>
      </c>
      <c r="EU37" s="280">
        <v>195</v>
      </c>
      <c r="EV37" s="280">
        <v>86</v>
      </c>
      <c r="EW37" s="280">
        <v>83</v>
      </c>
      <c r="EX37" s="280">
        <v>40</v>
      </c>
      <c r="EY37" s="277">
        <v>730</v>
      </c>
      <c r="EZ37" s="282">
        <v>868</v>
      </c>
    </row>
    <row r="38" spans="2:156" ht="21" customHeight="1" x14ac:dyDescent="0.2">
      <c r="B38" s="261" t="s">
        <v>36</v>
      </c>
      <c r="C38" s="276">
        <v>0</v>
      </c>
      <c r="D38" s="280">
        <v>0</v>
      </c>
      <c r="E38" s="384">
        <v>0</v>
      </c>
      <c r="F38" s="279">
        <v>0</v>
      </c>
      <c r="G38" s="280">
        <v>63</v>
      </c>
      <c r="H38" s="280">
        <v>64</v>
      </c>
      <c r="I38" s="280">
        <v>31</v>
      </c>
      <c r="J38" s="280">
        <v>39</v>
      </c>
      <c r="K38" s="280">
        <v>27</v>
      </c>
      <c r="L38" s="281">
        <v>224</v>
      </c>
      <c r="M38" s="282">
        <v>224</v>
      </c>
      <c r="N38" s="276">
        <v>0</v>
      </c>
      <c r="O38" s="280">
        <v>0</v>
      </c>
      <c r="P38" s="277">
        <v>0</v>
      </c>
      <c r="Q38" s="279">
        <v>0</v>
      </c>
      <c r="R38" s="280">
        <v>7</v>
      </c>
      <c r="S38" s="280">
        <v>5</v>
      </c>
      <c r="T38" s="280">
        <v>2</v>
      </c>
      <c r="U38" s="280">
        <v>10</v>
      </c>
      <c r="V38" s="280">
        <v>12</v>
      </c>
      <c r="W38" s="277">
        <v>36</v>
      </c>
      <c r="X38" s="282">
        <v>36</v>
      </c>
      <c r="Y38" s="276">
        <v>12</v>
      </c>
      <c r="Z38" s="280">
        <v>23</v>
      </c>
      <c r="AA38" s="277">
        <v>35</v>
      </c>
      <c r="AB38" s="279">
        <v>0</v>
      </c>
      <c r="AC38" s="280">
        <v>56</v>
      </c>
      <c r="AD38" s="280">
        <v>51</v>
      </c>
      <c r="AE38" s="280">
        <v>32</v>
      </c>
      <c r="AF38" s="280">
        <v>31</v>
      </c>
      <c r="AG38" s="280">
        <v>30</v>
      </c>
      <c r="AH38" s="277">
        <v>200</v>
      </c>
      <c r="AI38" s="282">
        <v>235</v>
      </c>
      <c r="AJ38" s="276">
        <v>5</v>
      </c>
      <c r="AK38" s="280">
        <v>10</v>
      </c>
      <c r="AL38" s="277">
        <v>15</v>
      </c>
      <c r="AM38" s="279">
        <v>0</v>
      </c>
      <c r="AN38" s="280">
        <v>15</v>
      </c>
      <c r="AO38" s="280">
        <v>11</v>
      </c>
      <c r="AP38" s="280">
        <v>8</v>
      </c>
      <c r="AQ38" s="280">
        <v>5</v>
      </c>
      <c r="AR38" s="280">
        <v>4</v>
      </c>
      <c r="AS38" s="277">
        <v>43</v>
      </c>
      <c r="AT38" s="282">
        <v>58</v>
      </c>
      <c r="AU38" s="276">
        <v>3</v>
      </c>
      <c r="AV38" s="280">
        <v>5</v>
      </c>
      <c r="AW38" s="277">
        <v>8</v>
      </c>
      <c r="AX38" s="279">
        <v>0</v>
      </c>
      <c r="AY38" s="280">
        <v>36</v>
      </c>
      <c r="AZ38" s="280">
        <v>59</v>
      </c>
      <c r="BA38" s="280">
        <v>64</v>
      </c>
      <c r="BB38" s="280">
        <v>53</v>
      </c>
      <c r="BC38" s="280">
        <v>42</v>
      </c>
      <c r="BD38" s="281">
        <v>254</v>
      </c>
      <c r="BE38" s="282">
        <v>262</v>
      </c>
      <c r="BF38" s="276">
        <v>0</v>
      </c>
      <c r="BG38" s="280">
        <v>0</v>
      </c>
      <c r="BH38" s="277">
        <v>0</v>
      </c>
      <c r="BI38" s="279">
        <v>0</v>
      </c>
      <c r="BJ38" s="280">
        <v>82</v>
      </c>
      <c r="BK38" s="280">
        <v>94</v>
      </c>
      <c r="BL38" s="280">
        <v>39</v>
      </c>
      <c r="BM38" s="280">
        <v>28</v>
      </c>
      <c r="BN38" s="280">
        <v>16</v>
      </c>
      <c r="BO38" s="277">
        <v>259</v>
      </c>
      <c r="BP38" s="282">
        <v>259</v>
      </c>
      <c r="BQ38" s="276">
        <v>5</v>
      </c>
      <c r="BR38" s="280">
        <v>7</v>
      </c>
      <c r="BS38" s="277">
        <v>12</v>
      </c>
      <c r="BT38" s="279">
        <v>0</v>
      </c>
      <c r="BU38" s="280">
        <v>26</v>
      </c>
      <c r="BV38" s="280">
        <v>25</v>
      </c>
      <c r="BW38" s="280">
        <v>16</v>
      </c>
      <c r="BX38" s="280">
        <v>5</v>
      </c>
      <c r="BY38" s="280">
        <v>2</v>
      </c>
      <c r="BZ38" s="277">
        <v>74</v>
      </c>
      <c r="CA38" s="282">
        <v>86</v>
      </c>
      <c r="CB38" s="276">
        <v>0</v>
      </c>
      <c r="CC38" s="280">
        <v>1</v>
      </c>
      <c r="CD38" s="277">
        <v>1</v>
      </c>
      <c r="CE38" s="279">
        <v>0</v>
      </c>
      <c r="CF38" s="280">
        <v>14</v>
      </c>
      <c r="CG38" s="280">
        <v>23</v>
      </c>
      <c r="CH38" s="280">
        <v>22</v>
      </c>
      <c r="CI38" s="280">
        <v>12</v>
      </c>
      <c r="CJ38" s="280">
        <v>11</v>
      </c>
      <c r="CK38" s="277">
        <v>82</v>
      </c>
      <c r="CL38" s="282">
        <v>83</v>
      </c>
      <c r="CM38" s="276">
        <v>0</v>
      </c>
      <c r="CN38" s="280">
        <v>0</v>
      </c>
      <c r="CO38" s="277">
        <v>0</v>
      </c>
      <c r="CP38" s="279">
        <v>0</v>
      </c>
      <c r="CQ38" s="280">
        <v>0</v>
      </c>
      <c r="CR38" s="280">
        <v>1</v>
      </c>
      <c r="CS38" s="280">
        <v>0</v>
      </c>
      <c r="CT38" s="280">
        <v>1</v>
      </c>
      <c r="CU38" s="280">
        <v>1</v>
      </c>
      <c r="CV38" s="277">
        <v>3</v>
      </c>
      <c r="CW38" s="282">
        <v>3</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7</v>
      </c>
      <c r="DU38" s="280">
        <v>97</v>
      </c>
      <c r="DV38" s="277">
        <v>134</v>
      </c>
      <c r="DW38" s="279">
        <v>0</v>
      </c>
      <c r="DX38" s="280">
        <v>159</v>
      </c>
      <c r="DY38" s="280">
        <v>170</v>
      </c>
      <c r="DZ38" s="280">
        <v>97</v>
      </c>
      <c r="EA38" s="280">
        <v>90</v>
      </c>
      <c r="EB38" s="280">
        <v>47</v>
      </c>
      <c r="EC38" s="277">
        <v>563</v>
      </c>
      <c r="ED38" s="282">
        <v>697</v>
      </c>
      <c r="EE38" s="276">
        <v>2</v>
      </c>
      <c r="EF38" s="280">
        <v>0</v>
      </c>
      <c r="EG38" s="277">
        <v>2</v>
      </c>
      <c r="EH38" s="279">
        <v>0</v>
      </c>
      <c r="EI38" s="280">
        <v>7</v>
      </c>
      <c r="EJ38" s="280">
        <v>17</v>
      </c>
      <c r="EK38" s="280">
        <v>12</v>
      </c>
      <c r="EL38" s="280">
        <v>10</v>
      </c>
      <c r="EM38" s="280">
        <v>2</v>
      </c>
      <c r="EN38" s="277">
        <v>48</v>
      </c>
      <c r="EO38" s="282">
        <v>50</v>
      </c>
      <c r="EP38" s="276">
        <v>50</v>
      </c>
      <c r="EQ38" s="280">
        <v>115</v>
      </c>
      <c r="ER38" s="277">
        <v>165</v>
      </c>
      <c r="ES38" s="279">
        <v>0</v>
      </c>
      <c r="ET38" s="280">
        <v>277</v>
      </c>
      <c r="EU38" s="280">
        <v>234</v>
      </c>
      <c r="EV38" s="280">
        <v>117</v>
      </c>
      <c r="EW38" s="280">
        <v>101</v>
      </c>
      <c r="EX38" s="280">
        <v>57</v>
      </c>
      <c r="EY38" s="277">
        <v>786</v>
      </c>
      <c r="EZ38" s="282">
        <v>951</v>
      </c>
    </row>
    <row r="39" spans="2:156" ht="21" customHeight="1" thickBot="1" x14ac:dyDescent="0.25">
      <c r="B39" s="262" t="s">
        <v>37</v>
      </c>
      <c r="C39" s="283">
        <v>0</v>
      </c>
      <c r="D39" s="287">
        <v>0</v>
      </c>
      <c r="E39" s="385">
        <v>0</v>
      </c>
      <c r="F39" s="286">
        <v>0</v>
      </c>
      <c r="G39" s="287">
        <v>1</v>
      </c>
      <c r="H39" s="287">
        <v>6</v>
      </c>
      <c r="I39" s="287">
        <v>5</v>
      </c>
      <c r="J39" s="287">
        <v>1</v>
      </c>
      <c r="K39" s="287">
        <v>3</v>
      </c>
      <c r="L39" s="288">
        <v>16</v>
      </c>
      <c r="M39" s="289">
        <v>16</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4</v>
      </c>
      <c r="AD39" s="287">
        <v>3</v>
      </c>
      <c r="AE39" s="287">
        <v>4</v>
      </c>
      <c r="AF39" s="287">
        <v>3</v>
      </c>
      <c r="AG39" s="287">
        <v>1</v>
      </c>
      <c r="AH39" s="284">
        <v>15</v>
      </c>
      <c r="AI39" s="289">
        <v>15</v>
      </c>
      <c r="AJ39" s="283">
        <v>0</v>
      </c>
      <c r="AK39" s="287">
        <v>0</v>
      </c>
      <c r="AL39" s="284">
        <v>0</v>
      </c>
      <c r="AM39" s="286">
        <v>0</v>
      </c>
      <c r="AN39" s="287">
        <v>0</v>
      </c>
      <c r="AO39" s="287">
        <v>1</v>
      </c>
      <c r="AP39" s="287">
        <v>0</v>
      </c>
      <c r="AQ39" s="287">
        <v>1</v>
      </c>
      <c r="AR39" s="287">
        <v>0</v>
      </c>
      <c r="AS39" s="284">
        <v>2</v>
      </c>
      <c r="AT39" s="289">
        <v>2</v>
      </c>
      <c r="AU39" s="283">
        <v>1</v>
      </c>
      <c r="AV39" s="287">
        <v>0</v>
      </c>
      <c r="AW39" s="284">
        <v>1</v>
      </c>
      <c r="AX39" s="286">
        <v>0</v>
      </c>
      <c r="AY39" s="287">
        <v>2</v>
      </c>
      <c r="AZ39" s="287">
        <v>1</v>
      </c>
      <c r="BA39" s="287">
        <v>7</v>
      </c>
      <c r="BB39" s="287">
        <v>4</v>
      </c>
      <c r="BC39" s="287">
        <v>2</v>
      </c>
      <c r="BD39" s="288">
        <v>16</v>
      </c>
      <c r="BE39" s="289">
        <v>17</v>
      </c>
      <c r="BF39" s="283">
        <v>0</v>
      </c>
      <c r="BG39" s="287">
        <v>0</v>
      </c>
      <c r="BH39" s="284">
        <v>0</v>
      </c>
      <c r="BI39" s="286">
        <v>0</v>
      </c>
      <c r="BJ39" s="287">
        <v>5</v>
      </c>
      <c r="BK39" s="287">
        <v>6</v>
      </c>
      <c r="BL39" s="287">
        <v>7</v>
      </c>
      <c r="BM39" s="287">
        <v>1</v>
      </c>
      <c r="BN39" s="287">
        <v>1</v>
      </c>
      <c r="BO39" s="284">
        <v>20</v>
      </c>
      <c r="BP39" s="289">
        <v>20</v>
      </c>
      <c r="BQ39" s="283">
        <v>0</v>
      </c>
      <c r="BR39" s="287">
        <v>0</v>
      </c>
      <c r="BS39" s="284">
        <v>0</v>
      </c>
      <c r="BT39" s="286">
        <v>0</v>
      </c>
      <c r="BU39" s="287">
        <v>7</v>
      </c>
      <c r="BV39" s="287">
        <v>1</v>
      </c>
      <c r="BW39" s="287">
        <v>3</v>
      </c>
      <c r="BX39" s="287">
        <v>2</v>
      </c>
      <c r="BY39" s="287">
        <v>0</v>
      </c>
      <c r="BZ39" s="284">
        <v>13</v>
      </c>
      <c r="CA39" s="289">
        <v>13</v>
      </c>
      <c r="CB39" s="283">
        <v>0</v>
      </c>
      <c r="CC39" s="287">
        <v>0</v>
      </c>
      <c r="CD39" s="284">
        <v>0</v>
      </c>
      <c r="CE39" s="286">
        <v>0</v>
      </c>
      <c r="CF39" s="287">
        <v>2</v>
      </c>
      <c r="CG39" s="287">
        <v>0</v>
      </c>
      <c r="CH39" s="287">
        <v>3</v>
      </c>
      <c r="CI39" s="287">
        <v>0</v>
      </c>
      <c r="CJ39" s="287">
        <v>1</v>
      </c>
      <c r="CK39" s="284">
        <v>6</v>
      </c>
      <c r="CL39" s="289">
        <v>6</v>
      </c>
      <c r="CM39" s="283">
        <v>0</v>
      </c>
      <c r="CN39" s="287">
        <v>0</v>
      </c>
      <c r="CO39" s="284">
        <v>0</v>
      </c>
      <c r="CP39" s="286">
        <v>0</v>
      </c>
      <c r="CQ39" s="287">
        <v>1</v>
      </c>
      <c r="CR39" s="287">
        <v>0</v>
      </c>
      <c r="CS39" s="287">
        <v>1</v>
      </c>
      <c r="CT39" s="287">
        <v>0</v>
      </c>
      <c r="CU39" s="287">
        <v>1</v>
      </c>
      <c r="CV39" s="284">
        <v>3</v>
      </c>
      <c r="CW39" s="289">
        <v>3</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18</v>
      </c>
      <c r="DY39" s="287">
        <v>12</v>
      </c>
      <c r="DZ39" s="287">
        <v>20</v>
      </c>
      <c r="EA39" s="287">
        <v>5</v>
      </c>
      <c r="EB39" s="287">
        <v>4</v>
      </c>
      <c r="EC39" s="284">
        <v>59</v>
      </c>
      <c r="ED39" s="289">
        <v>59</v>
      </c>
      <c r="EE39" s="283">
        <v>0</v>
      </c>
      <c r="EF39" s="287">
        <v>0</v>
      </c>
      <c r="EG39" s="284">
        <v>0</v>
      </c>
      <c r="EH39" s="286">
        <v>0</v>
      </c>
      <c r="EI39" s="287">
        <v>0</v>
      </c>
      <c r="EJ39" s="287">
        <v>0</v>
      </c>
      <c r="EK39" s="287">
        <v>0</v>
      </c>
      <c r="EL39" s="287">
        <v>2</v>
      </c>
      <c r="EM39" s="287">
        <v>0</v>
      </c>
      <c r="EN39" s="284">
        <v>2</v>
      </c>
      <c r="EO39" s="289">
        <v>2</v>
      </c>
      <c r="EP39" s="283">
        <v>0</v>
      </c>
      <c r="EQ39" s="287">
        <v>0</v>
      </c>
      <c r="ER39" s="284">
        <v>0</v>
      </c>
      <c r="ES39" s="286">
        <v>0</v>
      </c>
      <c r="ET39" s="287">
        <v>24</v>
      </c>
      <c r="EU39" s="287">
        <v>17</v>
      </c>
      <c r="EV39" s="287">
        <v>23</v>
      </c>
      <c r="EW39" s="287">
        <v>6</v>
      </c>
      <c r="EX39" s="287">
        <v>4</v>
      </c>
      <c r="EY39" s="284">
        <v>74</v>
      </c>
      <c r="EZ39" s="289">
        <v>74</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6">
        <f>第１表!F2</f>
        <v>5</v>
      </c>
      <c r="J1" s="526"/>
      <c r="K1" s="248">
        <f>第１表!G2</f>
        <v>3</v>
      </c>
      <c r="L1" s="530">
        <f>IF(K1&lt;3,K1+12-2,K1-2)</f>
        <v>1</v>
      </c>
      <c r="M1" s="530"/>
    </row>
    <row r="2" spans="2:156" ht="24" customHeight="1" thickBot="1" x14ac:dyDescent="0.25">
      <c r="B2" s="290" t="s">
        <v>131</v>
      </c>
      <c r="G2" s="247"/>
      <c r="H2" s="248"/>
      <c r="J2" s="322"/>
      <c r="K2" s="322"/>
    </row>
    <row r="3" spans="2:156" ht="21" customHeight="1" thickBot="1" x14ac:dyDescent="0.25">
      <c r="B3" s="543"/>
      <c r="C3" s="534" t="s">
        <v>70</v>
      </c>
      <c r="D3" s="535"/>
      <c r="E3" s="535"/>
      <c r="F3" s="535"/>
      <c r="G3" s="535"/>
      <c r="H3" s="535"/>
      <c r="I3" s="535"/>
      <c r="J3" s="535"/>
      <c r="K3" s="535"/>
      <c r="L3" s="535"/>
      <c r="M3" s="536"/>
      <c r="N3" s="534" t="s">
        <v>71</v>
      </c>
      <c r="O3" s="535"/>
      <c r="P3" s="535"/>
      <c r="Q3" s="535"/>
      <c r="R3" s="535"/>
      <c r="S3" s="535"/>
      <c r="T3" s="535"/>
      <c r="U3" s="535"/>
      <c r="V3" s="535"/>
      <c r="W3" s="535"/>
      <c r="X3" s="536"/>
      <c r="Y3" s="534" t="s">
        <v>72</v>
      </c>
      <c r="Z3" s="535"/>
      <c r="AA3" s="535"/>
      <c r="AB3" s="535"/>
      <c r="AC3" s="535"/>
      <c r="AD3" s="535"/>
      <c r="AE3" s="535"/>
      <c r="AF3" s="535"/>
      <c r="AG3" s="535"/>
      <c r="AH3" s="535"/>
      <c r="AI3" s="536"/>
      <c r="AJ3" s="534" t="s">
        <v>73</v>
      </c>
      <c r="AK3" s="535"/>
      <c r="AL3" s="535"/>
      <c r="AM3" s="535"/>
      <c r="AN3" s="535"/>
      <c r="AO3" s="535"/>
      <c r="AP3" s="535"/>
      <c r="AQ3" s="535"/>
      <c r="AR3" s="535"/>
      <c r="AS3" s="535"/>
      <c r="AT3" s="536"/>
      <c r="AU3" s="534" t="s">
        <v>74</v>
      </c>
      <c r="AV3" s="535"/>
      <c r="AW3" s="535"/>
      <c r="AX3" s="535"/>
      <c r="AY3" s="535"/>
      <c r="AZ3" s="535"/>
      <c r="BA3" s="535"/>
      <c r="BB3" s="535"/>
      <c r="BC3" s="535"/>
      <c r="BD3" s="535"/>
      <c r="BE3" s="536"/>
      <c r="BF3" s="534" t="s">
        <v>75</v>
      </c>
      <c r="BG3" s="535"/>
      <c r="BH3" s="535"/>
      <c r="BI3" s="535"/>
      <c r="BJ3" s="535"/>
      <c r="BK3" s="535"/>
      <c r="BL3" s="535"/>
      <c r="BM3" s="535"/>
      <c r="BN3" s="535"/>
      <c r="BO3" s="535"/>
      <c r="BP3" s="536"/>
      <c r="BQ3" s="534" t="s">
        <v>76</v>
      </c>
      <c r="BR3" s="535"/>
      <c r="BS3" s="535"/>
      <c r="BT3" s="535"/>
      <c r="BU3" s="535"/>
      <c r="BV3" s="535"/>
      <c r="BW3" s="535"/>
      <c r="BX3" s="535"/>
      <c r="BY3" s="535"/>
      <c r="BZ3" s="535"/>
      <c r="CA3" s="536"/>
      <c r="CB3" s="534" t="s">
        <v>77</v>
      </c>
      <c r="CC3" s="535"/>
      <c r="CD3" s="535"/>
      <c r="CE3" s="535"/>
      <c r="CF3" s="535"/>
      <c r="CG3" s="535"/>
      <c r="CH3" s="535"/>
      <c r="CI3" s="535"/>
      <c r="CJ3" s="535"/>
      <c r="CK3" s="535"/>
      <c r="CL3" s="536"/>
      <c r="CM3" s="534" t="s">
        <v>78</v>
      </c>
      <c r="CN3" s="535"/>
      <c r="CO3" s="535"/>
      <c r="CP3" s="535"/>
      <c r="CQ3" s="535"/>
      <c r="CR3" s="535"/>
      <c r="CS3" s="535"/>
      <c r="CT3" s="535"/>
      <c r="CU3" s="535"/>
      <c r="CV3" s="535"/>
      <c r="CW3" s="536"/>
      <c r="CX3" s="534" t="s">
        <v>79</v>
      </c>
      <c r="CY3" s="535"/>
      <c r="CZ3" s="535"/>
      <c r="DA3" s="535"/>
      <c r="DB3" s="535"/>
      <c r="DC3" s="535"/>
      <c r="DD3" s="535"/>
      <c r="DE3" s="535"/>
      <c r="DF3" s="535"/>
      <c r="DG3" s="535"/>
      <c r="DH3" s="536"/>
      <c r="DI3" s="534" t="s">
        <v>152</v>
      </c>
      <c r="DJ3" s="535"/>
      <c r="DK3" s="535"/>
      <c r="DL3" s="535"/>
      <c r="DM3" s="535"/>
      <c r="DN3" s="535"/>
      <c r="DO3" s="535"/>
      <c r="DP3" s="535"/>
      <c r="DQ3" s="535"/>
      <c r="DR3" s="535"/>
      <c r="DS3" s="536"/>
      <c r="DT3" s="534" t="s">
        <v>80</v>
      </c>
      <c r="DU3" s="535"/>
      <c r="DV3" s="535"/>
      <c r="DW3" s="535"/>
      <c r="DX3" s="535"/>
      <c r="DY3" s="535"/>
      <c r="DZ3" s="535"/>
      <c r="EA3" s="535"/>
      <c r="EB3" s="535"/>
      <c r="EC3" s="535"/>
      <c r="ED3" s="536"/>
      <c r="EE3" s="534" t="s">
        <v>68</v>
      </c>
      <c r="EF3" s="535"/>
      <c r="EG3" s="535"/>
      <c r="EH3" s="535"/>
      <c r="EI3" s="535"/>
      <c r="EJ3" s="535"/>
      <c r="EK3" s="535"/>
      <c r="EL3" s="535"/>
      <c r="EM3" s="535"/>
      <c r="EN3" s="535"/>
      <c r="EO3" s="536"/>
      <c r="EP3" s="531" t="s">
        <v>69</v>
      </c>
      <c r="EQ3" s="532"/>
      <c r="ER3" s="532"/>
      <c r="ES3" s="532"/>
      <c r="ET3" s="532"/>
      <c r="EU3" s="532"/>
      <c r="EV3" s="532"/>
      <c r="EW3" s="532"/>
      <c r="EX3" s="532"/>
      <c r="EY3" s="532"/>
      <c r="EZ3" s="533"/>
    </row>
    <row r="4" spans="2:156" ht="21" customHeight="1" x14ac:dyDescent="0.2">
      <c r="B4" s="544"/>
      <c r="C4" s="542" t="s">
        <v>61</v>
      </c>
      <c r="D4" s="538"/>
      <c r="E4" s="539"/>
      <c r="F4" s="537" t="s">
        <v>62</v>
      </c>
      <c r="G4" s="538"/>
      <c r="H4" s="538"/>
      <c r="I4" s="538"/>
      <c r="J4" s="538"/>
      <c r="K4" s="538"/>
      <c r="L4" s="546"/>
      <c r="M4" s="540" t="s">
        <v>52</v>
      </c>
      <c r="N4" s="542" t="s">
        <v>61</v>
      </c>
      <c r="O4" s="538"/>
      <c r="P4" s="539"/>
      <c r="Q4" s="537" t="s">
        <v>62</v>
      </c>
      <c r="R4" s="538"/>
      <c r="S4" s="538"/>
      <c r="T4" s="538"/>
      <c r="U4" s="538"/>
      <c r="V4" s="538"/>
      <c r="W4" s="539"/>
      <c r="X4" s="540" t="s">
        <v>52</v>
      </c>
      <c r="Y4" s="542" t="s">
        <v>61</v>
      </c>
      <c r="Z4" s="538"/>
      <c r="AA4" s="539"/>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42" t="s">
        <v>61</v>
      </c>
      <c r="AV4" s="538"/>
      <c r="AW4" s="539"/>
      <c r="AX4" s="537" t="s">
        <v>62</v>
      </c>
      <c r="AY4" s="538"/>
      <c r="AZ4" s="538"/>
      <c r="BA4" s="538"/>
      <c r="BB4" s="538"/>
      <c r="BC4" s="538"/>
      <c r="BD4" s="546"/>
      <c r="BE4" s="540" t="s">
        <v>52</v>
      </c>
      <c r="BF4" s="542" t="s">
        <v>61</v>
      </c>
      <c r="BG4" s="538"/>
      <c r="BH4" s="539"/>
      <c r="BI4" s="537" t="s">
        <v>62</v>
      </c>
      <c r="BJ4" s="538"/>
      <c r="BK4" s="538"/>
      <c r="BL4" s="538"/>
      <c r="BM4" s="538"/>
      <c r="BN4" s="538"/>
      <c r="BO4" s="539"/>
      <c r="BP4" s="540" t="s">
        <v>52</v>
      </c>
      <c r="BQ4" s="542" t="s">
        <v>61</v>
      </c>
      <c r="BR4" s="538"/>
      <c r="BS4" s="539"/>
      <c r="BT4" s="537" t="s">
        <v>62</v>
      </c>
      <c r="BU4" s="538"/>
      <c r="BV4" s="538"/>
      <c r="BW4" s="538"/>
      <c r="BX4" s="538"/>
      <c r="BY4" s="538"/>
      <c r="BZ4" s="539"/>
      <c r="CA4" s="540" t="s">
        <v>52</v>
      </c>
      <c r="CB4" s="542" t="s">
        <v>61</v>
      </c>
      <c r="CC4" s="538"/>
      <c r="CD4" s="539"/>
      <c r="CE4" s="537" t="s">
        <v>62</v>
      </c>
      <c r="CF4" s="538"/>
      <c r="CG4" s="538"/>
      <c r="CH4" s="538"/>
      <c r="CI4" s="538"/>
      <c r="CJ4" s="538"/>
      <c r="CK4" s="539"/>
      <c r="CL4" s="540" t="s">
        <v>52</v>
      </c>
      <c r="CM4" s="542" t="s">
        <v>61</v>
      </c>
      <c r="CN4" s="538"/>
      <c r="CO4" s="539"/>
      <c r="CP4" s="537" t="s">
        <v>62</v>
      </c>
      <c r="CQ4" s="538"/>
      <c r="CR4" s="538"/>
      <c r="CS4" s="538"/>
      <c r="CT4" s="538"/>
      <c r="CU4" s="538"/>
      <c r="CV4" s="539"/>
      <c r="CW4" s="540" t="s">
        <v>52</v>
      </c>
      <c r="CX4" s="542" t="s">
        <v>61</v>
      </c>
      <c r="CY4" s="538"/>
      <c r="CZ4" s="539"/>
      <c r="DA4" s="537" t="s">
        <v>62</v>
      </c>
      <c r="DB4" s="538"/>
      <c r="DC4" s="538"/>
      <c r="DD4" s="538"/>
      <c r="DE4" s="538"/>
      <c r="DF4" s="538"/>
      <c r="DG4" s="539"/>
      <c r="DH4" s="540" t="s">
        <v>52</v>
      </c>
      <c r="DI4" s="542" t="s">
        <v>61</v>
      </c>
      <c r="DJ4" s="538"/>
      <c r="DK4" s="539"/>
      <c r="DL4" s="537" t="s">
        <v>62</v>
      </c>
      <c r="DM4" s="538"/>
      <c r="DN4" s="538"/>
      <c r="DO4" s="538"/>
      <c r="DP4" s="538"/>
      <c r="DQ4" s="538"/>
      <c r="DR4" s="539"/>
      <c r="DS4" s="540" t="s">
        <v>52</v>
      </c>
      <c r="DT4" s="542" t="s">
        <v>61</v>
      </c>
      <c r="DU4" s="538"/>
      <c r="DV4" s="539"/>
      <c r="DW4" s="537" t="s">
        <v>62</v>
      </c>
      <c r="DX4" s="538"/>
      <c r="DY4" s="538"/>
      <c r="DZ4" s="538"/>
      <c r="EA4" s="538"/>
      <c r="EB4" s="538"/>
      <c r="EC4" s="539"/>
      <c r="ED4" s="540" t="s">
        <v>52</v>
      </c>
      <c r="EE4" s="542" t="s">
        <v>61</v>
      </c>
      <c r="EF4" s="538"/>
      <c r="EG4" s="539"/>
      <c r="EH4" s="537" t="s">
        <v>62</v>
      </c>
      <c r="EI4" s="538"/>
      <c r="EJ4" s="538"/>
      <c r="EK4" s="538"/>
      <c r="EL4" s="538"/>
      <c r="EM4" s="538"/>
      <c r="EN4" s="539"/>
      <c r="EO4" s="540" t="s">
        <v>52</v>
      </c>
      <c r="EP4" s="542" t="s">
        <v>61</v>
      </c>
      <c r="EQ4" s="538"/>
      <c r="ER4" s="539"/>
      <c r="ES4" s="537" t="s">
        <v>62</v>
      </c>
      <c r="ET4" s="538"/>
      <c r="EU4" s="538"/>
      <c r="EV4" s="538"/>
      <c r="EW4" s="538"/>
      <c r="EX4" s="538"/>
      <c r="EY4" s="539"/>
      <c r="EZ4" s="540" t="s">
        <v>52</v>
      </c>
    </row>
    <row r="5" spans="2:156" ht="30" customHeight="1" thickBot="1" x14ac:dyDescent="0.25">
      <c r="B5" s="545"/>
      <c r="C5" s="323" t="s">
        <v>43</v>
      </c>
      <c r="D5" s="259" t="s">
        <v>44</v>
      </c>
      <c r="E5" s="382" t="s">
        <v>45</v>
      </c>
      <c r="F5" s="267" t="s">
        <v>83</v>
      </c>
      <c r="G5" s="259" t="s">
        <v>47</v>
      </c>
      <c r="H5" s="259" t="s">
        <v>48</v>
      </c>
      <c r="I5" s="259" t="s">
        <v>49</v>
      </c>
      <c r="J5" s="259" t="s">
        <v>50</v>
      </c>
      <c r="K5" s="259" t="s">
        <v>51</v>
      </c>
      <c r="L5" s="268" t="s">
        <v>45</v>
      </c>
      <c r="M5" s="541"/>
      <c r="N5" s="323" t="s">
        <v>43</v>
      </c>
      <c r="O5" s="259" t="s">
        <v>44</v>
      </c>
      <c r="P5" s="265" t="s">
        <v>45</v>
      </c>
      <c r="Q5" s="267" t="s">
        <v>83</v>
      </c>
      <c r="R5" s="259" t="s">
        <v>47</v>
      </c>
      <c r="S5" s="259" t="s">
        <v>48</v>
      </c>
      <c r="T5" s="259" t="s">
        <v>49</v>
      </c>
      <c r="U5" s="259" t="s">
        <v>50</v>
      </c>
      <c r="V5" s="259" t="s">
        <v>51</v>
      </c>
      <c r="W5" s="265" t="s">
        <v>45</v>
      </c>
      <c r="X5" s="541"/>
      <c r="Y5" s="323" t="s">
        <v>43</v>
      </c>
      <c r="Z5" s="259" t="s">
        <v>44</v>
      </c>
      <c r="AA5" s="265" t="s">
        <v>45</v>
      </c>
      <c r="AB5" s="267" t="s">
        <v>83</v>
      </c>
      <c r="AC5" s="259" t="s">
        <v>47</v>
      </c>
      <c r="AD5" s="259" t="s">
        <v>48</v>
      </c>
      <c r="AE5" s="259" t="s">
        <v>49</v>
      </c>
      <c r="AF5" s="259" t="s">
        <v>50</v>
      </c>
      <c r="AG5" s="259" t="s">
        <v>51</v>
      </c>
      <c r="AH5" s="265" t="s">
        <v>45</v>
      </c>
      <c r="AI5" s="541"/>
      <c r="AJ5" s="323" t="s">
        <v>43</v>
      </c>
      <c r="AK5" s="259" t="s">
        <v>44</v>
      </c>
      <c r="AL5" s="265" t="s">
        <v>45</v>
      </c>
      <c r="AM5" s="267" t="s">
        <v>83</v>
      </c>
      <c r="AN5" s="259" t="s">
        <v>47</v>
      </c>
      <c r="AO5" s="259" t="s">
        <v>48</v>
      </c>
      <c r="AP5" s="259" t="s">
        <v>49</v>
      </c>
      <c r="AQ5" s="259" t="s">
        <v>50</v>
      </c>
      <c r="AR5" s="259" t="s">
        <v>51</v>
      </c>
      <c r="AS5" s="265" t="s">
        <v>45</v>
      </c>
      <c r="AT5" s="541"/>
      <c r="AU5" s="323" t="s">
        <v>43</v>
      </c>
      <c r="AV5" s="259" t="s">
        <v>44</v>
      </c>
      <c r="AW5" s="265" t="s">
        <v>45</v>
      </c>
      <c r="AX5" s="267" t="s">
        <v>83</v>
      </c>
      <c r="AY5" s="259" t="s">
        <v>47</v>
      </c>
      <c r="AZ5" s="259" t="s">
        <v>48</v>
      </c>
      <c r="BA5" s="259" t="s">
        <v>49</v>
      </c>
      <c r="BB5" s="259" t="s">
        <v>50</v>
      </c>
      <c r="BC5" s="259" t="s">
        <v>51</v>
      </c>
      <c r="BD5" s="268" t="s">
        <v>45</v>
      </c>
      <c r="BE5" s="541"/>
      <c r="BF5" s="323" t="s">
        <v>43</v>
      </c>
      <c r="BG5" s="259" t="s">
        <v>44</v>
      </c>
      <c r="BH5" s="265" t="s">
        <v>45</v>
      </c>
      <c r="BI5" s="267" t="s">
        <v>83</v>
      </c>
      <c r="BJ5" s="259" t="s">
        <v>47</v>
      </c>
      <c r="BK5" s="259" t="s">
        <v>48</v>
      </c>
      <c r="BL5" s="259" t="s">
        <v>49</v>
      </c>
      <c r="BM5" s="259" t="s">
        <v>50</v>
      </c>
      <c r="BN5" s="259" t="s">
        <v>51</v>
      </c>
      <c r="BO5" s="265" t="s">
        <v>45</v>
      </c>
      <c r="BP5" s="541"/>
      <c r="BQ5" s="323" t="s">
        <v>43</v>
      </c>
      <c r="BR5" s="259" t="s">
        <v>44</v>
      </c>
      <c r="BS5" s="265" t="s">
        <v>45</v>
      </c>
      <c r="BT5" s="267" t="s">
        <v>83</v>
      </c>
      <c r="BU5" s="259" t="s">
        <v>47</v>
      </c>
      <c r="BV5" s="259" t="s">
        <v>48</v>
      </c>
      <c r="BW5" s="259" t="s">
        <v>49</v>
      </c>
      <c r="BX5" s="259" t="s">
        <v>50</v>
      </c>
      <c r="BY5" s="259" t="s">
        <v>51</v>
      </c>
      <c r="BZ5" s="265" t="s">
        <v>45</v>
      </c>
      <c r="CA5" s="541"/>
      <c r="CB5" s="323" t="s">
        <v>43</v>
      </c>
      <c r="CC5" s="259" t="s">
        <v>44</v>
      </c>
      <c r="CD5" s="265" t="s">
        <v>45</v>
      </c>
      <c r="CE5" s="267" t="s">
        <v>83</v>
      </c>
      <c r="CF5" s="259" t="s">
        <v>47</v>
      </c>
      <c r="CG5" s="259" t="s">
        <v>48</v>
      </c>
      <c r="CH5" s="259" t="s">
        <v>49</v>
      </c>
      <c r="CI5" s="259" t="s">
        <v>50</v>
      </c>
      <c r="CJ5" s="259" t="s">
        <v>51</v>
      </c>
      <c r="CK5" s="265" t="s">
        <v>45</v>
      </c>
      <c r="CL5" s="541"/>
      <c r="CM5" s="323" t="s">
        <v>43</v>
      </c>
      <c r="CN5" s="259" t="s">
        <v>44</v>
      </c>
      <c r="CO5" s="265" t="s">
        <v>45</v>
      </c>
      <c r="CP5" s="267" t="s">
        <v>83</v>
      </c>
      <c r="CQ5" s="259" t="s">
        <v>47</v>
      </c>
      <c r="CR5" s="259" t="s">
        <v>48</v>
      </c>
      <c r="CS5" s="259" t="s">
        <v>49</v>
      </c>
      <c r="CT5" s="259" t="s">
        <v>50</v>
      </c>
      <c r="CU5" s="259" t="s">
        <v>51</v>
      </c>
      <c r="CV5" s="265" t="s">
        <v>45</v>
      </c>
      <c r="CW5" s="541"/>
      <c r="CX5" s="323" t="s">
        <v>43</v>
      </c>
      <c r="CY5" s="259" t="s">
        <v>44</v>
      </c>
      <c r="CZ5" s="265" t="s">
        <v>45</v>
      </c>
      <c r="DA5" s="267" t="s">
        <v>83</v>
      </c>
      <c r="DB5" s="259" t="s">
        <v>47</v>
      </c>
      <c r="DC5" s="259" t="s">
        <v>48</v>
      </c>
      <c r="DD5" s="259" t="s">
        <v>49</v>
      </c>
      <c r="DE5" s="259" t="s">
        <v>50</v>
      </c>
      <c r="DF5" s="259" t="s">
        <v>51</v>
      </c>
      <c r="DG5" s="265" t="s">
        <v>45</v>
      </c>
      <c r="DH5" s="541"/>
      <c r="DI5" s="344" t="s">
        <v>43</v>
      </c>
      <c r="DJ5" s="259" t="s">
        <v>44</v>
      </c>
      <c r="DK5" s="265" t="s">
        <v>45</v>
      </c>
      <c r="DL5" s="267" t="s">
        <v>83</v>
      </c>
      <c r="DM5" s="259" t="s">
        <v>47</v>
      </c>
      <c r="DN5" s="259" t="s">
        <v>48</v>
      </c>
      <c r="DO5" s="259" t="s">
        <v>49</v>
      </c>
      <c r="DP5" s="259" t="s">
        <v>50</v>
      </c>
      <c r="DQ5" s="259" t="s">
        <v>51</v>
      </c>
      <c r="DR5" s="265" t="s">
        <v>45</v>
      </c>
      <c r="DS5" s="541"/>
      <c r="DT5" s="323" t="s">
        <v>43</v>
      </c>
      <c r="DU5" s="259" t="s">
        <v>44</v>
      </c>
      <c r="DV5" s="265" t="s">
        <v>45</v>
      </c>
      <c r="DW5" s="267" t="s">
        <v>83</v>
      </c>
      <c r="DX5" s="259" t="s">
        <v>47</v>
      </c>
      <c r="DY5" s="259" t="s">
        <v>48</v>
      </c>
      <c r="DZ5" s="259" t="s">
        <v>49</v>
      </c>
      <c r="EA5" s="259" t="s">
        <v>50</v>
      </c>
      <c r="EB5" s="259" t="s">
        <v>51</v>
      </c>
      <c r="EC5" s="265" t="s">
        <v>45</v>
      </c>
      <c r="ED5" s="541"/>
      <c r="EE5" s="323" t="s">
        <v>43</v>
      </c>
      <c r="EF5" s="259" t="s">
        <v>44</v>
      </c>
      <c r="EG5" s="265" t="s">
        <v>45</v>
      </c>
      <c r="EH5" s="267" t="s">
        <v>83</v>
      </c>
      <c r="EI5" s="259" t="s">
        <v>47</v>
      </c>
      <c r="EJ5" s="259" t="s">
        <v>48</v>
      </c>
      <c r="EK5" s="259" t="s">
        <v>49</v>
      </c>
      <c r="EL5" s="259" t="s">
        <v>50</v>
      </c>
      <c r="EM5" s="259" t="s">
        <v>51</v>
      </c>
      <c r="EN5" s="265" t="s">
        <v>45</v>
      </c>
      <c r="EO5" s="541"/>
      <c r="EP5" s="323" t="s">
        <v>43</v>
      </c>
      <c r="EQ5" s="259" t="s">
        <v>44</v>
      </c>
      <c r="ER5" s="265" t="s">
        <v>45</v>
      </c>
      <c r="ES5" s="267" t="s">
        <v>83</v>
      </c>
      <c r="ET5" s="259" t="s">
        <v>47</v>
      </c>
      <c r="EU5" s="259" t="s">
        <v>48</v>
      </c>
      <c r="EV5" s="259" t="s">
        <v>49</v>
      </c>
      <c r="EW5" s="259" t="s">
        <v>50</v>
      </c>
      <c r="EX5" s="259" t="s">
        <v>51</v>
      </c>
      <c r="EY5" s="265" t="s">
        <v>45</v>
      </c>
      <c r="EZ5" s="541"/>
    </row>
    <row r="6" spans="2:156" ht="21" customHeight="1" x14ac:dyDescent="0.2">
      <c r="B6" s="260" t="s">
        <v>4</v>
      </c>
      <c r="C6" s="269">
        <v>0</v>
      </c>
      <c r="D6" s="273">
        <v>0</v>
      </c>
      <c r="E6" s="383">
        <v>0</v>
      </c>
      <c r="F6" s="272">
        <v>0</v>
      </c>
      <c r="G6" s="273">
        <v>1231</v>
      </c>
      <c r="H6" s="273">
        <v>1336</v>
      </c>
      <c r="I6" s="273">
        <v>784</v>
      </c>
      <c r="J6" s="273">
        <v>566</v>
      </c>
      <c r="K6" s="273">
        <v>386</v>
      </c>
      <c r="L6" s="274">
        <v>4303</v>
      </c>
      <c r="M6" s="275">
        <v>4303</v>
      </c>
      <c r="N6" s="269">
        <v>0</v>
      </c>
      <c r="O6" s="273">
        <v>0</v>
      </c>
      <c r="P6" s="270">
        <v>0</v>
      </c>
      <c r="Q6" s="272">
        <v>0</v>
      </c>
      <c r="R6" s="273">
        <v>9</v>
      </c>
      <c r="S6" s="273">
        <v>35</v>
      </c>
      <c r="T6" s="273">
        <v>68</v>
      </c>
      <c r="U6" s="273">
        <v>130</v>
      </c>
      <c r="V6" s="273">
        <v>209</v>
      </c>
      <c r="W6" s="270">
        <v>451</v>
      </c>
      <c r="X6" s="275">
        <v>451</v>
      </c>
      <c r="Y6" s="269">
        <v>183</v>
      </c>
      <c r="Z6" s="273">
        <v>383</v>
      </c>
      <c r="AA6" s="270">
        <v>566</v>
      </c>
      <c r="AB6" s="272">
        <v>0</v>
      </c>
      <c r="AC6" s="273">
        <v>941</v>
      </c>
      <c r="AD6" s="273">
        <v>1225</v>
      </c>
      <c r="AE6" s="273">
        <v>750</v>
      </c>
      <c r="AF6" s="273">
        <v>616</v>
      </c>
      <c r="AG6" s="273">
        <v>386</v>
      </c>
      <c r="AH6" s="270">
        <v>3918</v>
      </c>
      <c r="AI6" s="275">
        <v>4484</v>
      </c>
      <c r="AJ6" s="269">
        <v>20</v>
      </c>
      <c r="AK6" s="273">
        <v>46</v>
      </c>
      <c r="AL6" s="270">
        <v>66</v>
      </c>
      <c r="AM6" s="272">
        <v>0</v>
      </c>
      <c r="AN6" s="273">
        <v>65</v>
      </c>
      <c r="AO6" s="273">
        <v>133</v>
      </c>
      <c r="AP6" s="273">
        <v>77</v>
      </c>
      <c r="AQ6" s="273">
        <v>73</v>
      </c>
      <c r="AR6" s="273">
        <v>24</v>
      </c>
      <c r="AS6" s="270">
        <v>372</v>
      </c>
      <c r="AT6" s="275">
        <v>438</v>
      </c>
      <c r="AU6" s="269">
        <v>304</v>
      </c>
      <c r="AV6" s="273">
        <v>329</v>
      </c>
      <c r="AW6" s="270">
        <v>633</v>
      </c>
      <c r="AX6" s="272">
        <v>0</v>
      </c>
      <c r="AY6" s="273">
        <v>1321</v>
      </c>
      <c r="AZ6" s="273">
        <v>1585</v>
      </c>
      <c r="BA6" s="273">
        <v>1437</v>
      </c>
      <c r="BB6" s="273">
        <v>1258</v>
      </c>
      <c r="BC6" s="273">
        <v>871</v>
      </c>
      <c r="BD6" s="274">
        <v>6472</v>
      </c>
      <c r="BE6" s="275">
        <v>7105</v>
      </c>
      <c r="BF6" s="269">
        <v>0</v>
      </c>
      <c r="BG6" s="273">
        <v>0</v>
      </c>
      <c r="BH6" s="270">
        <v>0</v>
      </c>
      <c r="BI6" s="272">
        <v>0</v>
      </c>
      <c r="BJ6" s="273">
        <v>1616</v>
      </c>
      <c r="BK6" s="273">
        <v>1400</v>
      </c>
      <c r="BL6" s="273">
        <v>773</v>
      </c>
      <c r="BM6" s="273">
        <v>361</v>
      </c>
      <c r="BN6" s="273">
        <v>143</v>
      </c>
      <c r="BO6" s="270">
        <v>4293</v>
      </c>
      <c r="BP6" s="275">
        <v>4293</v>
      </c>
      <c r="BQ6" s="269">
        <v>139</v>
      </c>
      <c r="BR6" s="273">
        <v>156</v>
      </c>
      <c r="BS6" s="270">
        <v>295</v>
      </c>
      <c r="BT6" s="272">
        <v>0</v>
      </c>
      <c r="BU6" s="273">
        <v>377</v>
      </c>
      <c r="BV6" s="273">
        <v>507</v>
      </c>
      <c r="BW6" s="273">
        <v>309</v>
      </c>
      <c r="BX6" s="273">
        <v>154</v>
      </c>
      <c r="BY6" s="273">
        <v>55</v>
      </c>
      <c r="BZ6" s="270">
        <v>1402</v>
      </c>
      <c r="CA6" s="275">
        <v>1697</v>
      </c>
      <c r="CB6" s="269">
        <v>8</v>
      </c>
      <c r="CC6" s="273">
        <v>16</v>
      </c>
      <c r="CD6" s="270">
        <v>24</v>
      </c>
      <c r="CE6" s="272">
        <v>0</v>
      </c>
      <c r="CF6" s="273">
        <v>166</v>
      </c>
      <c r="CG6" s="273">
        <v>221</v>
      </c>
      <c r="CH6" s="273">
        <v>294</v>
      </c>
      <c r="CI6" s="273">
        <v>205</v>
      </c>
      <c r="CJ6" s="273">
        <v>90</v>
      </c>
      <c r="CK6" s="270">
        <v>976</v>
      </c>
      <c r="CL6" s="275">
        <v>1000</v>
      </c>
      <c r="CM6" s="269">
        <v>1</v>
      </c>
      <c r="CN6" s="273">
        <v>1</v>
      </c>
      <c r="CO6" s="270">
        <v>2</v>
      </c>
      <c r="CP6" s="272">
        <v>0</v>
      </c>
      <c r="CQ6" s="273">
        <v>13</v>
      </c>
      <c r="CR6" s="273">
        <v>28</v>
      </c>
      <c r="CS6" s="273">
        <v>59</v>
      </c>
      <c r="CT6" s="273">
        <v>37</v>
      </c>
      <c r="CU6" s="273">
        <v>19</v>
      </c>
      <c r="CV6" s="270">
        <v>156</v>
      </c>
      <c r="CW6" s="275">
        <v>158</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14</v>
      </c>
      <c r="DU6" s="273">
        <v>1244</v>
      </c>
      <c r="DV6" s="270">
        <v>1858</v>
      </c>
      <c r="DW6" s="272">
        <v>0</v>
      </c>
      <c r="DX6" s="273">
        <v>1793</v>
      </c>
      <c r="DY6" s="273">
        <v>3068</v>
      </c>
      <c r="DZ6" s="273">
        <v>1880</v>
      </c>
      <c r="EA6" s="273">
        <v>1316</v>
      </c>
      <c r="EB6" s="273">
        <v>738</v>
      </c>
      <c r="EC6" s="270">
        <v>8795</v>
      </c>
      <c r="ED6" s="275">
        <v>10653</v>
      </c>
      <c r="EE6" s="269">
        <v>194</v>
      </c>
      <c r="EF6" s="273">
        <v>131</v>
      </c>
      <c r="EG6" s="270">
        <v>325</v>
      </c>
      <c r="EH6" s="272">
        <v>0</v>
      </c>
      <c r="EI6" s="273">
        <v>550</v>
      </c>
      <c r="EJ6" s="273">
        <v>485</v>
      </c>
      <c r="EK6" s="273">
        <v>467</v>
      </c>
      <c r="EL6" s="273">
        <v>423</v>
      </c>
      <c r="EM6" s="273">
        <v>249</v>
      </c>
      <c r="EN6" s="270">
        <v>2174</v>
      </c>
      <c r="EO6" s="275">
        <v>2499</v>
      </c>
      <c r="EP6" s="269">
        <v>896</v>
      </c>
      <c r="EQ6" s="273">
        <v>1590</v>
      </c>
      <c r="ER6" s="270">
        <v>2486</v>
      </c>
      <c r="ES6" s="272">
        <v>0</v>
      </c>
      <c r="ET6" s="273">
        <v>4283</v>
      </c>
      <c r="EU6" s="273">
        <v>4268</v>
      </c>
      <c r="EV6" s="273">
        <v>2269</v>
      </c>
      <c r="EW6" s="273">
        <v>1411</v>
      </c>
      <c r="EX6" s="273">
        <v>740</v>
      </c>
      <c r="EY6" s="270">
        <v>12971</v>
      </c>
      <c r="EZ6" s="275">
        <v>15457</v>
      </c>
    </row>
    <row r="7" spans="2:156" ht="21" customHeight="1" x14ac:dyDescent="0.2">
      <c r="B7" s="261" t="s">
        <v>5</v>
      </c>
      <c r="C7" s="276">
        <v>0</v>
      </c>
      <c r="D7" s="280">
        <v>0</v>
      </c>
      <c r="E7" s="384">
        <v>0</v>
      </c>
      <c r="F7" s="279">
        <v>0</v>
      </c>
      <c r="G7" s="280">
        <v>502</v>
      </c>
      <c r="H7" s="280">
        <v>652</v>
      </c>
      <c r="I7" s="280">
        <v>363</v>
      </c>
      <c r="J7" s="280">
        <v>240</v>
      </c>
      <c r="K7" s="280">
        <v>178</v>
      </c>
      <c r="L7" s="281">
        <v>1935</v>
      </c>
      <c r="M7" s="282">
        <v>1935</v>
      </c>
      <c r="N7" s="276">
        <v>0</v>
      </c>
      <c r="O7" s="280">
        <v>0</v>
      </c>
      <c r="P7" s="277">
        <v>0</v>
      </c>
      <c r="Q7" s="279">
        <v>0</v>
      </c>
      <c r="R7" s="280">
        <v>3</v>
      </c>
      <c r="S7" s="280">
        <v>13</v>
      </c>
      <c r="T7" s="280">
        <v>27</v>
      </c>
      <c r="U7" s="280">
        <v>55</v>
      </c>
      <c r="V7" s="280">
        <v>91</v>
      </c>
      <c r="W7" s="277">
        <v>189</v>
      </c>
      <c r="X7" s="282">
        <v>189</v>
      </c>
      <c r="Y7" s="276">
        <v>80</v>
      </c>
      <c r="Z7" s="280">
        <v>214</v>
      </c>
      <c r="AA7" s="277">
        <v>294</v>
      </c>
      <c r="AB7" s="279">
        <v>0</v>
      </c>
      <c r="AC7" s="280">
        <v>359</v>
      </c>
      <c r="AD7" s="280">
        <v>640</v>
      </c>
      <c r="AE7" s="280">
        <v>365</v>
      </c>
      <c r="AF7" s="280">
        <v>289</v>
      </c>
      <c r="AG7" s="280">
        <v>174</v>
      </c>
      <c r="AH7" s="277">
        <v>1827</v>
      </c>
      <c r="AI7" s="282">
        <v>2121</v>
      </c>
      <c r="AJ7" s="276">
        <v>7</v>
      </c>
      <c r="AK7" s="280">
        <v>26</v>
      </c>
      <c r="AL7" s="277">
        <v>33</v>
      </c>
      <c r="AM7" s="279">
        <v>0</v>
      </c>
      <c r="AN7" s="280">
        <v>17</v>
      </c>
      <c r="AO7" s="280">
        <v>56</v>
      </c>
      <c r="AP7" s="280">
        <v>33</v>
      </c>
      <c r="AQ7" s="280">
        <v>28</v>
      </c>
      <c r="AR7" s="280">
        <v>9</v>
      </c>
      <c r="AS7" s="277">
        <v>143</v>
      </c>
      <c r="AT7" s="282">
        <v>176</v>
      </c>
      <c r="AU7" s="276">
        <v>138</v>
      </c>
      <c r="AV7" s="280">
        <v>187</v>
      </c>
      <c r="AW7" s="277">
        <v>325</v>
      </c>
      <c r="AX7" s="279">
        <v>0</v>
      </c>
      <c r="AY7" s="280">
        <v>486</v>
      </c>
      <c r="AZ7" s="280">
        <v>712</v>
      </c>
      <c r="BA7" s="280">
        <v>643</v>
      </c>
      <c r="BB7" s="280">
        <v>555</v>
      </c>
      <c r="BC7" s="280">
        <v>393</v>
      </c>
      <c r="BD7" s="281">
        <v>2789</v>
      </c>
      <c r="BE7" s="282">
        <v>3114</v>
      </c>
      <c r="BF7" s="276">
        <v>0</v>
      </c>
      <c r="BG7" s="280">
        <v>0</v>
      </c>
      <c r="BH7" s="277">
        <v>0</v>
      </c>
      <c r="BI7" s="279">
        <v>0</v>
      </c>
      <c r="BJ7" s="280">
        <v>590</v>
      </c>
      <c r="BK7" s="280">
        <v>627</v>
      </c>
      <c r="BL7" s="280">
        <v>310</v>
      </c>
      <c r="BM7" s="280">
        <v>139</v>
      </c>
      <c r="BN7" s="280">
        <v>60</v>
      </c>
      <c r="BO7" s="277">
        <v>1726</v>
      </c>
      <c r="BP7" s="282">
        <v>1726</v>
      </c>
      <c r="BQ7" s="276">
        <v>65</v>
      </c>
      <c r="BR7" s="280">
        <v>80</v>
      </c>
      <c r="BS7" s="277">
        <v>145</v>
      </c>
      <c r="BT7" s="279">
        <v>0</v>
      </c>
      <c r="BU7" s="280">
        <v>132</v>
      </c>
      <c r="BV7" s="280">
        <v>225</v>
      </c>
      <c r="BW7" s="280">
        <v>159</v>
      </c>
      <c r="BX7" s="280">
        <v>72</v>
      </c>
      <c r="BY7" s="280">
        <v>24</v>
      </c>
      <c r="BZ7" s="277">
        <v>612</v>
      </c>
      <c r="CA7" s="282">
        <v>757</v>
      </c>
      <c r="CB7" s="276">
        <v>2</v>
      </c>
      <c r="CC7" s="280">
        <v>8</v>
      </c>
      <c r="CD7" s="277">
        <v>10</v>
      </c>
      <c r="CE7" s="279">
        <v>0</v>
      </c>
      <c r="CF7" s="280">
        <v>53</v>
      </c>
      <c r="CG7" s="280">
        <v>99</v>
      </c>
      <c r="CH7" s="280">
        <v>124</v>
      </c>
      <c r="CI7" s="280">
        <v>85</v>
      </c>
      <c r="CJ7" s="280">
        <v>39</v>
      </c>
      <c r="CK7" s="277">
        <v>400</v>
      </c>
      <c r="CL7" s="282">
        <v>410</v>
      </c>
      <c r="CM7" s="276">
        <v>1</v>
      </c>
      <c r="CN7" s="280">
        <v>0</v>
      </c>
      <c r="CO7" s="277">
        <v>1</v>
      </c>
      <c r="CP7" s="279">
        <v>0</v>
      </c>
      <c r="CQ7" s="280">
        <v>5</v>
      </c>
      <c r="CR7" s="280">
        <v>16</v>
      </c>
      <c r="CS7" s="280">
        <v>36</v>
      </c>
      <c r="CT7" s="280">
        <v>21</v>
      </c>
      <c r="CU7" s="280">
        <v>13</v>
      </c>
      <c r="CV7" s="277">
        <v>91</v>
      </c>
      <c r="CW7" s="282">
        <v>92</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37</v>
      </c>
      <c r="DU7" s="280">
        <v>569</v>
      </c>
      <c r="DV7" s="277">
        <v>806</v>
      </c>
      <c r="DW7" s="279">
        <v>0</v>
      </c>
      <c r="DX7" s="280">
        <v>576</v>
      </c>
      <c r="DY7" s="280">
        <v>1372</v>
      </c>
      <c r="DZ7" s="280">
        <v>820</v>
      </c>
      <c r="EA7" s="280">
        <v>558</v>
      </c>
      <c r="EB7" s="280">
        <v>325</v>
      </c>
      <c r="EC7" s="277">
        <v>3651</v>
      </c>
      <c r="ED7" s="282">
        <v>4457</v>
      </c>
      <c r="EE7" s="276">
        <v>75</v>
      </c>
      <c r="EF7" s="280">
        <v>68</v>
      </c>
      <c r="EG7" s="277">
        <v>143</v>
      </c>
      <c r="EH7" s="279">
        <v>0</v>
      </c>
      <c r="EI7" s="280">
        <v>205</v>
      </c>
      <c r="EJ7" s="280">
        <v>228</v>
      </c>
      <c r="EK7" s="280">
        <v>226</v>
      </c>
      <c r="EL7" s="280">
        <v>192</v>
      </c>
      <c r="EM7" s="280">
        <v>115</v>
      </c>
      <c r="EN7" s="277">
        <v>966</v>
      </c>
      <c r="EO7" s="282">
        <v>1109</v>
      </c>
      <c r="EP7" s="276">
        <v>360</v>
      </c>
      <c r="EQ7" s="280">
        <v>761</v>
      </c>
      <c r="ER7" s="277">
        <v>1121</v>
      </c>
      <c r="ES7" s="279">
        <v>0</v>
      </c>
      <c r="ET7" s="280">
        <v>1552</v>
      </c>
      <c r="EU7" s="280">
        <v>2021</v>
      </c>
      <c r="EV7" s="280">
        <v>1014</v>
      </c>
      <c r="EW7" s="280">
        <v>613</v>
      </c>
      <c r="EX7" s="280">
        <v>327</v>
      </c>
      <c r="EY7" s="277">
        <v>5527</v>
      </c>
      <c r="EZ7" s="282">
        <v>6648</v>
      </c>
    </row>
    <row r="8" spans="2:156" ht="21" customHeight="1" x14ac:dyDescent="0.2">
      <c r="B8" s="261" t="s">
        <v>6</v>
      </c>
      <c r="C8" s="276">
        <v>0</v>
      </c>
      <c r="D8" s="280">
        <v>0</v>
      </c>
      <c r="E8" s="384">
        <v>0</v>
      </c>
      <c r="F8" s="279">
        <v>0</v>
      </c>
      <c r="G8" s="280">
        <v>176</v>
      </c>
      <c r="H8" s="280">
        <v>134</v>
      </c>
      <c r="I8" s="280">
        <v>87</v>
      </c>
      <c r="J8" s="280">
        <v>75</v>
      </c>
      <c r="K8" s="280">
        <v>55</v>
      </c>
      <c r="L8" s="281">
        <v>527</v>
      </c>
      <c r="M8" s="282">
        <v>527</v>
      </c>
      <c r="N8" s="276">
        <v>0</v>
      </c>
      <c r="O8" s="280">
        <v>0</v>
      </c>
      <c r="P8" s="277">
        <v>0</v>
      </c>
      <c r="Q8" s="279">
        <v>0</v>
      </c>
      <c r="R8" s="280">
        <v>1</v>
      </c>
      <c r="S8" s="280">
        <v>4</v>
      </c>
      <c r="T8" s="280">
        <v>5</v>
      </c>
      <c r="U8" s="280">
        <v>14</v>
      </c>
      <c r="V8" s="280">
        <v>30</v>
      </c>
      <c r="W8" s="277">
        <v>54</v>
      </c>
      <c r="X8" s="282">
        <v>54</v>
      </c>
      <c r="Y8" s="276">
        <v>22</v>
      </c>
      <c r="Z8" s="280">
        <v>38</v>
      </c>
      <c r="AA8" s="277">
        <v>60</v>
      </c>
      <c r="AB8" s="279">
        <v>0</v>
      </c>
      <c r="AC8" s="280">
        <v>131</v>
      </c>
      <c r="AD8" s="280">
        <v>135</v>
      </c>
      <c r="AE8" s="280">
        <v>75</v>
      </c>
      <c r="AF8" s="280">
        <v>87</v>
      </c>
      <c r="AG8" s="280">
        <v>62</v>
      </c>
      <c r="AH8" s="277">
        <v>490</v>
      </c>
      <c r="AI8" s="282">
        <v>550</v>
      </c>
      <c r="AJ8" s="276">
        <v>2</v>
      </c>
      <c r="AK8" s="280">
        <v>0</v>
      </c>
      <c r="AL8" s="277">
        <v>2</v>
      </c>
      <c r="AM8" s="279">
        <v>0</v>
      </c>
      <c r="AN8" s="280">
        <v>9</v>
      </c>
      <c r="AO8" s="280">
        <v>16</v>
      </c>
      <c r="AP8" s="280">
        <v>8</v>
      </c>
      <c r="AQ8" s="280">
        <v>10</v>
      </c>
      <c r="AR8" s="280">
        <v>4</v>
      </c>
      <c r="AS8" s="277">
        <v>47</v>
      </c>
      <c r="AT8" s="282">
        <v>49</v>
      </c>
      <c r="AU8" s="276">
        <v>49</v>
      </c>
      <c r="AV8" s="280">
        <v>38</v>
      </c>
      <c r="AW8" s="277">
        <v>87</v>
      </c>
      <c r="AX8" s="279">
        <v>0</v>
      </c>
      <c r="AY8" s="280">
        <v>215</v>
      </c>
      <c r="AZ8" s="280">
        <v>203</v>
      </c>
      <c r="BA8" s="280">
        <v>187</v>
      </c>
      <c r="BB8" s="280">
        <v>183</v>
      </c>
      <c r="BC8" s="280">
        <v>131</v>
      </c>
      <c r="BD8" s="281">
        <v>919</v>
      </c>
      <c r="BE8" s="282">
        <v>1006</v>
      </c>
      <c r="BF8" s="276">
        <v>0</v>
      </c>
      <c r="BG8" s="280">
        <v>0</v>
      </c>
      <c r="BH8" s="277">
        <v>0</v>
      </c>
      <c r="BI8" s="279">
        <v>0</v>
      </c>
      <c r="BJ8" s="280">
        <v>228</v>
      </c>
      <c r="BK8" s="280">
        <v>155</v>
      </c>
      <c r="BL8" s="280">
        <v>83</v>
      </c>
      <c r="BM8" s="280">
        <v>53</v>
      </c>
      <c r="BN8" s="280">
        <v>22</v>
      </c>
      <c r="BO8" s="277">
        <v>541</v>
      </c>
      <c r="BP8" s="282">
        <v>541</v>
      </c>
      <c r="BQ8" s="276">
        <v>8</v>
      </c>
      <c r="BR8" s="280">
        <v>12</v>
      </c>
      <c r="BS8" s="277">
        <v>20</v>
      </c>
      <c r="BT8" s="279">
        <v>0</v>
      </c>
      <c r="BU8" s="280">
        <v>46</v>
      </c>
      <c r="BV8" s="280">
        <v>56</v>
      </c>
      <c r="BW8" s="280">
        <v>35</v>
      </c>
      <c r="BX8" s="280">
        <v>19</v>
      </c>
      <c r="BY8" s="280">
        <v>10</v>
      </c>
      <c r="BZ8" s="277">
        <v>166</v>
      </c>
      <c r="CA8" s="282">
        <v>186</v>
      </c>
      <c r="CB8" s="276">
        <v>1</v>
      </c>
      <c r="CC8" s="280">
        <v>3</v>
      </c>
      <c r="CD8" s="277">
        <v>4</v>
      </c>
      <c r="CE8" s="279">
        <v>0</v>
      </c>
      <c r="CF8" s="280">
        <v>21</v>
      </c>
      <c r="CG8" s="280">
        <v>16</v>
      </c>
      <c r="CH8" s="280">
        <v>28</v>
      </c>
      <c r="CI8" s="280">
        <v>15</v>
      </c>
      <c r="CJ8" s="280">
        <v>10</v>
      </c>
      <c r="CK8" s="277">
        <v>90</v>
      </c>
      <c r="CL8" s="282">
        <v>94</v>
      </c>
      <c r="CM8" s="276">
        <v>0</v>
      </c>
      <c r="CN8" s="280">
        <v>0</v>
      </c>
      <c r="CO8" s="277">
        <v>0</v>
      </c>
      <c r="CP8" s="279">
        <v>0</v>
      </c>
      <c r="CQ8" s="280">
        <v>2</v>
      </c>
      <c r="CR8" s="280">
        <v>2</v>
      </c>
      <c r="CS8" s="280">
        <v>7</v>
      </c>
      <c r="CT8" s="280">
        <v>8</v>
      </c>
      <c r="CU8" s="280">
        <v>3</v>
      </c>
      <c r="CV8" s="277">
        <v>22</v>
      </c>
      <c r="CW8" s="282">
        <v>22</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5</v>
      </c>
      <c r="DU8" s="280">
        <v>118</v>
      </c>
      <c r="DV8" s="277">
        <v>203</v>
      </c>
      <c r="DW8" s="279">
        <v>0</v>
      </c>
      <c r="DX8" s="280">
        <v>259</v>
      </c>
      <c r="DY8" s="280">
        <v>330</v>
      </c>
      <c r="DZ8" s="280">
        <v>206</v>
      </c>
      <c r="EA8" s="280">
        <v>190</v>
      </c>
      <c r="EB8" s="280">
        <v>119</v>
      </c>
      <c r="EC8" s="277">
        <v>1104</v>
      </c>
      <c r="ED8" s="282">
        <v>1307</v>
      </c>
      <c r="EE8" s="276">
        <v>35</v>
      </c>
      <c r="EF8" s="280">
        <v>19</v>
      </c>
      <c r="EG8" s="277">
        <v>54</v>
      </c>
      <c r="EH8" s="279">
        <v>0</v>
      </c>
      <c r="EI8" s="280">
        <v>83</v>
      </c>
      <c r="EJ8" s="280">
        <v>61</v>
      </c>
      <c r="EK8" s="280">
        <v>66</v>
      </c>
      <c r="EL8" s="280">
        <v>54</v>
      </c>
      <c r="EM8" s="280">
        <v>31</v>
      </c>
      <c r="EN8" s="277">
        <v>295</v>
      </c>
      <c r="EO8" s="282">
        <v>349</v>
      </c>
      <c r="EP8" s="276">
        <v>108</v>
      </c>
      <c r="EQ8" s="280">
        <v>149</v>
      </c>
      <c r="ER8" s="277">
        <v>257</v>
      </c>
      <c r="ES8" s="279">
        <v>0</v>
      </c>
      <c r="ET8" s="280">
        <v>590</v>
      </c>
      <c r="EU8" s="280">
        <v>439</v>
      </c>
      <c r="EV8" s="280">
        <v>242</v>
      </c>
      <c r="EW8" s="280">
        <v>192</v>
      </c>
      <c r="EX8" s="280">
        <v>115</v>
      </c>
      <c r="EY8" s="277">
        <v>1578</v>
      </c>
      <c r="EZ8" s="282">
        <v>1835</v>
      </c>
    </row>
    <row r="9" spans="2:156" ht="21" customHeight="1" x14ac:dyDescent="0.2">
      <c r="B9" s="261" t="s">
        <v>14</v>
      </c>
      <c r="C9" s="276">
        <v>0</v>
      </c>
      <c r="D9" s="280">
        <v>0</v>
      </c>
      <c r="E9" s="384">
        <v>0</v>
      </c>
      <c r="F9" s="279">
        <v>0</v>
      </c>
      <c r="G9" s="280">
        <v>64</v>
      </c>
      <c r="H9" s="280">
        <v>99</v>
      </c>
      <c r="I9" s="280">
        <v>54</v>
      </c>
      <c r="J9" s="280">
        <v>24</v>
      </c>
      <c r="K9" s="280">
        <v>17</v>
      </c>
      <c r="L9" s="281">
        <v>258</v>
      </c>
      <c r="M9" s="282">
        <v>258</v>
      </c>
      <c r="N9" s="276">
        <v>0</v>
      </c>
      <c r="O9" s="280">
        <v>0</v>
      </c>
      <c r="P9" s="277">
        <v>0</v>
      </c>
      <c r="Q9" s="279">
        <v>0</v>
      </c>
      <c r="R9" s="280">
        <v>0</v>
      </c>
      <c r="S9" s="280">
        <v>1</v>
      </c>
      <c r="T9" s="280">
        <v>2</v>
      </c>
      <c r="U9" s="280">
        <v>3</v>
      </c>
      <c r="V9" s="280">
        <v>10</v>
      </c>
      <c r="W9" s="277">
        <v>16</v>
      </c>
      <c r="X9" s="282">
        <v>16</v>
      </c>
      <c r="Y9" s="276">
        <v>5</v>
      </c>
      <c r="Z9" s="280">
        <v>25</v>
      </c>
      <c r="AA9" s="277">
        <v>30</v>
      </c>
      <c r="AB9" s="279">
        <v>0</v>
      </c>
      <c r="AC9" s="280">
        <v>53</v>
      </c>
      <c r="AD9" s="280">
        <v>89</v>
      </c>
      <c r="AE9" s="280">
        <v>64</v>
      </c>
      <c r="AF9" s="280">
        <v>29</v>
      </c>
      <c r="AG9" s="280">
        <v>20</v>
      </c>
      <c r="AH9" s="277">
        <v>255</v>
      </c>
      <c r="AI9" s="282">
        <v>285</v>
      </c>
      <c r="AJ9" s="276">
        <v>0</v>
      </c>
      <c r="AK9" s="280">
        <v>3</v>
      </c>
      <c r="AL9" s="277">
        <v>3</v>
      </c>
      <c r="AM9" s="279">
        <v>0</v>
      </c>
      <c r="AN9" s="280">
        <v>1</v>
      </c>
      <c r="AO9" s="280">
        <v>1</v>
      </c>
      <c r="AP9" s="280">
        <v>3</v>
      </c>
      <c r="AQ9" s="280">
        <v>4</v>
      </c>
      <c r="AR9" s="280">
        <v>0</v>
      </c>
      <c r="AS9" s="277">
        <v>9</v>
      </c>
      <c r="AT9" s="282">
        <v>12</v>
      </c>
      <c r="AU9" s="276">
        <v>18</v>
      </c>
      <c r="AV9" s="280">
        <v>23</v>
      </c>
      <c r="AW9" s="277">
        <v>41</v>
      </c>
      <c r="AX9" s="279">
        <v>0</v>
      </c>
      <c r="AY9" s="280">
        <v>83</v>
      </c>
      <c r="AZ9" s="280">
        <v>117</v>
      </c>
      <c r="BA9" s="280">
        <v>112</v>
      </c>
      <c r="BB9" s="280">
        <v>75</v>
      </c>
      <c r="BC9" s="280">
        <v>51</v>
      </c>
      <c r="BD9" s="281">
        <v>438</v>
      </c>
      <c r="BE9" s="282">
        <v>479</v>
      </c>
      <c r="BF9" s="276">
        <v>0</v>
      </c>
      <c r="BG9" s="280">
        <v>0</v>
      </c>
      <c r="BH9" s="277">
        <v>0</v>
      </c>
      <c r="BI9" s="279">
        <v>0</v>
      </c>
      <c r="BJ9" s="280">
        <v>126</v>
      </c>
      <c r="BK9" s="280">
        <v>126</v>
      </c>
      <c r="BL9" s="280">
        <v>79</v>
      </c>
      <c r="BM9" s="280">
        <v>28</v>
      </c>
      <c r="BN9" s="280">
        <v>10</v>
      </c>
      <c r="BO9" s="277">
        <v>369</v>
      </c>
      <c r="BP9" s="282">
        <v>369</v>
      </c>
      <c r="BQ9" s="276">
        <v>8</v>
      </c>
      <c r="BR9" s="280">
        <v>10</v>
      </c>
      <c r="BS9" s="277">
        <v>18</v>
      </c>
      <c r="BT9" s="279">
        <v>0</v>
      </c>
      <c r="BU9" s="280">
        <v>13</v>
      </c>
      <c r="BV9" s="280">
        <v>29</v>
      </c>
      <c r="BW9" s="280">
        <v>18</v>
      </c>
      <c r="BX9" s="280">
        <v>11</v>
      </c>
      <c r="BY9" s="280">
        <v>0</v>
      </c>
      <c r="BZ9" s="277">
        <v>71</v>
      </c>
      <c r="CA9" s="282">
        <v>89</v>
      </c>
      <c r="CB9" s="276">
        <v>1</v>
      </c>
      <c r="CC9" s="280">
        <v>1</v>
      </c>
      <c r="CD9" s="277">
        <v>2</v>
      </c>
      <c r="CE9" s="279">
        <v>0</v>
      </c>
      <c r="CF9" s="280">
        <v>10</v>
      </c>
      <c r="CG9" s="280">
        <v>22</v>
      </c>
      <c r="CH9" s="280">
        <v>24</v>
      </c>
      <c r="CI9" s="280">
        <v>9</v>
      </c>
      <c r="CJ9" s="280">
        <v>6</v>
      </c>
      <c r="CK9" s="277">
        <v>71</v>
      </c>
      <c r="CL9" s="282">
        <v>73</v>
      </c>
      <c r="CM9" s="276">
        <v>0</v>
      </c>
      <c r="CN9" s="280">
        <v>0</v>
      </c>
      <c r="CO9" s="277">
        <v>0</v>
      </c>
      <c r="CP9" s="279">
        <v>0</v>
      </c>
      <c r="CQ9" s="280">
        <v>0</v>
      </c>
      <c r="CR9" s="280">
        <v>1</v>
      </c>
      <c r="CS9" s="280">
        <v>0</v>
      </c>
      <c r="CT9" s="280">
        <v>1</v>
      </c>
      <c r="CU9" s="280">
        <v>1</v>
      </c>
      <c r="CV9" s="277">
        <v>3</v>
      </c>
      <c r="CW9" s="282">
        <v>3</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5</v>
      </c>
      <c r="DU9" s="280">
        <v>116</v>
      </c>
      <c r="DV9" s="277">
        <v>151</v>
      </c>
      <c r="DW9" s="279">
        <v>0</v>
      </c>
      <c r="DX9" s="280">
        <v>109</v>
      </c>
      <c r="DY9" s="280">
        <v>263</v>
      </c>
      <c r="DZ9" s="280">
        <v>164</v>
      </c>
      <c r="EA9" s="280">
        <v>82</v>
      </c>
      <c r="EB9" s="280">
        <v>37</v>
      </c>
      <c r="EC9" s="277">
        <v>655</v>
      </c>
      <c r="ED9" s="282">
        <v>806</v>
      </c>
      <c r="EE9" s="276">
        <v>16</v>
      </c>
      <c r="EF9" s="280">
        <v>12</v>
      </c>
      <c r="EG9" s="277">
        <v>28</v>
      </c>
      <c r="EH9" s="279">
        <v>0</v>
      </c>
      <c r="EI9" s="280">
        <v>34</v>
      </c>
      <c r="EJ9" s="280">
        <v>22</v>
      </c>
      <c r="EK9" s="280">
        <v>28</v>
      </c>
      <c r="EL9" s="280">
        <v>19</v>
      </c>
      <c r="EM9" s="280">
        <v>16</v>
      </c>
      <c r="EN9" s="277">
        <v>119</v>
      </c>
      <c r="EO9" s="282">
        <v>147</v>
      </c>
      <c r="EP9" s="276">
        <v>45</v>
      </c>
      <c r="EQ9" s="280">
        <v>127</v>
      </c>
      <c r="ER9" s="277">
        <v>172</v>
      </c>
      <c r="ES9" s="279">
        <v>0</v>
      </c>
      <c r="ET9" s="280">
        <v>282</v>
      </c>
      <c r="EU9" s="280">
        <v>350</v>
      </c>
      <c r="EV9" s="280">
        <v>198</v>
      </c>
      <c r="EW9" s="280">
        <v>84</v>
      </c>
      <c r="EX9" s="280">
        <v>37</v>
      </c>
      <c r="EY9" s="277">
        <v>951</v>
      </c>
      <c r="EZ9" s="282">
        <v>1123</v>
      </c>
    </row>
    <row r="10" spans="2:156" ht="21" customHeight="1" x14ac:dyDescent="0.2">
      <c r="B10" s="261" t="s">
        <v>7</v>
      </c>
      <c r="C10" s="276">
        <v>0</v>
      </c>
      <c r="D10" s="280">
        <v>0</v>
      </c>
      <c r="E10" s="384">
        <v>0</v>
      </c>
      <c r="F10" s="279">
        <v>0</v>
      </c>
      <c r="G10" s="280">
        <v>120</v>
      </c>
      <c r="H10" s="280">
        <v>93</v>
      </c>
      <c r="I10" s="280">
        <v>50</v>
      </c>
      <c r="J10" s="280">
        <v>42</v>
      </c>
      <c r="K10" s="280">
        <v>27</v>
      </c>
      <c r="L10" s="281">
        <v>332</v>
      </c>
      <c r="M10" s="282">
        <v>332</v>
      </c>
      <c r="N10" s="276">
        <v>0</v>
      </c>
      <c r="O10" s="280">
        <v>0</v>
      </c>
      <c r="P10" s="277">
        <v>0</v>
      </c>
      <c r="Q10" s="279">
        <v>0</v>
      </c>
      <c r="R10" s="280">
        <v>2</v>
      </c>
      <c r="S10" s="280">
        <v>7</v>
      </c>
      <c r="T10" s="280">
        <v>12</v>
      </c>
      <c r="U10" s="280">
        <v>18</v>
      </c>
      <c r="V10" s="280">
        <v>13</v>
      </c>
      <c r="W10" s="277">
        <v>52</v>
      </c>
      <c r="X10" s="282">
        <v>52</v>
      </c>
      <c r="Y10" s="276">
        <v>2</v>
      </c>
      <c r="Z10" s="280">
        <v>5</v>
      </c>
      <c r="AA10" s="277">
        <v>7</v>
      </c>
      <c r="AB10" s="279">
        <v>0</v>
      </c>
      <c r="AC10" s="280">
        <v>64</v>
      </c>
      <c r="AD10" s="280">
        <v>50</v>
      </c>
      <c r="AE10" s="280">
        <v>25</v>
      </c>
      <c r="AF10" s="280">
        <v>27</v>
      </c>
      <c r="AG10" s="280">
        <v>19</v>
      </c>
      <c r="AH10" s="277">
        <v>185</v>
      </c>
      <c r="AI10" s="282">
        <v>192</v>
      </c>
      <c r="AJ10" s="276">
        <v>0</v>
      </c>
      <c r="AK10" s="280">
        <v>0</v>
      </c>
      <c r="AL10" s="277">
        <v>0</v>
      </c>
      <c r="AM10" s="279">
        <v>0</v>
      </c>
      <c r="AN10" s="280">
        <v>7</v>
      </c>
      <c r="AO10" s="280">
        <v>5</v>
      </c>
      <c r="AP10" s="280">
        <v>8</v>
      </c>
      <c r="AQ10" s="280">
        <v>7</v>
      </c>
      <c r="AR10" s="280">
        <v>0</v>
      </c>
      <c r="AS10" s="277">
        <v>27</v>
      </c>
      <c r="AT10" s="282">
        <v>27</v>
      </c>
      <c r="AU10" s="276">
        <v>17</v>
      </c>
      <c r="AV10" s="280">
        <v>11</v>
      </c>
      <c r="AW10" s="277">
        <v>28</v>
      </c>
      <c r="AX10" s="279">
        <v>0</v>
      </c>
      <c r="AY10" s="280">
        <v>121</v>
      </c>
      <c r="AZ10" s="280">
        <v>112</v>
      </c>
      <c r="BA10" s="280">
        <v>96</v>
      </c>
      <c r="BB10" s="280">
        <v>85</v>
      </c>
      <c r="BC10" s="280">
        <v>49</v>
      </c>
      <c r="BD10" s="281">
        <v>463</v>
      </c>
      <c r="BE10" s="282">
        <v>491</v>
      </c>
      <c r="BF10" s="276">
        <v>0</v>
      </c>
      <c r="BG10" s="280">
        <v>0</v>
      </c>
      <c r="BH10" s="277">
        <v>0</v>
      </c>
      <c r="BI10" s="279">
        <v>0</v>
      </c>
      <c r="BJ10" s="280">
        <v>153</v>
      </c>
      <c r="BK10" s="280">
        <v>85</v>
      </c>
      <c r="BL10" s="280">
        <v>51</v>
      </c>
      <c r="BM10" s="280">
        <v>18</v>
      </c>
      <c r="BN10" s="280">
        <v>7</v>
      </c>
      <c r="BO10" s="277">
        <v>314</v>
      </c>
      <c r="BP10" s="282">
        <v>314</v>
      </c>
      <c r="BQ10" s="276">
        <v>1</v>
      </c>
      <c r="BR10" s="280">
        <v>1</v>
      </c>
      <c r="BS10" s="277">
        <v>2</v>
      </c>
      <c r="BT10" s="279">
        <v>0</v>
      </c>
      <c r="BU10" s="280">
        <v>25</v>
      </c>
      <c r="BV10" s="280">
        <v>22</v>
      </c>
      <c r="BW10" s="280">
        <v>10</v>
      </c>
      <c r="BX10" s="280">
        <v>3</v>
      </c>
      <c r="BY10" s="280">
        <v>1</v>
      </c>
      <c r="BZ10" s="277">
        <v>61</v>
      </c>
      <c r="CA10" s="282">
        <v>63</v>
      </c>
      <c r="CB10" s="276">
        <v>0</v>
      </c>
      <c r="CC10" s="280">
        <v>0</v>
      </c>
      <c r="CD10" s="277">
        <v>0</v>
      </c>
      <c r="CE10" s="279">
        <v>0</v>
      </c>
      <c r="CF10" s="280">
        <v>25</v>
      </c>
      <c r="CG10" s="280">
        <v>21</v>
      </c>
      <c r="CH10" s="280">
        <v>18</v>
      </c>
      <c r="CI10" s="280">
        <v>14</v>
      </c>
      <c r="CJ10" s="280">
        <v>6</v>
      </c>
      <c r="CK10" s="277">
        <v>84</v>
      </c>
      <c r="CL10" s="282">
        <v>84</v>
      </c>
      <c r="CM10" s="276">
        <v>0</v>
      </c>
      <c r="CN10" s="280">
        <v>0</v>
      </c>
      <c r="CO10" s="277">
        <v>0</v>
      </c>
      <c r="CP10" s="279">
        <v>0</v>
      </c>
      <c r="CQ10" s="280">
        <v>1</v>
      </c>
      <c r="CR10" s="280">
        <v>1</v>
      </c>
      <c r="CS10" s="280">
        <v>1</v>
      </c>
      <c r="CT10" s="280">
        <v>1</v>
      </c>
      <c r="CU10" s="280">
        <v>0</v>
      </c>
      <c r="CV10" s="277">
        <v>4</v>
      </c>
      <c r="CW10" s="282">
        <v>4</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26</v>
      </c>
      <c r="DU10" s="280">
        <v>37</v>
      </c>
      <c r="DV10" s="277">
        <v>63</v>
      </c>
      <c r="DW10" s="279">
        <v>0</v>
      </c>
      <c r="DX10" s="280">
        <v>156</v>
      </c>
      <c r="DY10" s="280">
        <v>214</v>
      </c>
      <c r="DZ10" s="280">
        <v>115</v>
      </c>
      <c r="EA10" s="280">
        <v>78</v>
      </c>
      <c r="EB10" s="280">
        <v>39</v>
      </c>
      <c r="EC10" s="277">
        <v>602</v>
      </c>
      <c r="ED10" s="282">
        <v>665</v>
      </c>
      <c r="EE10" s="276">
        <v>9</v>
      </c>
      <c r="EF10" s="280">
        <v>4</v>
      </c>
      <c r="EG10" s="277">
        <v>13</v>
      </c>
      <c r="EH10" s="279">
        <v>0</v>
      </c>
      <c r="EI10" s="280">
        <v>54</v>
      </c>
      <c r="EJ10" s="280">
        <v>35</v>
      </c>
      <c r="EK10" s="280">
        <v>28</v>
      </c>
      <c r="EL10" s="280">
        <v>29</v>
      </c>
      <c r="EM10" s="280">
        <v>12</v>
      </c>
      <c r="EN10" s="277">
        <v>158</v>
      </c>
      <c r="EO10" s="282">
        <v>171</v>
      </c>
      <c r="EP10" s="276">
        <v>28</v>
      </c>
      <c r="EQ10" s="280">
        <v>41</v>
      </c>
      <c r="ER10" s="277">
        <v>69</v>
      </c>
      <c r="ES10" s="279">
        <v>0</v>
      </c>
      <c r="ET10" s="280">
        <v>396</v>
      </c>
      <c r="EU10" s="280">
        <v>271</v>
      </c>
      <c r="EV10" s="280">
        <v>139</v>
      </c>
      <c r="EW10" s="280">
        <v>85</v>
      </c>
      <c r="EX10" s="280">
        <v>44</v>
      </c>
      <c r="EY10" s="277">
        <v>935</v>
      </c>
      <c r="EZ10" s="282">
        <v>1004</v>
      </c>
    </row>
    <row r="11" spans="2:156" ht="21" customHeight="1" x14ac:dyDescent="0.2">
      <c r="B11" s="261" t="s">
        <v>8</v>
      </c>
      <c r="C11" s="276">
        <v>0</v>
      </c>
      <c r="D11" s="280">
        <v>0</v>
      </c>
      <c r="E11" s="384">
        <v>0</v>
      </c>
      <c r="F11" s="279">
        <v>0</v>
      </c>
      <c r="G11" s="280">
        <v>19</v>
      </c>
      <c r="H11" s="280">
        <v>34</v>
      </c>
      <c r="I11" s="280">
        <v>18</v>
      </c>
      <c r="J11" s="280">
        <v>11</v>
      </c>
      <c r="K11" s="280">
        <v>6</v>
      </c>
      <c r="L11" s="281">
        <v>88</v>
      </c>
      <c r="M11" s="282">
        <v>88</v>
      </c>
      <c r="N11" s="276">
        <v>0</v>
      </c>
      <c r="O11" s="280">
        <v>0</v>
      </c>
      <c r="P11" s="277">
        <v>0</v>
      </c>
      <c r="Q11" s="279">
        <v>0</v>
      </c>
      <c r="R11" s="280">
        <v>0</v>
      </c>
      <c r="S11" s="280">
        <v>1</v>
      </c>
      <c r="T11" s="280">
        <v>1</v>
      </c>
      <c r="U11" s="280">
        <v>3</v>
      </c>
      <c r="V11" s="280">
        <v>6</v>
      </c>
      <c r="W11" s="277">
        <v>11</v>
      </c>
      <c r="X11" s="282">
        <v>11</v>
      </c>
      <c r="Y11" s="276">
        <v>4</v>
      </c>
      <c r="Z11" s="280">
        <v>7</v>
      </c>
      <c r="AA11" s="277">
        <v>11</v>
      </c>
      <c r="AB11" s="279">
        <v>0</v>
      </c>
      <c r="AC11" s="280">
        <v>24</v>
      </c>
      <c r="AD11" s="280">
        <v>25</v>
      </c>
      <c r="AE11" s="280">
        <v>22</v>
      </c>
      <c r="AF11" s="280">
        <v>17</v>
      </c>
      <c r="AG11" s="280">
        <v>12</v>
      </c>
      <c r="AH11" s="277">
        <v>100</v>
      </c>
      <c r="AI11" s="282">
        <v>111</v>
      </c>
      <c r="AJ11" s="276">
        <v>0</v>
      </c>
      <c r="AK11" s="280">
        <v>1</v>
      </c>
      <c r="AL11" s="277">
        <v>1</v>
      </c>
      <c r="AM11" s="279">
        <v>0</v>
      </c>
      <c r="AN11" s="280">
        <v>2</v>
      </c>
      <c r="AO11" s="280">
        <v>2</v>
      </c>
      <c r="AP11" s="280">
        <v>2</v>
      </c>
      <c r="AQ11" s="280">
        <v>3</v>
      </c>
      <c r="AR11" s="280">
        <v>0</v>
      </c>
      <c r="AS11" s="277">
        <v>9</v>
      </c>
      <c r="AT11" s="282">
        <v>10</v>
      </c>
      <c r="AU11" s="276">
        <v>8</v>
      </c>
      <c r="AV11" s="280">
        <v>5</v>
      </c>
      <c r="AW11" s="277">
        <v>13</v>
      </c>
      <c r="AX11" s="279">
        <v>0</v>
      </c>
      <c r="AY11" s="280">
        <v>30</v>
      </c>
      <c r="AZ11" s="280">
        <v>35</v>
      </c>
      <c r="BA11" s="280">
        <v>37</v>
      </c>
      <c r="BB11" s="280">
        <v>27</v>
      </c>
      <c r="BC11" s="280">
        <v>17</v>
      </c>
      <c r="BD11" s="281">
        <v>146</v>
      </c>
      <c r="BE11" s="282">
        <v>159</v>
      </c>
      <c r="BF11" s="276">
        <v>0</v>
      </c>
      <c r="BG11" s="280">
        <v>0</v>
      </c>
      <c r="BH11" s="277">
        <v>0</v>
      </c>
      <c r="BI11" s="279">
        <v>0</v>
      </c>
      <c r="BJ11" s="280">
        <v>36</v>
      </c>
      <c r="BK11" s="280">
        <v>34</v>
      </c>
      <c r="BL11" s="280">
        <v>23</v>
      </c>
      <c r="BM11" s="280">
        <v>8</v>
      </c>
      <c r="BN11" s="280">
        <v>4</v>
      </c>
      <c r="BO11" s="277">
        <v>105</v>
      </c>
      <c r="BP11" s="282">
        <v>105</v>
      </c>
      <c r="BQ11" s="276">
        <v>7</v>
      </c>
      <c r="BR11" s="280">
        <v>3</v>
      </c>
      <c r="BS11" s="277">
        <v>10</v>
      </c>
      <c r="BT11" s="279">
        <v>0</v>
      </c>
      <c r="BU11" s="280">
        <v>9</v>
      </c>
      <c r="BV11" s="280">
        <v>10</v>
      </c>
      <c r="BW11" s="280">
        <v>6</v>
      </c>
      <c r="BX11" s="280">
        <v>2</v>
      </c>
      <c r="BY11" s="280">
        <v>0</v>
      </c>
      <c r="BZ11" s="277">
        <v>27</v>
      </c>
      <c r="CA11" s="282">
        <v>37</v>
      </c>
      <c r="CB11" s="276">
        <v>1</v>
      </c>
      <c r="CC11" s="280">
        <v>0</v>
      </c>
      <c r="CD11" s="277">
        <v>1</v>
      </c>
      <c r="CE11" s="279">
        <v>0</v>
      </c>
      <c r="CF11" s="280">
        <v>4</v>
      </c>
      <c r="CG11" s="280">
        <v>6</v>
      </c>
      <c r="CH11" s="280">
        <v>7</v>
      </c>
      <c r="CI11" s="280">
        <v>6</v>
      </c>
      <c r="CJ11" s="280">
        <v>1</v>
      </c>
      <c r="CK11" s="277">
        <v>24</v>
      </c>
      <c r="CL11" s="282">
        <v>25</v>
      </c>
      <c r="CM11" s="276">
        <v>0</v>
      </c>
      <c r="CN11" s="280">
        <v>0</v>
      </c>
      <c r="CO11" s="277">
        <v>0</v>
      </c>
      <c r="CP11" s="279">
        <v>0</v>
      </c>
      <c r="CQ11" s="280">
        <v>0</v>
      </c>
      <c r="CR11" s="280">
        <v>0</v>
      </c>
      <c r="CS11" s="280">
        <v>1</v>
      </c>
      <c r="CT11" s="280">
        <v>0</v>
      </c>
      <c r="CU11" s="280">
        <v>0</v>
      </c>
      <c r="CV11" s="277">
        <v>1</v>
      </c>
      <c r="CW11" s="282">
        <v>1</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8</v>
      </c>
      <c r="DU11" s="280">
        <v>21</v>
      </c>
      <c r="DV11" s="277">
        <v>39</v>
      </c>
      <c r="DW11" s="279">
        <v>0</v>
      </c>
      <c r="DX11" s="280">
        <v>59</v>
      </c>
      <c r="DY11" s="280">
        <v>89</v>
      </c>
      <c r="DZ11" s="280">
        <v>54</v>
      </c>
      <c r="EA11" s="280">
        <v>33</v>
      </c>
      <c r="EB11" s="280">
        <v>17</v>
      </c>
      <c r="EC11" s="277">
        <v>252</v>
      </c>
      <c r="ED11" s="282">
        <v>291</v>
      </c>
      <c r="EE11" s="276">
        <v>8</v>
      </c>
      <c r="EF11" s="280">
        <v>3</v>
      </c>
      <c r="EG11" s="277">
        <v>11</v>
      </c>
      <c r="EH11" s="279">
        <v>0</v>
      </c>
      <c r="EI11" s="280">
        <v>12</v>
      </c>
      <c r="EJ11" s="280">
        <v>10</v>
      </c>
      <c r="EK11" s="280">
        <v>8</v>
      </c>
      <c r="EL11" s="280">
        <v>6</v>
      </c>
      <c r="EM11" s="280">
        <v>8</v>
      </c>
      <c r="EN11" s="277">
        <v>44</v>
      </c>
      <c r="EO11" s="282">
        <v>55</v>
      </c>
      <c r="EP11" s="276">
        <v>28</v>
      </c>
      <c r="EQ11" s="280">
        <v>30</v>
      </c>
      <c r="ER11" s="277">
        <v>58</v>
      </c>
      <c r="ES11" s="279">
        <v>0</v>
      </c>
      <c r="ET11" s="280">
        <v>114</v>
      </c>
      <c r="EU11" s="280">
        <v>114</v>
      </c>
      <c r="EV11" s="280">
        <v>62</v>
      </c>
      <c r="EW11" s="280">
        <v>34</v>
      </c>
      <c r="EX11" s="280">
        <v>15</v>
      </c>
      <c r="EY11" s="277">
        <v>339</v>
      </c>
      <c r="EZ11" s="282">
        <v>397</v>
      </c>
    </row>
    <row r="12" spans="2:156" ht="21" customHeight="1" x14ac:dyDescent="0.2">
      <c r="B12" s="261" t="s">
        <v>9</v>
      </c>
      <c r="C12" s="276">
        <v>0</v>
      </c>
      <c r="D12" s="280">
        <v>0</v>
      </c>
      <c r="E12" s="384">
        <v>0</v>
      </c>
      <c r="F12" s="279">
        <v>0</v>
      </c>
      <c r="G12" s="280">
        <v>53</v>
      </c>
      <c r="H12" s="280">
        <v>52</v>
      </c>
      <c r="I12" s="280">
        <v>40</v>
      </c>
      <c r="J12" s="280">
        <v>26</v>
      </c>
      <c r="K12" s="280">
        <v>18</v>
      </c>
      <c r="L12" s="281">
        <v>189</v>
      </c>
      <c r="M12" s="282">
        <v>189</v>
      </c>
      <c r="N12" s="276">
        <v>0</v>
      </c>
      <c r="O12" s="280">
        <v>0</v>
      </c>
      <c r="P12" s="277">
        <v>0</v>
      </c>
      <c r="Q12" s="279">
        <v>0</v>
      </c>
      <c r="R12" s="280">
        <v>0</v>
      </c>
      <c r="S12" s="280">
        <v>1</v>
      </c>
      <c r="T12" s="280">
        <v>2</v>
      </c>
      <c r="U12" s="280">
        <v>4</v>
      </c>
      <c r="V12" s="280">
        <v>8</v>
      </c>
      <c r="W12" s="277">
        <v>15</v>
      </c>
      <c r="X12" s="282">
        <v>15</v>
      </c>
      <c r="Y12" s="276">
        <v>4</v>
      </c>
      <c r="Z12" s="280">
        <v>7</v>
      </c>
      <c r="AA12" s="277">
        <v>11</v>
      </c>
      <c r="AB12" s="279">
        <v>0</v>
      </c>
      <c r="AC12" s="280">
        <v>46</v>
      </c>
      <c r="AD12" s="280">
        <v>29</v>
      </c>
      <c r="AE12" s="280">
        <v>28</v>
      </c>
      <c r="AF12" s="280">
        <v>27</v>
      </c>
      <c r="AG12" s="280">
        <v>15</v>
      </c>
      <c r="AH12" s="277">
        <v>145</v>
      </c>
      <c r="AI12" s="282">
        <v>156</v>
      </c>
      <c r="AJ12" s="276">
        <v>0</v>
      </c>
      <c r="AK12" s="280">
        <v>0</v>
      </c>
      <c r="AL12" s="277">
        <v>0</v>
      </c>
      <c r="AM12" s="279">
        <v>0</v>
      </c>
      <c r="AN12" s="280">
        <v>0</v>
      </c>
      <c r="AO12" s="280">
        <v>5</v>
      </c>
      <c r="AP12" s="280">
        <v>6</v>
      </c>
      <c r="AQ12" s="280">
        <v>5</v>
      </c>
      <c r="AR12" s="280">
        <v>3</v>
      </c>
      <c r="AS12" s="277">
        <v>19</v>
      </c>
      <c r="AT12" s="282">
        <v>19</v>
      </c>
      <c r="AU12" s="276">
        <v>14</v>
      </c>
      <c r="AV12" s="280">
        <v>8</v>
      </c>
      <c r="AW12" s="277">
        <v>22</v>
      </c>
      <c r="AX12" s="279">
        <v>0</v>
      </c>
      <c r="AY12" s="280">
        <v>61</v>
      </c>
      <c r="AZ12" s="280">
        <v>45</v>
      </c>
      <c r="BA12" s="280">
        <v>54</v>
      </c>
      <c r="BB12" s="280">
        <v>39</v>
      </c>
      <c r="BC12" s="280">
        <v>32</v>
      </c>
      <c r="BD12" s="281">
        <v>231</v>
      </c>
      <c r="BE12" s="282">
        <v>253</v>
      </c>
      <c r="BF12" s="276">
        <v>0</v>
      </c>
      <c r="BG12" s="280">
        <v>0</v>
      </c>
      <c r="BH12" s="277">
        <v>0</v>
      </c>
      <c r="BI12" s="279">
        <v>0</v>
      </c>
      <c r="BJ12" s="280">
        <v>41</v>
      </c>
      <c r="BK12" s="280">
        <v>42</v>
      </c>
      <c r="BL12" s="280">
        <v>28</v>
      </c>
      <c r="BM12" s="280">
        <v>14</v>
      </c>
      <c r="BN12" s="280">
        <v>4</v>
      </c>
      <c r="BO12" s="277">
        <v>129</v>
      </c>
      <c r="BP12" s="282">
        <v>129</v>
      </c>
      <c r="BQ12" s="276">
        <v>1</v>
      </c>
      <c r="BR12" s="280">
        <v>4</v>
      </c>
      <c r="BS12" s="277">
        <v>5</v>
      </c>
      <c r="BT12" s="279">
        <v>0</v>
      </c>
      <c r="BU12" s="280">
        <v>20</v>
      </c>
      <c r="BV12" s="280">
        <v>17</v>
      </c>
      <c r="BW12" s="280">
        <v>11</v>
      </c>
      <c r="BX12" s="280">
        <v>8</v>
      </c>
      <c r="BY12" s="280">
        <v>2</v>
      </c>
      <c r="BZ12" s="277">
        <v>58</v>
      </c>
      <c r="CA12" s="282">
        <v>63</v>
      </c>
      <c r="CB12" s="276">
        <v>0</v>
      </c>
      <c r="CC12" s="280">
        <v>0</v>
      </c>
      <c r="CD12" s="277">
        <v>0</v>
      </c>
      <c r="CE12" s="279">
        <v>0</v>
      </c>
      <c r="CF12" s="280">
        <v>8</v>
      </c>
      <c r="CG12" s="280">
        <v>4</v>
      </c>
      <c r="CH12" s="280">
        <v>10</v>
      </c>
      <c r="CI12" s="280">
        <v>9</v>
      </c>
      <c r="CJ12" s="280">
        <v>4</v>
      </c>
      <c r="CK12" s="277">
        <v>35</v>
      </c>
      <c r="CL12" s="282">
        <v>35</v>
      </c>
      <c r="CM12" s="276">
        <v>0</v>
      </c>
      <c r="CN12" s="280">
        <v>0</v>
      </c>
      <c r="CO12" s="277">
        <v>0</v>
      </c>
      <c r="CP12" s="279">
        <v>0</v>
      </c>
      <c r="CQ12" s="280">
        <v>0</v>
      </c>
      <c r="CR12" s="280">
        <v>0</v>
      </c>
      <c r="CS12" s="280">
        <v>1</v>
      </c>
      <c r="CT12" s="280">
        <v>1</v>
      </c>
      <c r="CU12" s="280">
        <v>0</v>
      </c>
      <c r="CV12" s="277">
        <v>2</v>
      </c>
      <c r="CW12" s="282">
        <v>2</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3</v>
      </c>
      <c r="DU12" s="280">
        <v>30</v>
      </c>
      <c r="DV12" s="277">
        <v>63</v>
      </c>
      <c r="DW12" s="279">
        <v>0</v>
      </c>
      <c r="DX12" s="280">
        <v>82</v>
      </c>
      <c r="DY12" s="280">
        <v>84</v>
      </c>
      <c r="DZ12" s="280">
        <v>74</v>
      </c>
      <c r="EA12" s="280">
        <v>44</v>
      </c>
      <c r="EB12" s="280">
        <v>32</v>
      </c>
      <c r="EC12" s="277">
        <v>316</v>
      </c>
      <c r="ED12" s="282">
        <v>379</v>
      </c>
      <c r="EE12" s="276">
        <v>8</v>
      </c>
      <c r="EF12" s="280">
        <v>2</v>
      </c>
      <c r="EG12" s="277">
        <v>10</v>
      </c>
      <c r="EH12" s="279">
        <v>0</v>
      </c>
      <c r="EI12" s="280">
        <v>19</v>
      </c>
      <c r="EJ12" s="280">
        <v>15</v>
      </c>
      <c r="EK12" s="280">
        <v>14</v>
      </c>
      <c r="EL12" s="280">
        <v>11</v>
      </c>
      <c r="EM12" s="280">
        <v>11</v>
      </c>
      <c r="EN12" s="277">
        <v>70</v>
      </c>
      <c r="EO12" s="282">
        <v>80</v>
      </c>
      <c r="EP12" s="276">
        <v>34</v>
      </c>
      <c r="EQ12" s="280">
        <v>37</v>
      </c>
      <c r="ER12" s="277">
        <v>71</v>
      </c>
      <c r="ES12" s="279">
        <v>0</v>
      </c>
      <c r="ET12" s="280">
        <v>162</v>
      </c>
      <c r="EU12" s="280">
        <v>122</v>
      </c>
      <c r="EV12" s="280">
        <v>85</v>
      </c>
      <c r="EW12" s="280">
        <v>50</v>
      </c>
      <c r="EX12" s="280">
        <v>31</v>
      </c>
      <c r="EY12" s="277">
        <v>450</v>
      </c>
      <c r="EZ12" s="282">
        <v>521</v>
      </c>
    </row>
    <row r="13" spans="2:156" ht="21" customHeight="1" x14ac:dyDescent="0.2">
      <c r="B13" s="261" t="s">
        <v>10</v>
      </c>
      <c r="C13" s="276">
        <v>0</v>
      </c>
      <c r="D13" s="280">
        <v>0</v>
      </c>
      <c r="E13" s="384">
        <v>0</v>
      </c>
      <c r="F13" s="279">
        <v>0</v>
      </c>
      <c r="G13" s="280">
        <v>95</v>
      </c>
      <c r="H13" s="280">
        <v>52</v>
      </c>
      <c r="I13" s="280">
        <v>31</v>
      </c>
      <c r="J13" s="280">
        <v>37</v>
      </c>
      <c r="K13" s="280">
        <v>14</v>
      </c>
      <c r="L13" s="281">
        <v>229</v>
      </c>
      <c r="M13" s="282">
        <v>229</v>
      </c>
      <c r="N13" s="276">
        <v>0</v>
      </c>
      <c r="O13" s="280">
        <v>0</v>
      </c>
      <c r="P13" s="277">
        <v>0</v>
      </c>
      <c r="Q13" s="279">
        <v>0</v>
      </c>
      <c r="R13" s="280">
        <v>1</v>
      </c>
      <c r="S13" s="280">
        <v>0</v>
      </c>
      <c r="T13" s="280">
        <v>2</v>
      </c>
      <c r="U13" s="280">
        <v>8</v>
      </c>
      <c r="V13" s="280">
        <v>12</v>
      </c>
      <c r="W13" s="277">
        <v>23</v>
      </c>
      <c r="X13" s="282">
        <v>23</v>
      </c>
      <c r="Y13" s="276">
        <v>16</v>
      </c>
      <c r="Z13" s="280">
        <v>18</v>
      </c>
      <c r="AA13" s="277">
        <v>34</v>
      </c>
      <c r="AB13" s="279">
        <v>0</v>
      </c>
      <c r="AC13" s="280">
        <v>58</v>
      </c>
      <c r="AD13" s="280">
        <v>43</v>
      </c>
      <c r="AE13" s="280">
        <v>27</v>
      </c>
      <c r="AF13" s="280">
        <v>27</v>
      </c>
      <c r="AG13" s="280">
        <v>14</v>
      </c>
      <c r="AH13" s="277">
        <v>169</v>
      </c>
      <c r="AI13" s="282">
        <v>203</v>
      </c>
      <c r="AJ13" s="276">
        <v>4</v>
      </c>
      <c r="AK13" s="280">
        <v>2</v>
      </c>
      <c r="AL13" s="277">
        <v>6</v>
      </c>
      <c r="AM13" s="279">
        <v>0</v>
      </c>
      <c r="AN13" s="280">
        <v>8</v>
      </c>
      <c r="AO13" s="280">
        <v>6</v>
      </c>
      <c r="AP13" s="280">
        <v>3</v>
      </c>
      <c r="AQ13" s="280">
        <v>4</v>
      </c>
      <c r="AR13" s="280">
        <v>6</v>
      </c>
      <c r="AS13" s="277">
        <v>27</v>
      </c>
      <c r="AT13" s="282">
        <v>33</v>
      </c>
      <c r="AU13" s="276">
        <v>15</v>
      </c>
      <c r="AV13" s="280">
        <v>14</v>
      </c>
      <c r="AW13" s="277">
        <v>29</v>
      </c>
      <c r="AX13" s="279">
        <v>0</v>
      </c>
      <c r="AY13" s="280">
        <v>84</v>
      </c>
      <c r="AZ13" s="280">
        <v>80</v>
      </c>
      <c r="BA13" s="280">
        <v>67</v>
      </c>
      <c r="BB13" s="280">
        <v>65</v>
      </c>
      <c r="BC13" s="280">
        <v>48</v>
      </c>
      <c r="BD13" s="281">
        <v>344</v>
      </c>
      <c r="BE13" s="282">
        <v>373</v>
      </c>
      <c r="BF13" s="276">
        <v>0</v>
      </c>
      <c r="BG13" s="280">
        <v>0</v>
      </c>
      <c r="BH13" s="277">
        <v>0</v>
      </c>
      <c r="BI13" s="279">
        <v>0</v>
      </c>
      <c r="BJ13" s="280">
        <v>119</v>
      </c>
      <c r="BK13" s="280">
        <v>72</v>
      </c>
      <c r="BL13" s="280">
        <v>38</v>
      </c>
      <c r="BM13" s="280">
        <v>20</v>
      </c>
      <c r="BN13" s="280">
        <v>8</v>
      </c>
      <c r="BO13" s="277">
        <v>257</v>
      </c>
      <c r="BP13" s="282">
        <v>257</v>
      </c>
      <c r="BQ13" s="276">
        <v>3</v>
      </c>
      <c r="BR13" s="280">
        <v>4</v>
      </c>
      <c r="BS13" s="277">
        <v>7</v>
      </c>
      <c r="BT13" s="279">
        <v>0</v>
      </c>
      <c r="BU13" s="280">
        <v>21</v>
      </c>
      <c r="BV13" s="280">
        <v>9</v>
      </c>
      <c r="BW13" s="280">
        <v>7</v>
      </c>
      <c r="BX13" s="280">
        <v>4</v>
      </c>
      <c r="BY13" s="280">
        <v>2</v>
      </c>
      <c r="BZ13" s="277">
        <v>43</v>
      </c>
      <c r="CA13" s="282">
        <v>50</v>
      </c>
      <c r="CB13" s="276">
        <v>1</v>
      </c>
      <c r="CC13" s="280">
        <v>0</v>
      </c>
      <c r="CD13" s="277">
        <v>1</v>
      </c>
      <c r="CE13" s="279">
        <v>0</v>
      </c>
      <c r="CF13" s="280">
        <v>7</v>
      </c>
      <c r="CG13" s="280">
        <v>10</v>
      </c>
      <c r="CH13" s="280">
        <v>15</v>
      </c>
      <c r="CI13" s="280">
        <v>15</v>
      </c>
      <c r="CJ13" s="280">
        <v>2</v>
      </c>
      <c r="CK13" s="277">
        <v>49</v>
      </c>
      <c r="CL13" s="282">
        <v>50</v>
      </c>
      <c r="CM13" s="276">
        <v>0</v>
      </c>
      <c r="CN13" s="280">
        <v>0</v>
      </c>
      <c r="CO13" s="277">
        <v>0</v>
      </c>
      <c r="CP13" s="279">
        <v>0</v>
      </c>
      <c r="CQ13" s="280">
        <v>1</v>
      </c>
      <c r="CR13" s="280">
        <v>2</v>
      </c>
      <c r="CS13" s="280">
        <v>3</v>
      </c>
      <c r="CT13" s="280">
        <v>0</v>
      </c>
      <c r="CU13" s="280">
        <v>0</v>
      </c>
      <c r="CV13" s="277">
        <v>6</v>
      </c>
      <c r="CW13" s="282">
        <v>6</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2</v>
      </c>
      <c r="DU13" s="280">
        <v>78</v>
      </c>
      <c r="DV13" s="277">
        <v>140</v>
      </c>
      <c r="DW13" s="279">
        <v>0</v>
      </c>
      <c r="DX13" s="280">
        <v>139</v>
      </c>
      <c r="DY13" s="280">
        <v>116</v>
      </c>
      <c r="DZ13" s="280">
        <v>74</v>
      </c>
      <c r="EA13" s="280">
        <v>72</v>
      </c>
      <c r="EB13" s="280">
        <v>31</v>
      </c>
      <c r="EC13" s="277">
        <v>432</v>
      </c>
      <c r="ED13" s="282">
        <v>572</v>
      </c>
      <c r="EE13" s="276">
        <v>8</v>
      </c>
      <c r="EF13" s="280">
        <v>2</v>
      </c>
      <c r="EG13" s="277">
        <v>10</v>
      </c>
      <c r="EH13" s="279">
        <v>0</v>
      </c>
      <c r="EI13" s="280">
        <v>31</v>
      </c>
      <c r="EJ13" s="280">
        <v>17</v>
      </c>
      <c r="EK13" s="280">
        <v>16</v>
      </c>
      <c r="EL13" s="280">
        <v>15</v>
      </c>
      <c r="EM13" s="280">
        <v>11</v>
      </c>
      <c r="EN13" s="277">
        <v>90</v>
      </c>
      <c r="EO13" s="282">
        <v>100</v>
      </c>
      <c r="EP13" s="276">
        <v>81</v>
      </c>
      <c r="EQ13" s="280">
        <v>91</v>
      </c>
      <c r="ER13" s="277">
        <v>172</v>
      </c>
      <c r="ES13" s="279">
        <v>0</v>
      </c>
      <c r="ET13" s="280">
        <v>276</v>
      </c>
      <c r="EU13" s="280">
        <v>158</v>
      </c>
      <c r="EV13" s="280">
        <v>81</v>
      </c>
      <c r="EW13" s="280">
        <v>71</v>
      </c>
      <c r="EX13" s="280">
        <v>31</v>
      </c>
      <c r="EY13" s="277">
        <v>617</v>
      </c>
      <c r="EZ13" s="282">
        <v>789</v>
      </c>
    </row>
    <row r="14" spans="2:156" ht="21" customHeight="1" x14ac:dyDescent="0.2">
      <c r="B14" s="261" t="s">
        <v>11</v>
      </c>
      <c r="C14" s="276">
        <v>0</v>
      </c>
      <c r="D14" s="280">
        <v>0</v>
      </c>
      <c r="E14" s="384">
        <v>0</v>
      </c>
      <c r="F14" s="279">
        <v>0</v>
      </c>
      <c r="G14" s="280">
        <v>11</v>
      </c>
      <c r="H14" s="280">
        <v>19</v>
      </c>
      <c r="I14" s="280">
        <v>13</v>
      </c>
      <c r="J14" s="280">
        <v>11</v>
      </c>
      <c r="K14" s="280">
        <v>9</v>
      </c>
      <c r="L14" s="281">
        <v>63</v>
      </c>
      <c r="M14" s="282">
        <v>63</v>
      </c>
      <c r="N14" s="276">
        <v>0</v>
      </c>
      <c r="O14" s="280">
        <v>0</v>
      </c>
      <c r="P14" s="277">
        <v>0</v>
      </c>
      <c r="Q14" s="279">
        <v>0</v>
      </c>
      <c r="R14" s="280">
        <v>0</v>
      </c>
      <c r="S14" s="280">
        <v>1</v>
      </c>
      <c r="T14" s="280">
        <v>1</v>
      </c>
      <c r="U14" s="280">
        <v>4</v>
      </c>
      <c r="V14" s="280">
        <v>5</v>
      </c>
      <c r="W14" s="277">
        <v>11</v>
      </c>
      <c r="X14" s="282">
        <v>11</v>
      </c>
      <c r="Y14" s="276">
        <v>6</v>
      </c>
      <c r="Z14" s="280">
        <v>7</v>
      </c>
      <c r="AA14" s="277">
        <v>13</v>
      </c>
      <c r="AB14" s="279">
        <v>0</v>
      </c>
      <c r="AC14" s="280">
        <v>25</v>
      </c>
      <c r="AD14" s="280">
        <v>15</v>
      </c>
      <c r="AE14" s="280">
        <v>10</v>
      </c>
      <c r="AF14" s="280">
        <v>12</v>
      </c>
      <c r="AG14" s="280">
        <v>10</v>
      </c>
      <c r="AH14" s="277">
        <v>72</v>
      </c>
      <c r="AI14" s="282">
        <v>85</v>
      </c>
      <c r="AJ14" s="276">
        <v>0</v>
      </c>
      <c r="AK14" s="280">
        <v>2</v>
      </c>
      <c r="AL14" s="277">
        <v>2</v>
      </c>
      <c r="AM14" s="279">
        <v>0</v>
      </c>
      <c r="AN14" s="280">
        <v>2</v>
      </c>
      <c r="AO14" s="280">
        <v>1</v>
      </c>
      <c r="AP14" s="280">
        <v>0</v>
      </c>
      <c r="AQ14" s="280">
        <v>3</v>
      </c>
      <c r="AR14" s="280">
        <v>0</v>
      </c>
      <c r="AS14" s="277">
        <v>6</v>
      </c>
      <c r="AT14" s="282">
        <v>8</v>
      </c>
      <c r="AU14" s="276">
        <v>5</v>
      </c>
      <c r="AV14" s="280">
        <v>5</v>
      </c>
      <c r="AW14" s="277">
        <v>10</v>
      </c>
      <c r="AX14" s="279">
        <v>0</v>
      </c>
      <c r="AY14" s="280">
        <v>27</v>
      </c>
      <c r="AZ14" s="280">
        <v>24</v>
      </c>
      <c r="BA14" s="280">
        <v>18</v>
      </c>
      <c r="BB14" s="280">
        <v>24</v>
      </c>
      <c r="BC14" s="280">
        <v>17</v>
      </c>
      <c r="BD14" s="281">
        <v>110</v>
      </c>
      <c r="BE14" s="282">
        <v>120</v>
      </c>
      <c r="BF14" s="276">
        <v>0</v>
      </c>
      <c r="BG14" s="280">
        <v>0</v>
      </c>
      <c r="BH14" s="277">
        <v>0</v>
      </c>
      <c r="BI14" s="279">
        <v>0</v>
      </c>
      <c r="BJ14" s="280">
        <v>34</v>
      </c>
      <c r="BK14" s="280">
        <v>23</v>
      </c>
      <c r="BL14" s="280">
        <v>19</v>
      </c>
      <c r="BM14" s="280">
        <v>9</v>
      </c>
      <c r="BN14" s="280">
        <v>1</v>
      </c>
      <c r="BO14" s="277">
        <v>86</v>
      </c>
      <c r="BP14" s="282">
        <v>86</v>
      </c>
      <c r="BQ14" s="276">
        <v>5</v>
      </c>
      <c r="BR14" s="280">
        <v>4</v>
      </c>
      <c r="BS14" s="277">
        <v>9</v>
      </c>
      <c r="BT14" s="279">
        <v>0</v>
      </c>
      <c r="BU14" s="280">
        <v>23</v>
      </c>
      <c r="BV14" s="280">
        <v>11</v>
      </c>
      <c r="BW14" s="280">
        <v>3</v>
      </c>
      <c r="BX14" s="280">
        <v>7</v>
      </c>
      <c r="BY14" s="280">
        <v>1</v>
      </c>
      <c r="BZ14" s="277">
        <v>45</v>
      </c>
      <c r="CA14" s="282">
        <v>54</v>
      </c>
      <c r="CB14" s="276">
        <v>0</v>
      </c>
      <c r="CC14" s="280">
        <v>0</v>
      </c>
      <c r="CD14" s="277">
        <v>0</v>
      </c>
      <c r="CE14" s="279">
        <v>0</v>
      </c>
      <c r="CF14" s="280">
        <v>4</v>
      </c>
      <c r="CG14" s="280">
        <v>2</v>
      </c>
      <c r="CH14" s="280">
        <v>6</v>
      </c>
      <c r="CI14" s="280">
        <v>2</v>
      </c>
      <c r="CJ14" s="280">
        <v>1</v>
      </c>
      <c r="CK14" s="277">
        <v>15</v>
      </c>
      <c r="CL14" s="282">
        <v>15</v>
      </c>
      <c r="CM14" s="276">
        <v>0</v>
      </c>
      <c r="CN14" s="280">
        <v>0</v>
      </c>
      <c r="CO14" s="277">
        <v>0</v>
      </c>
      <c r="CP14" s="279">
        <v>0</v>
      </c>
      <c r="CQ14" s="280">
        <v>0</v>
      </c>
      <c r="CR14" s="280">
        <v>1</v>
      </c>
      <c r="CS14" s="280">
        <v>0</v>
      </c>
      <c r="CT14" s="280">
        <v>0</v>
      </c>
      <c r="CU14" s="280">
        <v>0</v>
      </c>
      <c r="CV14" s="277">
        <v>1</v>
      </c>
      <c r="CW14" s="282">
        <v>1</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8</v>
      </c>
      <c r="DU14" s="280">
        <v>34</v>
      </c>
      <c r="DV14" s="277">
        <v>52</v>
      </c>
      <c r="DW14" s="279">
        <v>0</v>
      </c>
      <c r="DX14" s="280">
        <v>52</v>
      </c>
      <c r="DY14" s="280">
        <v>46</v>
      </c>
      <c r="DZ14" s="280">
        <v>31</v>
      </c>
      <c r="EA14" s="280">
        <v>28</v>
      </c>
      <c r="EB14" s="280">
        <v>14</v>
      </c>
      <c r="EC14" s="277">
        <v>171</v>
      </c>
      <c r="ED14" s="282">
        <v>223</v>
      </c>
      <c r="EE14" s="276">
        <v>1</v>
      </c>
      <c r="EF14" s="280">
        <v>2</v>
      </c>
      <c r="EG14" s="277">
        <v>3</v>
      </c>
      <c r="EH14" s="279">
        <v>0</v>
      </c>
      <c r="EI14" s="280">
        <v>18</v>
      </c>
      <c r="EJ14" s="280">
        <v>11</v>
      </c>
      <c r="EK14" s="280">
        <v>8</v>
      </c>
      <c r="EL14" s="280">
        <v>13</v>
      </c>
      <c r="EM14" s="280">
        <v>3</v>
      </c>
      <c r="EN14" s="277">
        <v>53</v>
      </c>
      <c r="EO14" s="282">
        <v>56</v>
      </c>
      <c r="EP14" s="276">
        <v>29</v>
      </c>
      <c r="EQ14" s="280">
        <v>38</v>
      </c>
      <c r="ER14" s="277">
        <v>67</v>
      </c>
      <c r="ES14" s="279">
        <v>0</v>
      </c>
      <c r="ET14" s="280">
        <v>94</v>
      </c>
      <c r="EU14" s="280">
        <v>65</v>
      </c>
      <c r="EV14" s="280">
        <v>41</v>
      </c>
      <c r="EW14" s="280">
        <v>30</v>
      </c>
      <c r="EX14" s="280">
        <v>14</v>
      </c>
      <c r="EY14" s="277">
        <v>244</v>
      </c>
      <c r="EZ14" s="282">
        <v>311</v>
      </c>
    </row>
    <row r="15" spans="2:156" ht="21" customHeight="1" x14ac:dyDescent="0.2">
      <c r="B15" s="261" t="s">
        <v>12</v>
      </c>
      <c r="C15" s="276">
        <v>0</v>
      </c>
      <c r="D15" s="280">
        <v>0</v>
      </c>
      <c r="E15" s="384">
        <v>0</v>
      </c>
      <c r="F15" s="279">
        <v>0</v>
      </c>
      <c r="G15" s="280">
        <v>38</v>
      </c>
      <c r="H15" s="280">
        <v>31</v>
      </c>
      <c r="I15" s="280">
        <v>14</v>
      </c>
      <c r="J15" s="280">
        <v>23</v>
      </c>
      <c r="K15" s="280">
        <v>12</v>
      </c>
      <c r="L15" s="281">
        <v>118</v>
      </c>
      <c r="M15" s="282">
        <v>118</v>
      </c>
      <c r="N15" s="276">
        <v>0</v>
      </c>
      <c r="O15" s="280">
        <v>0</v>
      </c>
      <c r="P15" s="277">
        <v>0</v>
      </c>
      <c r="Q15" s="279">
        <v>0</v>
      </c>
      <c r="R15" s="280">
        <v>0</v>
      </c>
      <c r="S15" s="280">
        <v>1</v>
      </c>
      <c r="T15" s="280">
        <v>2</v>
      </c>
      <c r="U15" s="280">
        <v>5</v>
      </c>
      <c r="V15" s="280">
        <v>3</v>
      </c>
      <c r="W15" s="277">
        <v>11</v>
      </c>
      <c r="X15" s="282">
        <v>11</v>
      </c>
      <c r="Y15" s="276">
        <v>18</v>
      </c>
      <c r="Z15" s="280">
        <v>20</v>
      </c>
      <c r="AA15" s="277">
        <v>38</v>
      </c>
      <c r="AB15" s="279">
        <v>0</v>
      </c>
      <c r="AC15" s="280">
        <v>23</v>
      </c>
      <c r="AD15" s="280">
        <v>38</v>
      </c>
      <c r="AE15" s="280">
        <v>22</v>
      </c>
      <c r="AF15" s="280">
        <v>16</v>
      </c>
      <c r="AG15" s="280">
        <v>9</v>
      </c>
      <c r="AH15" s="277">
        <v>108</v>
      </c>
      <c r="AI15" s="282">
        <v>146</v>
      </c>
      <c r="AJ15" s="276">
        <v>1</v>
      </c>
      <c r="AK15" s="280">
        <v>0</v>
      </c>
      <c r="AL15" s="277">
        <v>1</v>
      </c>
      <c r="AM15" s="279">
        <v>0</v>
      </c>
      <c r="AN15" s="280">
        <v>1</v>
      </c>
      <c r="AO15" s="280">
        <v>6</v>
      </c>
      <c r="AP15" s="280">
        <v>1</v>
      </c>
      <c r="AQ15" s="280">
        <v>1</v>
      </c>
      <c r="AR15" s="280">
        <v>0</v>
      </c>
      <c r="AS15" s="277">
        <v>9</v>
      </c>
      <c r="AT15" s="282">
        <v>10</v>
      </c>
      <c r="AU15" s="276">
        <v>5</v>
      </c>
      <c r="AV15" s="280">
        <v>8</v>
      </c>
      <c r="AW15" s="277">
        <v>13</v>
      </c>
      <c r="AX15" s="279">
        <v>0</v>
      </c>
      <c r="AY15" s="280">
        <v>23</v>
      </c>
      <c r="AZ15" s="280">
        <v>35</v>
      </c>
      <c r="BA15" s="280">
        <v>27</v>
      </c>
      <c r="BB15" s="280">
        <v>33</v>
      </c>
      <c r="BC15" s="280">
        <v>19</v>
      </c>
      <c r="BD15" s="281">
        <v>137</v>
      </c>
      <c r="BE15" s="282">
        <v>150</v>
      </c>
      <c r="BF15" s="276">
        <v>0</v>
      </c>
      <c r="BG15" s="280">
        <v>0</v>
      </c>
      <c r="BH15" s="277">
        <v>0</v>
      </c>
      <c r="BI15" s="279">
        <v>0</v>
      </c>
      <c r="BJ15" s="280">
        <v>54</v>
      </c>
      <c r="BK15" s="280">
        <v>28</v>
      </c>
      <c r="BL15" s="280">
        <v>21</v>
      </c>
      <c r="BM15" s="280">
        <v>11</v>
      </c>
      <c r="BN15" s="280">
        <v>2</v>
      </c>
      <c r="BO15" s="277">
        <v>116</v>
      </c>
      <c r="BP15" s="282">
        <v>116</v>
      </c>
      <c r="BQ15" s="276">
        <v>14</v>
      </c>
      <c r="BR15" s="280">
        <v>7</v>
      </c>
      <c r="BS15" s="277">
        <v>21</v>
      </c>
      <c r="BT15" s="279">
        <v>0</v>
      </c>
      <c r="BU15" s="280">
        <v>7</v>
      </c>
      <c r="BV15" s="280">
        <v>15</v>
      </c>
      <c r="BW15" s="280">
        <v>10</v>
      </c>
      <c r="BX15" s="280">
        <v>6</v>
      </c>
      <c r="BY15" s="280">
        <v>3</v>
      </c>
      <c r="BZ15" s="277">
        <v>41</v>
      </c>
      <c r="CA15" s="282">
        <v>62</v>
      </c>
      <c r="CB15" s="276">
        <v>1</v>
      </c>
      <c r="CC15" s="280">
        <v>2</v>
      </c>
      <c r="CD15" s="277">
        <v>3</v>
      </c>
      <c r="CE15" s="279">
        <v>0</v>
      </c>
      <c r="CF15" s="280">
        <v>12</v>
      </c>
      <c r="CG15" s="280">
        <v>6</v>
      </c>
      <c r="CH15" s="280">
        <v>10</v>
      </c>
      <c r="CI15" s="280">
        <v>8</v>
      </c>
      <c r="CJ15" s="280">
        <v>3</v>
      </c>
      <c r="CK15" s="277">
        <v>39</v>
      </c>
      <c r="CL15" s="282">
        <v>42</v>
      </c>
      <c r="CM15" s="276">
        <v>0</v>
      </c>
      <c r="CN15" s="280">
        <v>0</v>
      </c>
      <c r="CO15" s="277">
        <v>0</v>
      </c>
      <c r="CP15" s="279">
        <v>0</v>
      </c>
      <c r="CQ15" s="280">
        <v>0</v>
      </c>
      <c r="CR15" s="280">
        <v>1</v>
      </c>
      <c r="CS15" s="280">
        <v>1</v>
      </c>
      <c r="CT15" s="280">
        <v>0</v>
      </c>
      <c r="CU15" s="280">
        <v>0</v>
      </c>
      <c r="CV15" s="277">
        <v>2</v>
      </c>
      <c r="CW15" s="282">
        <v>2</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9</v>
      </c>
      <c r="DU15" s="280">
        <v>47</v>
      </c>
      <c r="DV15" s="277">
        <v>66</v>
      </c>
      <c r="DW15" s="279">
        <v>0</v>
      </c>
      <c r="DX15" s="280">
        <v>32</v>
      </c>
      <c r="DY15" s="280">
        <v>85</v>
      </c>
      <c r="DZ15" s="280">
        <v>57</v>
      </c>
      <c r="EA15" s="280">
        <v>45</v>
      </c>
      <c r="EB15" s="280">
        <v>22</v>
      </c>
      <c r="EC15" s="277">
        <v>241</v>
      </c>
      <c r="ED15" s="282">
        <v>307</v>
      </c>
      <c r="EE15" s="276">
        <v>1</v>
      </c>
      <c r="EF15" s="280">
        <v>5</v>
      </c>
      <c r="EG15" s="277">
        <v>6</v>
      </c>
      <c r="EH15" s="279">
        <v>0</v>
      </c>
      <c r="EI15" s="280">
        <v>8</v>
      </c>
      <c r="EJ15" s="280">
        <v>10</v>
      </c>
      <c r="EK15" s="280">
        <v>10</v>
      </c>
      <c r="EL15" s="280">
        <v>9</v>
      </c>
      <c r="EM15" s="280">
        <v>5</v>
      </c>
      <c r="EN15" s="277">
        <v>42</v>
      </c>
      <c r="EO15" s="282">
        <v>48</v>
      </c>
      <c r="EP15" s="276">
        <v>52</v>
      </c>
      <c r="EQ15" s="280">
        <v>67</v>
      </c>
      <c r="ER15" s="277">
        <v>119</v>
      </c>
      <c r="ES15" s="279">
        <v>0</v>
      </c>
      <c r="ET15" s="280">
        <v>122</v>
      </c>
      <c r="EU15" s="280">
        <v>102</v>
      </c>
      <c r="EV15" s="280">
        <v>60</v>
      </c>
      <c r="EW15" s="280">
        <v>43</v>
      </c>
      <c r="EX15" s="280">
        <v>21</v>
      </c>
      <c r="EY15" s="277">
        <v>348</v>
      </c>
      <c r="EZ15" s="282">
        <v>467</v>
      </c>
    </row>
    <row r="16" spans="2:156" ht="21" customHeight="1" x14ac:dyDescent="0.2">
      <c r="B16" s="261" t="s">
        <v>13</v>
      </c>
      <c r="C16" s="276">
        <v>0</v>
      </c>
      <c r="D16" s="280">
        <v>0</v>
      </c>
      <c r="E16" s="384">
        <v>0</v>
      </c>
      <c r="F16" s="279">
        <v>0</v>
      </c>
      <c r="G16" s="280">
        <v>19</v>
      </c>
      <c r="H16" s="280">
        <v>22</v>
      </c>
      <c r="I16" s="280">
        <v>13</v>
      </c>
      <c r="J16" s="280">
        <v>12</v>
      </c>
      <c r="K16" s="280">
        <v>9</v>
      </c>
      <c r="L16" s="281">
        <v>75</v>
      </c>
      <c r="M16" s="282">
        <v>75</v>
      </c>
      <c r="N16" s="276">
        <v>0</v>
      </c>
      <c r="O16" s="280">
        <v>0</v>
      </c>
      <c r="P16" s="277">
        <v>0</v>
      </c>
      <c r="Q16" s="279">
        <v>0</v>
      </c>
      <c r="R16" s="280">
        <v>0</v>
      </c>
      <c r="S16" s="280">
        <v>0</v>
      </c>
      <c r="T16" s="280">
        <v>1</v>
      </c>
      <c r="U16" s="280">
        <v>2</v>
      </c>
      <c r="V16" s="280">
        <v>6</v>
      </c>
      <c r="W16" s="277">
        <v>9</v>
      </c>
      <c r="X16" s="282">
        <v>9</v>
      </c>
      <c r="Y16" s="276">
        <v>1</v>
      </c>
      <c r="Z16" s="280">
        <v>2</v>
      </c>
      <c r="AA16" s="277">
        <v>3</v>
      </c>
      <c r="AB16" s="279">
        <v>0</v>
      </c>
      <c r="AC16" s="280">
        <v>11</v>
      </c>
      <c r="AD16" s="280">
        <v>14</v>
      </c>
      <c r="AE16" s="280">
        <v>11</v>
      </c>
      <c r="AF16" s="280">
        <v>12</v>
      </c>
      <c r="AG16" s="280">
        <v>9</v>
      </c>
      <c r="AH16" s="277">
        <v>57</v>
      </c>
      <c r="AI16" s="282">
        <v>60</v>
      </c>
      <c r="AJ16" s="276">
        <v>1</v>
      </c>
      <c r="AK16" s="280">
        <v>1</v>
      </c>
      <c r="AL16" s="277">
        <v>2</v>
      </c>
      <c r="AM16" s="279">
        <v>0</v>
      </c>
      <c r="AN16" s="280">
        <v>3</v>
      </c>
      <c r="AO16" s="280">
        <v>0</v>
      </c>
      <c r="AP16" s="280">
        <v>0</v>
      </c>
      <c r="AQ16" s="280">
        <v>1</v>
      </c>
      <c r="AR16" s="280">
        <v>0</v>
      </c>
      <c r="AS16" s="277">
        <v>4</v>
      </c>
      <c r="AT16" s="282">
        <v>6</v>
      </c>
      <c r="AU16" s="276">
        <v>3</v>
      </c>
      <c r="AV16" s="280">
        <v>3</v>
      </c>
      <c r="AW16" s="277">
        <v>6</v>
      </c>
      <c r="AX16" s="279">
        <v>0</v>
      </c>
      <c r="AY16" s="280">
        <v>18</v>
      </c>
      <c r="AZ16" s="280">
        <v>22</v>
      </c>
      <c r="BA16" s="280">
        <v>15</v>
      </c>
      <c r="BB16" s="280">
        <v>16</v>
      </c>
      <c r="BC16" s="280">
        <v>14</v>
      </c>
      <c r="BD16" s="281">
        <v>85</v>
      </c>
      <c r="BE16" s="282">
        <v>91</v>
      </c>
      <c r="BF16" s="276">
        <v>0</v>
      </c>
      <c r="BG16" s="280">
        <v>0</v>
      </c>
      <c r="BH16" s="277">
        <v>0</v>
      </c>
      <c r="BI16" s="279">
        <v>0</v>
      </c>
      <c r="BJ16" s="280">
        <v>17</v>
      </c>
      <c r="BK16" s="280">
        <v>19</v>
      </c>
      <c r="BL16" s="280">
        <v>8</v>
      </c>
      <c r="BM16" s="280">
        <v>6</v>
      </c>
      <c r="BN16" s="280">
        <v>4</v>
      </c>
      <c r="BO16" s="277">
        <v>54</v>
      </c>
      <c r="BP16" s="282">
        <v>54</v>
      </c>
      <c r="BQ16" s="276">
        <v>0</v>
      </c>
      <c r="BR16" s="280">
        <v>1</v>
      </c>
      <c r="BS16" s="277">
        <v>1</v>
      </c>
      <c r="BT16" s="279">
        <v>0</v>
      </c>
      <c r="BU16" s="280">
        <v>2</v>
      </c>
      <c r="BV16" s="280">
        <v>6</v>
      </c>
      <c r="BW16" s="280">
        <v>2</v>
      </c>
      <c r="BX16" s="280">
        <v>3</v>
      </c>
      <c r="BY16" s="280">
        <v>2</v>
      </c>
      <c r="BZ16" s="277">
        <v>15</v>
      </c>
      <c r="CA16" s="282">
        <v>16</v>
      </c>
      <c r="CB16" s="276">
        <v>0</v>
      </c>
      <c r="CC16" s="280">
        <v>0</v>
      </c>
      <c r="CD16" s="277">
        <v>0</v>
      </c>
      <c r="CE16" s="279">
        <v>0</v>
      </c>
      <c r="CF16" s="280">
        <v>1</v>
      </c>
      <c r="CG16" s="280">
        <v>2</v>
      </c>
      <c r="CH16" s="280">
        <v>4</v>
      </c>
      <c r="CI16" s="280">
        <v>5</v>
      </c>
      <c r="CJ16" s="280">
        <v>1</v>
      </c>
      <c r="CK16" s="277">
        <v>13</v>
      </c>
      <c r="CL16" s="282">
        <v>13</v>
      </c>
      <c r="CM16" s="276">
        <v>0</v>
      </c>
      <c r="CN16" s="280">
        <v>0</v>
      </c>
      <c r="CO16" s="277">
        <v>0</v>
      </c>
      <c r="CP16" s="279">
        <v>0</v>
      </c>
      <c r="CQ16" s="280">
        <v>1</v>
      </c>
      <c r="CR16" s="280">
        <v>0</v>
      </c>
      <c r="CS16" s="280">
        <v>1</v>
      </c>
      <c r="CT16" s="280">
        <v>0</v>
      </c>
      <c r="CU16" s="280">
        <v>0</v>
      </c>
      <c r="CV16" s="277">
        <v>2</v>
      </c>
      <c r="CW16" s="282">
        <v>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2</v>
      </c>
      <c r="DU16" s="280">
        <v>14</v>
      </c>
      <c r="DV16" s="277">
        <v>16</v>
      </c>
      <c r="DW16" s="279">
        <v>0</v>
      </c>
      <c r="DX16" s="280">
        <v>24</v>
      </c>
      <c r="DY16" s="280">
        <v>33</v>
      </c>
      <c r="DZ16" s="280">
        <v>24</v>
      </c>
      <c r="EA16" s="280">
        <v>20</v>
      </c>
      <c r="EB16" s="280">
        <v>10</v>
      </c>
      <c r="EC16" s="277">
        <v>111</v>
      </c>
      <c r="ED16" s="282">
        <v>127</v>
      </c>
      <c r="EE16" s="276">
        <v>2</v>
      </c>
      <c r="EF16" s="280">
        <v>0</v>
      </c>
      <c r="EG16" s="277">
        <v>2</v>
      </c>
      <c r="EH16" s="279">
        <v>0</v>
      </c>
      <c r="EI16" s="280">
        <v>7</v>
      </c>
      <c r="EJ16" s="280">
        <v>8</v>
      </c>
      <c r="EK16" s="280">
        <v>5</v>
      </c>
      <c r="EL16" s="280">
        <v>6</v>
      </c>
      <c r="EM16" s="280">
        <v>4</v>
      </c>
      <c r="EN16" s="277">
        <v>30</v>
      </c>
      <c r="EO16" s="282">
        <v>32</v>
      </c>
      <c r="EP16" s="276">
        <v>3</v>
      </c>
      <c r="EQ16" s="280">
        <v>16</v>
      </c>
      <c r="ER16" s="277">
        <v>19</v>
      </c>
      <c r="ES16" s="279">
        <v>0</v>
      </c>
      <c r="ET16" s="280">
        <v>57</v>
      </c>
      <c r="EU16" s="280">
        <v>53</v>
      </c>
      <c r="EV16" s="280">
        <v>30</v>
      </c>
      <c r="EW16" s="280">
        <v>25</v>
      </c>
      <c r="EX16" s="280">
        <v>13</v>
      </c>
      <c r="EY16" s="277">
        <v>178</v>
      </c>
      <c r="EZ16" s="282">
        <v>197</v>
      </c>
    </row>
    <row r="17" spans="2:156" ht="21" customHeight="1" x14ac:dyDescent="0.2">
      <c r="B17" s="261" t="s">
        <v>15</v>
      </c>
      <c r="C17" s="276">
        <v>0</v>
      </c>
      <c r="D17" s="280">
        <v>0</v>
      </c>
      <c r="E17" s="384">
        <v>0</v>
      </c>
      <c r="F17" s="279">
        <v>0</v>
      </c>
      <c r="G17" s="280">
        <v>2</v>
      </c>
      <c r="H17" s="280">
        <v>6</v>
      </c>
      <c r="I17" s="280">
        <v>8</v>
      </c>
      <c r="J17" s="280">
        <v>4</v>
      </c>
      <c r="K17" s="280">
        <v>2</v>
      </c>
      <c r="L17" s="281">
        <v>22</v>
      </c>
      <c r="M17" s="282">
        <v>22</v>
      </c>
      <c r="N17" s="276">
        <v>0</v>
      </c>
      <c r="O17" s="280">
        <v>0</v>
      </c>
      <c r="P17" s="277">
        <v>0</v>
      </c>
      <c r="Q17" s="279">
        <v>0</v>
      </c>
      <c r="R17" s="280">
        <v>0</v>
      </c>
      <c r="S17" s="280">
        <v>0</v>
      </c>
      <c r="T17" s="280">
        <v>0</v>
      </c>
      <c r="U17" s="280">
        <v>1</v>
      </c>
      <c r="V17" s="280">
        <v>0</v>
      </c>
      <c r="W17" s="277">
        <v>1</v>
      </c>
      <c r="X17" s="282">
        <v>1</v>
      </c>
      <c r="Y17" s="276">
        <v>0</v>
      </c>
      <c r="Z17" s="280">
        <v>2</v>
      </c>
      <c r="AA17" s="277">
        <v>2</v>
      </c>
      <c r="AB17" s="279">
        <v>0</v>
      </c>
      <c r="AC17" s="280">
        <v>1</v>
      </c>
      <c r="AD17" s="280">
        <v>4</v>
      </c>
      <c r="AE17" s="280">
        <v>4</v>
      </c>
      <c r="AF17" s="280">
        <v>3</v>
      </c>
      <c r="AG17" s="280">
        <v>0</v>
      </c>
      <c r="AH17" s="277">
        <v>12</v>
      </c>
      <c r="AI17" s="282">
        <v>14</v>
      </c>
      <c r="AJ17" s="276">
        <v>0</v>
      </c>
      <c r="AK17" s="280">
        <v>0</v>
      </c>
      <c r="AL17" s="277">
        <v>0</v>
      </c>
      <c r="AM17" s="279">
        <v>0</v>
      </c>
      <c r="AN17" s="280">
        <v>1</v>
      </c>
      <c r="AO17" s="280">
        <v>2</v>
      </c>
      <c r="AP17" s="280">
        <v>0</v>
      </c>
      <c r="AQ17" s="280">
        <v>0</v>
      </c>
      <c r="AR17" s="280">
        <v>0</v>
      </c>
      <c r="AS17" s="277">
        <v>3</v>
      </c>
      <c r="AT17" s="282">
        <v>3</v>
      </c>
      <c r="AU17" s="276">
        <v>1</v>
      </c>
      <c r="AV17" s="280">
        <v>0</v>
      </c>
      <c r="AW17" s="277">
        <v>1</v>
      </c>
      <c r="AX17" s="279">
        <v>0</v>
      </c>
      <c r="AY17" s="280">
        <v>7</v>
      </c>
      <c r="AZ17" s="280">
        <v>7</v>
      </c>
      <c r="BA17" s="280">
        <v>5</v>
      </c>
      <c r="BB17" s="280">
        <v>6</v>
      </c>
      <c r="BC17" s="280">
        <v>2</v>
      </c>
      <c r="BD17" s="281">
        <v>27</v>
      </c>
      <c r="BE17" s="282">
        <v>28</v>
      </c>
      <c r="BF17" s="276">
        <v>0</v>
      </c>
      <c r="BG17" s="280">
        <v>0</v>
      </c>
      <c r="BH17" s="277">
        <v>0</v>
      </c>
      <c r="BI17" s="279">
        <v>0</v>
      </c>
      <c r="BJ17" s="280">
        <v>4</v>
      </c>
      <c r="BK17" s="280">
        <v>4</v>
      </c>
      <c r="BL17" s="280">
        <v>4</v>
      </c>
      <c r="BM17" s="280">
        <v>1</v>
      </c>
      <c r="BN17" s="280">
        <v>0</v>
      </c>
      <c r="BO17" s="277">
        <v>13</v>
      </c>
      <c r="BP17" s="282">
        <v>13</v>
      </c>
      <c r="BQ17" s="276">
        <v>0</v>
      </c>
      <c r="BR17" s="280">
        <v>0</v>
      </c>
      <c r="BS17" s="277">
        <v>0</v>
      </c>
      <c r="BT17" s="279">
        <v>0</v>
      </c>
      <c r="BU17" s="280">
        <v>0</v>
      </c>
      <c r="BV17" s="280">
        <v>2</v>
      </c>
      <c r="BW17" s="280">
        <v>2</v>
      </c>
      <c r="BX17" s="280">
        <v>0</v>
      </c>
      <c r="BY17" s="280">
        <v>0</v>
      </c>
      <c r="BZ17" s="277">
        <v>4</v>
      </c>
      <c r="CA17" s="282">
        <v>4</v>
      </c>
      <c r="CB17" s="276">
        <v>0</v>
      </c>
      <c r="CC17" s="280">
        <v>0</v>
      </c>
      <c r="CD17" s="277">
        <v>0</v>
      </c>
      <c r="CE17" s="279">
        <v>0</v>
      </c>
      <c r="CF17" s="280">
        <v>0</v>
      </c>
      <c r="CG17" s="280">
        <v>0</v>
      </c>
      <c r="CH17" s="280">
        <v>1</v>
      </c>
      <c r="CI17" s="280">
        <v>3</v>
      </c>
      <c r="CJ17" s="280">
        <v>2</v>
      </c>
      <c r="CK17" s="277">
        <v>6</v>
      </c>
      <c r="CL17" s="282">
        <v>6</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7</v>
      </c>
      <c r="DV17" s="277">
        <v>8</v>
      </c>
      <c r="DW17" s="279">
        <v>0</v>
      </c>
      <c r="DX17" s="280">
        <v>5</v>
      </c>
      <c r="DY17" s="280">
        <v>17</v>
      </c>
      <c r="DZ17" s="280">
        <v>12</v>
      </c>
      <c r="EA17" s="280">
        <v>7</v>
      </c>
      <c r="EB17" s="280">
        <v>2</v>
      </c>
      <c r="EC17" s="277">
        <v>43</v>
      </c>
      <c r="ED17" s="282">
        <v>51</v>
      </c>
      <c r="EE17" s="276">
        <v>3</v>
      </c>
      <c r="EF17" s="280">
        <v>2</v>
      </c>
      <c r="EG17" s="277">
        <v>5</v>
      </c>
      <c r="EH17" s="279">
        <v>0</v>
      </c>
      <c r="EI17" s="280">
        <v>7</v>
      </c>
      <c r="EJ17" s="280">
        <v>4</v>
      </c>
      <c r="EK17" s="280">
        <v>4</v>
      </c>
      <c r="EL17" s="280">
        <v>2</v>
      </c>
      <c r="EM17" s="280">
        <v>1</v>
      </c>
      <c r="EN17" s="277">
        <v>18</v>
      </c>
      <c r="EO17" s="282">
        <v>23</v>
      </c>
      <c r="EP17" s="276">
        <v>1</v>
      </c>
      <c r="EQ17" s="280">
        <v>8</v>
      </c>
      <c r="ER17" s="277">
        <v>9</v>
      </c>
      <c r="ES17" s="279">
        <v>0</v>
      </c>
      <c r="ET17" s="280">
        <v>14</v>
      </c>
      <c r="EU17" s="280">
        <v>23</v>
      </c>
      <c r="EV17" s="280">
        <v>15</v>
      </c>
      <c r="EW17" s="280">
        <v>10</v>
      </c>
      <c r="EX17" s="280">
        <v>3</v>
      </c>
      <c r="EY17" s="277">
        <v>65</v>
      </c>
      <c r="EZ17" s="282">
        <v>74</v>
      </c>
    </row>
    <row r="18" spans="2:156" ht="21" customHeight="1" x14ac:dyDescent="0.2">
      <c r="B18" s="261" t="s">
        <v>16</v>
      </c>
      <c r="C18" s="276">
        <v>0</v>
      </c>
      <c r="D18" s="280">
        <v>0</v>
      </c>
      <c r="E18" s="384">
        <v>0</v>
      </c>
      <c r="F18" s="279">
        <v>0</v>
      </c>
      <c r="G18" s="280">
        <v>13</v>
      </c>
      <c r="H18" s="280">
        <v>9</v>
      </c>
      <c r="I18" s="280">
        <v>5</v>
      </c>
      <c r="J18" s="280">
        <v>3</v>
      </c>
      <c r="K18" s="280">
        <v>2</v>
      </c>
      <c r="L18" s="281">
        <v>32</v>
      </c>
      <c r="M18" s="282">
        <v>32</v>
      </c>
      <c r="N18" s="276">
        <v>0</v>
      </c>
      <c r="O18" s="280">
        <v>0</v>
      </c>
      <c r="P18" s="277">
        <v>0</v>
      </c>
      <c r="Q18" s="279">
        <v>0</v>
      </c>
      <c r="R18" s="280">
        <v>0</v>
      </c>
      <c r="S18" s="280">
        <v>1</v>
      </c>
      <c r="T18" s="280">
        <v>0</v>
      </c>
      <c r="U18" s="280">
        <v>1</v>
      </c>
      <c r="V18" s="280">
        <v>2</v>
      </c>
      <c r="W18" s="277">
        <v>4</v>
      </c>
      <c r="X18" s="282">
        <v>4</v>
      </c>
      <c r="Y18" s="276">
        <v>3</v>
      </c>
      <c r="Z18" s="280">
        <v>6</v>
      </c>
      <c r="AA18" s="277">
        <v>9</v>
      </c>
      <c r="AB18" s="279">
        <v>0</v>
      </c>
      <c r="AC18" s="280">
        <v>21</v>
      </c>
      <c r="AD18" s="280">
        <v>15</v>
      </c>
      <c r="AE18" s="280">
        <v>10</v>
      </c>
      <c r="AF18" s="280">
        <v>13</v>
      </c>
      <c r="AG18" s="280">
        <v>4</v>
      </c>
      <c r="AH18" s="277">
        <v>63</v>
      </c>
      <c r="AI18" s="282">
        <v>72</v>
      </c>
      <c r="AJ18" s="276">
        <v>0</v>
      </c>
      <c r="AK18" s="280">
        <v>0</v>
      </c>
      <c r="AL18" s="277">
        <v>0</v>
      </c>
      <c r="AM18" s="279">
        <v>0</v>
      </c>
      <c r="AN18" s="280">
        <v>0</v>
      </c>
      <c r="AO18" s="280">
        <v>3</v>
      </c>
      <c r="AP18" s="280">
        <v>0</v>
      </c>
      <c r="AQ18" s="280">
        <v>0</v>
      </c>
      <c r="AR18" s="280">
        <v>0</v>
      </c>
      <c r="AS18" s="277">
        <v>3</v>
      </c>
      <c r="AT18" s="282">
        <v>3</v>
      </c>
      <c r="AU18" s="276">
        <v>3</v>
      </c>
      <c r="AV18" s="280">
        <v>2</v>
      </c>
      <c r="AW18" s="277">
        <v>5</v>
      </c>
      <c r="AX18" s="279">
        <v>0</v>
      </c>
      <c r="AY18" s="280">
        <v>19</v>
      </c>
      <c r="AZ18" s="280">
        <v>18</v>
      </c>
      <c r="BA18" s="280">
        <v>24</v>
      </c>
      <c r="BB18" s="280">
        <v>20</v>
      </c>
      <c r="BC18" s="280">
        <v>8</v>
      </c>
      <c r="BD18" s="281">
        <v>89</v>
      </c>
      <c r="BE18" s="282">
        <v>94</v>
      </c>
      <c r="BF18" s="276">
        <v>0</v>
      </c>
      <c r="BG18" s="280">
        <v>0</v>
      </c>
      <c r="BH18" s="277">
        <v>0</v>
      </c>
      <c r="BI18" s="279">
        <v>0</v>
      </c>
      <c r="BJ18" s="280">
        <v>18</v>
      </c>
      <c r="BK18" s="280">
        <v>23</v>
      </c>
      <c r="BL18" s="280">
        <v>6</v>
      </c>
      <c r="BM18" s="280">
        <v>11</v>
      </c>
      <c r="BN18" s="280">
        <v>0</v>
      </c>
      <c r="BO18" s="277">
        <v>58</v>
      </c>
      <c r="BP18" s="282">
        <v>58</v>
      </c>
      <c r="BQ18" s="276">
        <v>3</v>
      </c>
      <c r="BR18" s="280">
        <v>4</v>
      </c>
      <c r="BS18" s="277">
        <v>7</v>
      </c>
      <c r="BT18" s="279">
        <v>0</v>
      </c>
      <c r="BU18" s="280">
        <v>15</v>
      </c>
      <c r="BV18" s="280">
        <v>28</v>
      </c>
      <c r="BW18" s="280">
        <v>1</v>
      </c>
      <c r="BX18" s="280">
        <v>2</v>
      </c>
      <c r="BY18" s="280">
        <v>0</v>
      </c>
      <c r="BZ18" s="277">
        <v>46</v>
      </c>
      <c r="CA18" s="282">
        <v>53</v>
      </c>
      <c r="CB18" s="276">
        <v>0</v>
      </c>
      <c r="CC18" s="280">
        <v>0</v>
      </c>
      <c r="CD18" s="277">
        <v>0</v>
      </c>
      <c r="CE18" s="279">
        <v>0</v>
      </c>
      <c r="CF18" s="280">
        <v>2</v>
      </c>
      <c r="CG18" s="280">
        <v>5</v>
      </c>
      <c r="CH18" s="280">
        <v>4</v>
      </c>
      <c r="CI18" s="280">
        <v>1</v>
      </c>
      <c r="CJ18" s="280">
        <v>0</v>
      </c>
      <c r="CK18" s="277">
        <v>12</v>
      </c>
      <c r="CL18" s="282">
        <v>12</v>
      </c>
      <c r="CM18" s="276">
        <v>0</v>
      </c>
      <c r="CN18" s="280">
        <v>0</v>
      </c>
      <c r="CO18" s="277">
        <v>0</v>
      </c>
      <c r="CP18" s="279">
        <v>0</v>
      </c>
      <c r="CQ18" s="280">
        <v>1</v>
      </c>
      <c r="CR18" s="280">
        <v>1</v>
      </c>
      <c r="CS18" s="280">
        <v>1</v>
      </c>
      <c r="CT18" s="280">
        <v>1</v>
      </c>
      <c r="CU18" s="280">
        <v>0</v>
      </c>
      <c r="CV18" s="277">
        <v>4</v>
      </c>
      <c r="CW18" s="282">
        <v>4</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0</v>
      </c>
      <c r="DU18" s="280">
        <v>16</v>
      </c>
      <c r="DV18" s="277">
        <v>26</v>
      </c>
      <c r="DW18" s="279">
        <v>0</v>
      </c>
      <c r="DX18" s="280">
        <v>32</v>
      </c>
      <c r="DY18" s="280">
        <v>48</v>
      </c>
      <c r="DZ18" s="280">
        <v>18</v>
      </c>
      <c r="EA18" s="280">
        <v>17</v>
      </c>
      <c r="EB18" s="280">
        <v>8</v>
      </c>
      <c r="EC18" s="277">
        <v>123</v>
      </c>
      <c r="ED18" s="282">
        <v>149</v>
      </c>
      <c r="EE18" s="276">
        <v>2</v>
      </c>
      <c r="EF18" s="280">
        <v>0</v>
      </c>
      <c r="EG18" s="277">
        <v>2</v>
      </c>
      <c r="EH18" s="279">
        <v>0</v>
      </c>
      <c r="EI18" s="280">
        <v>8</v>
      </c>
      <c r="EJ18" s="280">
        <v>12</v>
      </c>
      <c r="EK18" s="280">
        <v>12</v>
      </c>
      <c r="EL18" s="280">
        <v>16</v>
      </c>
      <c r="EM18" s="280">
        <v>3</v>
      </c>
      <c r="EN18" s="277">
        <v>51</v>
      </c>
      <c r="EO18" s="282">
        <v>53</v>
      </c>
      <c r="EP18" s="276">
        <v>14</v>
      </c>
      <c r="EQ18" s="280">
        <v>23</v>
      </c>
      <c r="ER18" s="277">
        <v>37</v>
      </c>
      <c r="ES18" s="279">
        <v>0</v>
      </c>
      <c r="ET18" s="280">
        <v>60</v>
      </c>
      <c r="EU18" s="280">
        <v>70</v>
      </c>
      <c r="EV18" s="280">
        <v>21</v>
      </c>
      <c r="EW18" s="280">
        <v>21</v>
      </c>
      <c r="EX18" s="280">
        <v>6</v>
      </c>
      <c r="EY18" s="277">
        <v>178</v>
      </c>
      <c r="EZ18" s="282">
        <v>215</v>
      </c>
    </row>
    <row r="19" spans="2:156" ht="21" customHeight="1" x14ac:dyDescent="0.2">
      <c r="B19" s="261" t="s">
        <v>17</v>
      </c>
      <c r="C19" s="276">
        <v>0</v>
      </c>
      <c r="D19" s="280">
        <v>0</v>
      </c>
      <c r="E19" s="384">
        <v>0</v>
      </c>
      <c r="F19" s="279">
        <v>0</v>
      </c>
      <c r="G19" s="280">
        <v>10</v>
      </c>
      <c r="H19" s="280">
        <v>22</v>
      </c>
      <c r="I19" s="280">
        <v>9</v>
      </c>
      <c r="J19" s="280">
        <v>6</v>
      </c>
      <c r="K19" s="280">
        <v>8</v>
      </c>
      <c r="L19" s="281">
        <v>55</v>
      </c>
      <c r="M19" s="282">
        <v>55</v>
      </c>
      <c r="N19" s="276">
        <v>0</v>
      </c>
      <c r="O19" s="280">
        <v>0</v>
      </c>
      <c r="P19" s="277">
        <v>0</v>
      </c>
      <c r="Q19" s="279">
        <v>0</v>
      </c>
      <c r="R19" s="280">
        <v>0</v>
      </c>
      <c r="S19" s="280">
        <v>2</v>
      </c>
      <c r="T19" s="280">
        <v>0</v>
      </c>
      <c r="U19" s="280">
        <v>1</v>
      </c>
      <c r="V19" s="280">
        <v>5</v>
      </c>
      <c r="W19" s="277">
        <v>8</v>
      </c>
      <c r="X19" s="282">
        <v>8</v>
      </c>
      <c r="Y19" s="276">
        <v>2</v>
      </c>
      <c r="Z19" s="280">
        <v>5</v>
      </c>
      <c r="AA19" s="277">
        <v>7</v>
      </c>
      <c r="AB19" s="279">
        <v>0</v>
      </c>
      <c r="AC19" s="280">
        <v>14</v>
      </c>
      <c r="AD19" s="280">
        <v>15</v>
      </c>
      <c r="AE19" s="280">
        <v>8</v>
      </c>
      <c r="AF19" s="280">
        <v>4</v>
      </c>
      <c r="AG19" s="280">
        <v>8</v>
      </c>
      <c r="AH19" s="277">
        <v>49</v>
      </c>
      <c r="AI19" s="282">
        <v>56</v>
      </c>
      <c r="AJ19" s="276">
        <v>0</v>
      </c>
      <c r="AK19" s="280">
        <v>2</v>
      </c>
      <c r="AL19" s="277">
        <v>2</v>
      </c>
      <c r="AM19" s="279">
        <v>0</v>
      </c>
      <c r="AN19" s="280">
        <v>0</v>
      </c>
      <c r="AO19" s="280">
        <v>3</v>
      </c>
      <c r="AP19" s="280">
        <v>0</v>
      </c>
      <c r="AQ19" s="280">
        <v>0</v>
      </c>
      <c r="AR19" s="280">
        <v>0</v>
      </c>
      <c r="AS19" s="277">
        <v>3</v>
      </c>
      <c r="AT19" s="282">
        <v>5</v>
      </c>
      <c r="AU19" s="276">
        <v>4</v>
      </c>
      <c r="AV19" s="280">
        <v>5</v>
      </c>
      <c r="AW19" s="277">
        <v>9</v>
      </c>
      <c r="AX19" s="279">
        <v>0</v>
      </c>
      <c r="AY19" s="280">
        <v>9</v>
      </c>
      <c r="AZ19" s="280">
        <v>22</v>
      </c>
      <c r="BA19" s="280">
        <v>18</v>
      </c>
      <c r="BB19" s="280">
        <v>17</v>
      </c>
      <c r="BC19" s="280">
        <v>15</v>
      </c>
      <c r="BD19" s="281">
        <v>81</v>
      </c>
      <c r="BE19" s="282">
        <v>90</v>
      </c>
      <c r="BF19" s="276">
        <v>0</v>
      </c>
      <c r="BG19" s="280">
        <v>0</v>
      </c>
      <c r="BH19" s="277">
        <v>0</v>
      </c>
      <c r="BI19" s="279">
        <v>0</v>
      </c>
      <c r="BJ19" s="280">
        <v>21</v>
      </c>
      <c r="BK19" s="280">
        <v>22</v>
      </c>
      <c r="BL19" s="280">
        <v>7</v>
      </c>
      <c r="BM19" s="280">
        <v>9</v>
      </c>
      <c r="BN19" s="280">
        <v>5</v>
      </c>
      <c r="BO19" s="277">
        <v>64</v>
      </c>
      <c r="BP19" s="282">
        <v>64</v>
      </c>
      <c r="BQ19" s="276">
        <v>4</v>
      </c>
      <c r="BR19" s="280">
        <v>6</v>
      </c>
      <c r="BS19" s="277">
        <v>10</v>
      </c>
      <c r="BT19" s="279">
        <v>0</v>
      </c>
      <c r="BU19" s="280">
        <v>4</v>
      </c>
      <c r="BV19" s="280">
        <v>13</v>
      </c>
      <c r="BW19" s="280">
        <v>2</v>
      </c>
      <c r="BX19" s="280">
        <v>2</v>
      </c>
      <c r="BY19" s="280">
        <v>2</v>
      </c>
      <c r="BZ19" s="277">
        <v>23</v>
      </c>
      <c r="CA19" s="282">
        <v>33</v>
      </c>
      <c r="CB19" s="276">
        <v>0</v>
      </c>
      <c r="CC19" s="280">
        <v>0</v>
      </c>
      <c r="CD19" s="277">
        <v>0</v>
      </c>
      <c r="CE19" s="279">
        <v>0</v>
      </c>
      <c r="CF19" s="280">
        <v>4</v>
      </c>
      <c r="CG19" s="280">
        <v>5</v>
      </c>
      <c r="CH19" s="280">
        <v>2</v>
      </c>
      <c r="CI19" s="280">
        <v>9</v>
      </c>
      <c r="CJ19" s="280">
        <v>1</v>
      </c>
      <c r="CK19" s="277">
        <v>21</v>
      </c>
      <c r="CL19" s="282">
        <v>21</v>
      </c>
      <c r="CM19" s="276">
        <v>0</v>
      </c>
      <c r="CN19" s="280">
        <v>0</v>
      </c>
      <c r="CO19" s="277">
        <v>0</v>
      </c>
      <c r="CP19" s="279">
        <v>0</v>
      </c>
      <c r="CQ19" s="280">
        <v>0</v>
      </c>
      <c r="CR19" s="280">
        <v>1</v>
      </c>
      <c r="CS19" s="280">
        <v>0</v>
      </c>
      <c r="CT19" s="280">
        <v>1</v>
      </c>
      <c r="CU19" s="280">
        <v>0</v>
      </c>
      <c r="CV19" s="277">
        <v>2</v>
      </c>
      <c r="CW19" s="282">
        <v>2</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0</v>
      </c>
      <c r="DU19" s="280">
        <v>23</v>
      </c>
      <c r="DV19" s="277">
        <v>33</v>
      </c>
      <c r="DW19" s="279">
        <v>0</v>
      </c>
      <c r="DX19" s="280">
        <v>28</v>
      </c>
      <c r="DY19" s="280">
        <v>69</v>
      </c>
      <c r="DZ19" s="280">
        <v>33</v>
      </c>
      <c r="EA19" s="280">
        <v>20</v>
      </c>
      <c r="EB19" s="280">
        <v>16</v>
      </c>
      <c r="EC19" s="277">
        <v>166</v>
      </c>
      <c r="ED19" s="282">
        <v>199</v>
      </c>
      <c r="EE19" s="276">
        <v>6</v>
      </c>
      <c r="EF19" s="280">
        <v>2</v>
      </c>
      <c r="EG19" s="277">
        <v>8</v>
      </c>
      <c r="EH19" s="279">
        <v>0</v>
      </c>
      <c r="EI19" s="280">
        <v>7</v>
      </c>
      <c r="EJ19" s="280">
        <v>4</v>
      </c>
      <c r="EK19" s="280">
        <v>7</v>
      </c>
      <c r="EL19" s="280">
        <v>6</v>
      </c>
      <c r="EM19" s="280">
        <v>4</v>
      </c>
      <c r="EN19" s="277">
        <v>28</v>
      </c>
      <c r="EO19" s="282">
        <v>36</v>
      </c>
      <c r="EP19" s="276">
        <v>15</v>
      </c>
      <c r="EQ19" s="280">
        <v>30</v>
      </c>
      <c r="ER19" s="277">
        <v>45</v>
      </c>
      <c r="ES19" s="279">
        <v>0</v>
      </c>
      <c r="ET19" s="280">
        <v>67</v>
      </c>
      <c r="EU19" s="280">
        <v>82</v>
      </c>
      <c r="EV19" s="280">
        <v>35</v>
      </c>
      <c r="EW19" s="280">
        <v>25</v>
      </c>
      <c r="EX19" s="280">
        <v>16</v>
      </c>
      <c r="EY19" s="277">
        <v>225</v>
      </c>
      <c r="EZ19" s="282">
        <v>270</v>
      </c>
    </row>
    <row r="20" spans="2:156" ht="21" customHeight="1" x14ac:dyDescent="0.2">
      <c r="B20" s="261" t="s">
        <v>18</v>
      </c>
      <c r="C20" s="276">
        <v>0</v>
      </c>
      <c r="D20" s="280">
        <v>0</v>
      </c>
      <c r="E20" s="384">
        <v>0</v>
      </c>
      <c r="F20" s="279">
        <v>0</v>
      </c>
      <c r="G20" s="280">
        <v>19</v>
      </c>
      <c r="H20" s="280">
        <v>32</v>
      </c>
      <c r="I20" s="280">
        <v>18</v>
      </c>
      <c r="J20" s="280">
        <v>10</v>
      </c>
      <c r="K20" s="280">
        <v>6</v>
      </c>
      <c r="L20" s="281">
        <v>85</v>
      </c>
      <c r="M20" s="282">
        <v>85</v>
      </c>
      <c r="N20" s="276">
        <v>0</v>
      </c>
      <c r="O20" s="280">
        <v>0</v>
      </c>
      <c r="P20" s="277">
        <v>0</v>
      </c>
      <c r="Q20" s="279">
        <v>0</v>
      </c>
      <c r="R20" s="280">
        <v>1</v>
      </c>
      <c r="S20" s="280">
        <v>0</v>
      </c>
      <c r="T20" s="280">
        <v>4</v>
      </c>
      <c r="U20" s="280">
        <v>2</v>
      </c>
      <c r="V20" s="280">
        <v>3</v>
      </c>
      <c r="W20" s="277">
        <v>10</v>
      </c>
      <c r="X20" s="282">
        <v>10</v>
      </c>
      <c r="Y20" s="276">
        <v>3</v>
      </c>
      <c r="Z20" s="280">
        <v>4</v>
      </c>
      <c r="AA20" s="277">
        <v>7</v>
      </c>
      <c r="AB20" s="279">
        <v>0</v>
      </c>
      <c r="AC20" s="280">
        <v>23</v>
      </c>
      <c r="AD20" s="280">
        <v>23</v>
      </c>
      <c r="AE20" s="280">
        <v>20</v>
      </c>
      <c r="AF20" s="280">
        <v>11</v>
      </c>
      <c r="AG20" s="280">
        <v>3</v>
      </c>
      <c r="AH20" s="277">
        <v>80</v>
      </c>
      <c r="AI20" s="282">
        <v>87</v>
      </c>
      <c r="AJ20" s="276">
        <v>0</v>
      </c>
      <c r="AK20" s="280">
        <v>1</v>
      </c>
      <c r="AL20" s="277">
        <v>1</v>
      </c>
      <c r="AM20" s="279">
        <v>0</v>
      </c>
      <c r="AN20" s="280">
        <v>2</v>
      </c>
      <c r="AO20" s="280">
        <v>3</v>
      </c>
      <c r="AP20" s="280">
        <v>1</v>
      </c>
      <c r="AQ20" s="280">
        <v>0</v>
      </c>
      <c r="AR20" s="280">
        <v>0</v>
      </c>
      <c r="AS20" s="277">
        <v>6</v>
      </c>
      <c r="AT20" s="282">
        <v>7</v>
      </c>
      <c r="AU20" s="276">
        <v>2</v>
      </c>
      <c r="AV20" s="280">
        <v>5</v>
      </c>
      <c r="AW20" s="277">
        <v>7</v>
      </c>
      <c r="AX20" s="279">
        <v>0</v>
      </c>
      <c r="AY20" s="280">
        <v>26</v>
      </c>
      <c r="AZ20" s="280">
        <v>40</v>
      </c>
      <c r="BA20" s="280">
        <v>32</v>
      </c>
      <c r="BB20" s="280">
        <v>24</v>
      </c>
      <c r="BC20" s="280">
        <v>16</v>
      </c>
      <c r="BD20" s="281">
        <v>138</v>
      </c>
      <c r="BE20" s="282">
        <v>145</v>
      </c>
      <c r="BF20" s="276">
        <v>0</v>
      </c>
      <c r="BG20" s="280">
        <v>0</v>
      </c>
      <c r="BH20" s="277">
        <v>0</v>
      </c>
      <c r="BI20" s="279">
        <v>0</v>
      </c>
      <c r="BJ20" s="280">
        <v>35</v>
      </c>
      <c r="BK20" s="280">
        <v>28</v>
      </c>
      <c r="BL20" s="280">
        <v>25</v>
      </c>
      <c r="BM20" s="280">
        <v>7</v>
      </c>
      <c r="BN20" s="280">
        <v>3</v>
      </c>
      <c r="BO20" s="277">
        <v>98</v>
      </c>
      <c r="BP20" s="282">
        <v>98</v>
      </c>
      <c r="BQ20" s="276">
        <v>2</v>
      </c>
      <c r="BR20" s="280">
        <v>9</v>
      </c>
      <c r="BS20" s="277">
        <v>11</v>
      </c>
      <c r="BT20" s="279">
        <v>0</v>
      </c>
      <c r="BU20" s="280">
        <v>14</v>
      </c>
      <c r="BV20" s="280">
        <v>12</v>
      </c>
      <c r="BW20" s="280">
        <v>9</v>
      </c>
      <c r="BX20" s="280">
        <v>2</v>
      </c>
      <c r="BY20" s="280">
        <v>2</v>
      </c>
      <c r="BZ20" s="277">
        <v>39</v>
      </c>
      <c r="CA20" s="282">
        <v>50</v>
      </c>
      <c r="CB20" s="276">
        <v>0</v>
      </c>
      <c r="CC20" s="280">
        <v>0</v>
      </c>
      <c r="CD20" s="277">
        <v>0</v>
      </c>
      <c r="CE20" s="279">
        <v>0</v>
      </c>
      <c r="CF20" s="280">
        <v>6</v>
      </c>
      <c r="CG20" s="280">
        <v>7</v>
      </c>
      <c r="CH20" s="280">
        <v>14</v>
      </c>
      <c r="CI20" s="280">
        <v>4</v>
      </c>
      <c r="CJ20" s="280">
        <v>3</v>
      </c>
      <c r="CK20" s="277">
        <v>34</v>
      </c>
      <c r="CL20" s="282">
        <v>34</v>
      </c>
      <c r="CM20" s="276">
        <v>0</v>
      </c>
      <c r="CN20" s="280">
        <v>0</v>
      </c>
      <c r="CO20" s="277">
        <v>0</v>
      </c>
      <c r="CP20" s="279">
        <v>0</v>
      </c>
      <c r="CQ20" s="280">
        <v>0</v>
      </c>
      <c r="CR20" s="280">
        <v>0</v>
      </c>
      <c r="CS20" s="280">
        <v>2</v>
      </c>
      <c r="CT20" s="280">
        <v>0</v>
      </c>
      <c r="CU20" s="280">
        <v>0</v>
      </c>
      <c r="CV20" s="277">
        <v>2</v>
      </c>
      <c r="CW20" s="282">
        <v>2</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1</v>
      </c>
      <c r="DU20" s="280">
        <v>26</v>
      </c>
      <c r="DV20" s="277">
        <v>37</v>
      </c>
      <c r="DW20" s="279">
        <v>0</v>
      </c>
      <c r="DX20" s="280">
        <v>44</v>
      </c>
      <c r="DY20" s="280">
        <v>58</v>
      </c>
      <c r="DZ20" s="280">
        <v>46</v>
      </c>
      <c r="EA20" s="280">
        <v>25</v>
      </c>
      <c r="EB20" s="280">
        <v>13</v>
      </c>
      <c r="EC20" s="277">
        <v>186</v>
      </c>
      <c r="ED20" s="282">
        <v>223</v>
      </c>
      <c r="EE20" s="276">
        <v>2</v>
      </c>
      <c r="EF20" s="280">
        <v>1</v>
      </c>
      <c r="EG20" s="277">
        <v>3</v>
      </c>
      <c r="EH20" s="279">
        <v>0</v>
      </c>
      <c r="EI20" s="280">
        <v>10</v>
      </c>
      <c r="EJ20" s="280">
        <v>13</v>
      </c>
      <c r="EK20" s="280">
        <v>8</v>
      </c>
      <c r="EL20" s="280">
        <v>9</v>
      </c>
      <c r="EM20" s="280">
        <v>5</v>
      </c>
      <c r="EN20" s="277">
        <v>45</v>
      </c>
      <c r="EO20" s="282">
        <v>48</v>
      </c>
      <c r="EP20" s="276">
        <v>16</v>
      </c>
      <c r="EQ20" s="280">
        <v>35</v>
      </c>
      <c r="ER20" s="277">
        <v>51</v>
      </c>
      <c r="ES20" s="279">
        <v>0</v>
      </c>
      <c r="ET20" s="280">
        <v>102</v>
      </c>
      <c r="EU20" s="280">
        <v>81</v>
      </c>
      <c r="EV20" s="280">
        <v>62</v>
      </c>
      <c r="EW20" s="280">
        <v>23</v>
      </c>
      <c r="EX20" s="280">
        <v>11</v>
      </c>
      <c r="EY20" s="277">
        <v>279</v>
      </c>
      <c r="EZ20" s="282">
        <v>330</v>
      </c>
    </row>
    <row r="21" spans="2:156" ht="21" customHeight="1" x14ac:dyDescent="0.2">
      <c r="B21" s="261" t="s">
        <v>19</v>
      </c>
      <c r="C21" s="276">
        <v>0</v>
      </c>
      <c r="D21" s="280">
        <v>0</v>
      </c>
      <c r="E21" s="384">
        <v>0</v>
      </c>
      <c r="F21" s="279">
        <v>0</v>
      </c>
      <c r="G21" s="280">
        <v>8</v>
      </c>
      <c r="H21" s="280">
        <v>9</v>
      </c>
      <c r="I21" s="280">
        <v>6</v>
      </c>
      <c r="J21" s="280">
        <v>6</v>
      </c>
      <c r="K21" s="280">
        <v>1</v>
      </c>
      <c r="L21" s="281">
        <v>30</v>
      </c>
      <c r="M21" s="282">
        <v>30</v>
      </c>
      <c r="N21" s="276">
        <v>0</v>
      </c>
      <c r="O21" s="280">
        <v>0</v>
      </c>
      <c r="P21" s="277">
        <v>0</v>
      </c>
      <c r="Q21" s="279">
        <v>0</v>
      </c>
      <c r="R21" s="280">
        <v>0</v>
      </c>
      <c r="S21" s="280">
        <v>0</v>
      </c>
      <c r="T21" s="280">
        <v>3</v>
      </c>
      <c r="U21" s="280">
        <v>1</v>
      </c>
      <c r="V21" s="280">
        <v>1</v>
      </c>
      <c r="W21" s="277">
        <v>5</v>
      </c>
      <c r="X21" s="282">
        <v>5</v>
      </c>
      <c r="Y21" s="276">
        <v>3</v>
      </c>
      <c r="Z21" s="280">
        <v>2</v>
      </c>
      <c r="AA21" s="277">
        <v>5</v>
      </c>
      <c r="AB21" s="279">
        <v>0</v>
      </c>
      <c r="AC21" s="280">
        <v>12</v>
      </c>
      <c r="AD21" s="280">
        <v>14</v>
      </c>
      <c r="AE21" s="280">
        <v>9</v>
      </c>
      <c r="AF21" s="280">
        <v>7</v>
      </c>
      <c r="AG21" s="280">
        <v>3</v>
      </c>
      <c r="AH21" s="277">
        <v>45</v>
      </c>
      <c r="AI21" s="282">
        <v>50</v>
      </c>
      <c r="AJ21" s="276">
        <v>0</v>
      </c>
      <c r="AK21" s="280">
        <v>0</v>
      </c>
      <c r="AL21" s="277">
        <v>0</v>
      </c>
      <c r="AM21" s="279">
        <v>0</v>
      </c>
      <c r="AN21" s="280">
        <v>1</v>
      </c>
      <c r="AO21" s="280">
        <v>3</v>
      </c>
      <c r="AP21" s="280">
        <v>1</v>
      </c>
      <c r="AQ21" s="280">
        <v>1</v>
      </c>
      <c r="AR21" s="280">
        <v>0</v>
      </c>
      <c r="AS21" s="277">
        <v>6</v>
      </c>
      <c r="AT21" s="282">
        <v>6</v>
      </c>
      <c r="AU21" s="276">
        <v>5</v>
      </c>
      <c r="AV21" s="280">
        <v>2</v>
      </c>
      <c r="AW21" s="277">
        <v>7</v>
      </c>
      <c r="AX21" s="279">
        <v>0</v>
      </c>
      <c r="AY21" s="280">
        <v>19</v>
      </c>
      <c r="AZ21" s="280">
        <v>15</v>
      </c>
      <c r="BA21" s="280">
        <v>11</v>
      </c>
      <c r="BB21" s="280">
        <v>10</v>
      </c>
      <c r="BC21" s="280">
        <v>6</v>
      </c>
      <c r="BD21" s="281">
        <v>61</v>
      </c>
      <c r="BE21" s="282">
        <v>68</v>
      </c>
      <c r="BF21" s="276">
        <v>0</v>
      </c>
      <c r="BG21" s="280">
        <v>0</v>
      </c>
      <c r="BH21" s="277">
        <v>0</v>
      </c>
      <c r="BI21" s="279">
        <v>0</v>
      </c>
      <c r="BJ21" s="280">
        <v>21</v>
      </c>
      <c r="BK21" s="280">
        <v>14</v>
      </c>
      <c r="BL21" s="280">
        <v>7</v>
      </c>
      <c r="BM21" s="280">
        <v>2</v>
      </c>
      <c r="BN21" s="280">
        <v>2</v>
      </c>
      <c r="BO21" s="277">
        <v>46</v>
      </c>
      <c r="BP21" s="282">
        <v>46</v>
      </c>
      <c r="BQ21" s="276">
        <v>2</v>
      </c>
      <c r="BR21" s="280">
        <v>2</v>
      </c>
      <c r="BS21" s="277">
        <v>4</v>
      </c>
      <c r="BT21" s="279">
        <v>0</v>
      </c>
      <c r="BU21" s="280">
        <v>11</v>
      </c>
      <c r="BV21" s="280">
        <v>5</v>
      </c>
      <c r="BW21" s="280">
        <v>3</v>
      </c>
      <c r="BX21" s="280">
        <v>3</v>
      </c>
      <c r="BY21" s="280">
        <v>0</v>
      </c>
      <c r="BZ21" s="277">
        <v>22</v>
      </c>
      <c r="CA21" s="282">
        <v>26</v>
      </c>
      <c r="CB21" s="276">
        <v>0</v>
      </c>
      <c r="CC21" s="280">
        <v>0</v>
      </c>
      <c r="CD21" s="277">
        <v>0</v>
      </c>
      <c r="CE21" s="279">
        <v>0</v>
      </c>
      <c r="CF21" s="280">
        <v>0</v>
      </c>
      <c r="CG21" s="280">
        <v>0</v>
      </c>
      <c r="CH21" s="280">
        <v>2</v>
      </c>
      <c r="CI21" s="280">
        <v>0</v>
      </c>
      <c r="CJ21" s="280">
        <v>1</v>
      </c>
      <c r="CK21" s="277">
        <v>3</v>
      </c>
      <c r="CL21" s="282">
        <v>3</v>
      </c>
      <c r="CM21" s="276">
        <v>0</v>
      </c>
      <c r="CN21" s="280">
        <v>0</v>
      </c>
      <c r="CO21" s="277">
        <v>0</v>
      </c>
      <c r="CP21" s="279">
        <v>0</v>
      </c>
      <c r="CQ21" s="280">
        <v>0</v>
      </c>
      <c r="CR21" s="280">
        <v>0</v>
      </c>
      <c r="CS21" s="280">
        <v>1</v>
      </c>
      <c r="CT21" s="280">
        <v>0</v>
      </c>
      <c r="CU21" s="280">
        <v>0</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10</v>
      </c>
      <c r="DV21" s="277">
        <v>14</v>
      </c>
      <c r="DW21" s="279">
        <v>0</v>
      </c>
      <c r="DX21" s="280">
        <v>31</v>
      </c>
      <c r="DY21" s="280">
        <v>26</v>
      </c>
      <c r="DZ21" s="280">
        <v>16</v>
      </c>
      <c r="EA21" s="280">
        <v>14</v>
      </c>
      <c r="EB21" s="280">
        <v>8</v>
      </c>
      <c r="EC21" s="277">
        <v>95</v>
      </c>
      <c r="ED21" s="282">
        <v>109</v>
      </c>
      <c r="EE21" s="276">
        <v>2</v>
      </c>
      <c r="EF21" s="280">
        <v>2</v>
      </c>
      <c r="EG21" s="277">
        <v>4</v>
      </c>
      <c r="EH21" s="279">
        <v>0</v>
      </c>
      <c r="EI21" s="280">
        <v>7</v>
      </c>
      <c r="EJ21" s="280">
        <v>6</v>
      </c>
      <c r="EK21" s="280">
        <v>4</v>
      </c>
      <c r="EL21" s="280">
        <v>2</v>
      </c>
      <c r="EM21" s="280">
        <v>0</v>
      </c>
      <c r="EN21" s="277">
        <v>19</v>
      </c>
      <c r="EO21" s="282">
        <v>23</v>
      </c>
      <c r="EP21" s="276">
        <v>9</v>
      </c>
      <c r="EQ21" s="280">
        <v>12</v>
      </c>
      <c r="ER21" s="277">
        <v>21</v>
      </c>
      <c r="ES21" s="279">
        <v>0</v>
      </c>
      <c r="ET21" s="280">
        <v>51</v>
      </c>
      <c r="EU21" s="280">
        <v>36</v>
      </c>
      <c r="EV21" s="280">
        <v>17</v>
      </c>
      <c r="EW21" s="280">
        <v>13</v>
      </c>
      <c r="EX21" s="280">
        <v>7</v>
      </c>
      <c r="EY21" s="277">
        <v>124</v>
      </c>
      <c r="EZ21" s="282">
        <v>145</v>
      </c>
    </row>
    <row r="22" spans="2:156" ht="21" customHeight="1" x14ac:dyDescent="0.2">
      <c r="B22" s="261" t="s">
        <v>20</v>
      </c>
      <c r="C22" s="276">
        <v>0</v>
      </c>
      <c r="D22" s="280">
        <v>0</v>
      </c>
      <c r="E22" s="384">
        <v>0</v>
      </c>
      <c r="F22" s="279">
        <v>0</v>
      </c>
      <c r="G22" s="280">
        <v>21</v>
      </c>
      <c r="H22" s="280">
        <v>19</v>
      </c>
      <c r="I22" s="280">
        <v>12</v>
      </c>
      <c r="J22" s="280">
        <v>8</v>
      </c>
      <c r="K22" s="280">
        <v>4</v>
      </c>
      <c r="L22" s="281">
        <v>64</v>
      </c>
      <c r="M22" s="282">
        <v>64</v>
      </c>
      <c r="N22" s="276">
        <v>0</v>
      </c>
      <c r="O22" s="280">
        <v>0</v>
      </c>
      <c r="P22" s="277">
        <v>0</v>
      </c>
      <c r="Q22" s="279">
        <v>0</v>
      </c>
      <c r="R22" s="280">
        <v>0</v>
      </c>
      <c r="S22" s="280">
        <v>0</v>
      </c>
      <c r="T22" s="280">
        <v>0</v>
      </c>
      <c r="U22" s="280">
        <v>2</v>
      </c>
      <c r="V22" s="280">
        <v>2</v>
      </c>
      <c r="W22" s="277">
        <v>4</v>
      </c>
      <c r="X22" s="282">
        <v>4</v>
      </c>
      <c r="Y22" s="276">
        <v>3</v>
      </c>
      <c r="Z22" s="280">
        <v>2</v>
      </c>
      <c r="AA22" s="277">
        <v>5</v>
      </c>
      <c r="AB22" s="279">
        <v>0</v>
      </c>
      <c r="AC22" s="280">
        <v>27</v>
      </c>
      <c r="AD22" s="280">
        <v>19</v>
      </c>
      <c r="AE22" s="280">
        <v>9</v>
      </c>
      <c r="AF22" s="280">
        <v>6</v>
      </c>
      <c r="AG22" s="280">
        <v>4</v>
      </c>
      <c r="AH22" s="277">
        <v>65</v>
      </c>
      <c r="AI22" s="282">
        <v>70</v>
      </c>
      <c r="AJ22" s="276">
        <v>1</v>
      </c>
      <c r="AK22" s="280">
        <v>3</v>
      </c>
      <c r="AL22" s="277">
        <v>4</v>
      </c>
      <c r="AM22" s="279">
        <v>0</v>
      </c>
      <c r="AN22" s="280">
        <v>6</v>
      </c>
      <c r="AO22" s="280">
        <v>6</v>
      </c>
      <c r="AP22" s="280">
        <v>4</v>
      </c>
      <c r="AQ22" s="280">
        <v>2</v>
      </c>
      <c r="AR22" s="280">
        <v>0</v>
      </c>
      <c r="AS22" s="277">
        <v>18</v>
      </c>
      <c r="AT22" s="282">
        <v>22</v>
      </c>
      <c r="AU22" s="276">
        <v>3</v>
      </c>
      <c r="AV22" s="280">
        <v>5</v>
      </c>
      <c r="AW22" s="277">
        <v>8</v>
      </c>
      <c r="AX22" s="279">
        <v>0</v>
      </c>
      <c r="AY22" s="280">
        <v>18</v>
      </c>
      <c r="AZ22" s="280">
        <v>20</v>
      </c>
      <c r="BA22" s="280">
        <v>24</v>
      </c>
      <c r="BB22" s="280">
        <v>16</v>
      </c>
      <c r="BC22" s="280">
        <v>8</v>
      </c>
      <c r="BD22" s="281">
        <v>86</v>
      </c>
      <c r="BE22" s="282">
        <v>94</v>
      </c>
      <c r="BF22" s="276">
        <v>0</v>
      </c>
      <c r="BG22" s="280">
        <v>0</v>
      </c>
      <c r="BH22" s="277">
        <v>0</v>
      </c>
      <c r="BI22" s="279">
        <v>0</v>
      </c>
      <c r="BJ22" s="280">
        <v>21</v>
      </c>
      <c r="BK22" s="280">
        <v>18</v>
      </c>
      <c r="BL22" s="280">
        <v>13</v>
      </c>
      <c r="BM22" s="280">
        <v>5</v>
      </c>
      <c r="BN22" s="280">
        <v>1</v>
      </c>
      <c r="BO22" s="277">
        <v>58</v>
      </c>
      <c r="BP22" s="282">
        <v>58</v>
      </c>
      <c r="BQ22" s="276">
        <v>2</v>
      </c>
      <c r="BR22" s="280">
        <v>1</v>
      </c>
      <c r="BS22" s="277">
        <v>3</v>
      </c>
      <c r="BT22" s="279">
        <v>0</v>
      </c>
      <c r="BU22" s="280">
        <v>11</v>
      </c>
      <c r="BV22" s="280">
        <v>8</v>
      </c>
      <c r="BW22" s="280">
        <v>7</v>
      </c>
      <c r="BX22" s="280">
        <v>4</v>
      </c>
      <c r="BY22" s="280">
        <v>1</v>
      </c>
      <c r="BZ22" s="277">
        <v>31</v>
      </c>
      <c r="CA22" s="282">
        <v>34</v>
      </c>
      <c r="CB22" s="276">
        <v>1</v>
      </c>
      <c r="CC22" s="280">
        <v>2</v>
      </c>
      <c r="CD22" s="277">
        <v>3</v>
      </c>
      <c r="CE22" s="279">
        <v>0</v>
      </c>
      <c r="CF22" s="280">
        <v>1</v>
      </c>
      <c r="CG22" s="280">
        <v>3</v>
      </c>
      <c r="CH22" s="280">
        <v>6</v>
      </c>
      <c r="CI22" s="280">
        <v>6</v>
      </c>
      <c r="CJ22" s="280">
        <v>1</v>
      </c>
      <c r="CK22" s="277">
        <v>17</v>
      </c>
      <c r="CL22" s="282">
        <v>20</v>
      </c>
      <c r="CM22" s="276">
        <v>0</v>
      </c>
      <c r="CN22" s="280">
        <v>0</v>
      </c>
      <c r="CO22" s="277">
        <v>0</v>
      </c>
      <c r="CP22" s="279">
        <v>0</v>
      </c>
      <c r="CQ22" s="280">
        <v>0</v>
      </c>
      <c r="CR22" s="280">
        <v>0</v>
      </c>
      <c r="CS22" s="280">
        <v>1</v>
      </c>
      <c r="CT22" s="280">
        <v>2</v>
      </c>
      <c r="CU22" s="280">
        <v>0</v>
      </c>
      <c r="CV22" s="277">
        <v>3</v>
      </c>
      <c r="CW22" s="282">
        <v>3</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9</v>
      </c>
      <c r="DU22" s="280">
        <v>20</v>
      </c>
      <c r="DV22" s="277">
        <v>29</v>
      </c>
      <c r="DW22" s="279">
        <v>0</v>
      </c>
      <c r="DX22" s="280">
        <v>46</v>
      </c>
      <c r="DY22" s="280">
        <v>40</v>
      </c>
      <c r="DZ22" s="280">
        <v>28</v>
      </c>
      <c r="EA22" s="280">
        <v>16</v>
      </c>
      <c r="EB22" s="280">
        <v>8</v>
      </c>
      <c r="EC22" s="277">
        <v>138</v>
      </c>
      <c r="ED22" s="282">
        <v>167</v>
      </c>
      <c r="EE22" s="276">
        <v>2</v>
      </c>
      <c r="EF22" s="280">
        <v>2</v>
      </c>
      <c r="EG22" s="277">
        <v>4</v>
      </c>
      <c r="EH22" s="279">
        <v>0</v>
      </c>
      <c r="EI22" s="280">
        <v>5</v>
      </c>
      <c r="EJ22" s="280">
        <v>6</v>
      </c>
      <c r="EK22" s="280">
        <v>7</v>
      </c>
      <c r="EL22" s="280">
        <v>6</v>
      </c>
      <c r="EM22" s="280">
        <v>7</v>
      </c>
      <c r="EN22" s="277">
        <v>31</v>
      </c>
      <c r="EO22" s="282">
        <v>35</v>
      </c>
      <c r="EP22" s="276">
        <v>13</v>
      </c>
      <c r="EQ22" s="280">
        <v>27</v>
      </c>
      <c r="ER22" s="277">
        <v>40</v>
      </c>
      <c r="ES22" s="279">
        <v>0</v>
      </c>
      <c r="ET22" s="280">
        <v>89</v>
      </c>
      <c r="EU22" s="280">
        <v>55</v>
      </c>
      <c r="EV22" s="280">
        <v>35</v>
      </c>
      <c r="EW22" s="280">
        <v>22</v>
      </c>
      <c r="EX22" s="280">
        <v>7</v>
      </c>
      <c r="EY22" s="277">
        <v>208</v>
      </c>
      <c r="EZ22" s="282">
        <v>248</v>
      </c>
    </row>
    <row r="23" spans="2:156" ht="21" customHeight="1" x14ac:dyDescent="0.2">
      <c r="B23" s="261" t="s">
        <v>21</v>
      </c>
      <c r="C23" s="276">
        <v>0</v>
      </c>
      <c r="D23" s="280">
        <v>0</v>
      </c>
      <c r="E23" s="384">
        <v>0</v>
      </c>
      <c r="F23" s="279">
        <v>0</v>
      </c>
      <c r="G23" s="280">
        <v>15</v>
      </c>
      <c r="H23" s="280">
        <v>10</v>
      </c>
      <c r="I23" s="280">
        <v>5</v>
      </c>
      <c r="J23" s="280">
        <v>9</v>
      </c>
      <c r="K23" s="280">
        <v>5</v>
      </c>
      <c r="L23" s="281">
        <v>44</v>
      </c>
      <c r="M23" s="282">
        <v>44</v>
      </c>
      <c r="N23" s="276">
        <v>0</v>
      </c>
      <c r="O23" s="280">
        <v>0</v>
      </c>
      <c r="P23" s="277">
        <v>0</v>
      </c>
      <c r="Q23" s="279">
        <v>0</v>
      </c>
      <c r="R23" s="280">
        <v>0</v>
      </c>
      <c r="S23" s="280">
        <v>0</v>
      </c>
      <c r="T23" s="280">
        <v>1</v>
      </c>
      <c r="U23" s="280">
        <v>1</v>
      </c>
      <c r="V23" s="280">
        <v>4</v>
      </c>
      <c r="W23" s="277">
        <v>6</v>
      </c>
      <c r="X23" s="282">
        <v>6</v>
      </c>
      <c r="Y23" s="276">
        <v>3</v>
      </c>
      <c r="Z23" s="280">
        <v>4</v>
      </c>
      <c r="AA23" s="277">
        <v>7</v>
      </c>
      <c r="AB23" s="279">
        <v>0</v>
      </c>
      <c r="AC23" s="280">
        <v>13</v>
      </c>
      <c r="AD23" s="280">
        <v>18</v>
      </c>
      <c r="AE23" s="280">
        <v>9</v>
      </c>
      <c r="AF23" s="280">
        <v>11</v>
      </c>
      <c r="AG23" s="280">
        <v>7</v>
      </c>
      <c r="AH23" s="277">
        <v>58</v>
      </c>
      <c r="AI23" s="282">
        <v>65</v>
      </c>
      <c r="AJ23" s="276">
        <v>0</v>
      </c>
      <c r="AK23" s="280">
        <v>1</v>
      </c>
      <c r="AL23" s="277">
        <v>1</v>
      </c>
      <c r="AM23" s="279">
        <v>0</v>
      </c>
      <c r="AN23" s="280">
        <v>1</v>
      </c>
      <c r="AO23" s="280">
        <v>3</v>
      </c>
      <c r="AP23" s="280">
        <v>1</v>
      </c>
      <c r="AQ23" s="280">
        <v>1</v>
      </c>
      <c r="AR23" s="280">
        <v>0</v>
      </c>
      <c r="AS23" s="277">
        <v>6</v>
      </c>
      <c r="AT23" s="282">
        <v>7</v>
      </c>
      <c r="AU23" s="276">
        <v>4</v>
      </c>
      <c r="AV23" s="280">
        <v>4</v>
      </c>
      <c r="AW23" s="277">
        <v>8</v>
      </c>
      <c r="AX23" s="279">
        <v>0</v>
      </c>
      <c r="AY23" s="280">
        <v>12</v>
      </c>
      <c r="AZ23" s="280">
        <v>17</v>
      </c>
      <c r="BA23" s="280">
        <v>11</v>
      </c>
      <c r="BB23" s="280">
        <v>20</v>
      </c>
      <c r="BC23" s="280">
        <v>10</v>
      </c>
      <c r="BD23" s="281">
        <v>70</v>
      </c>
      <c r="BE23" s="282">
        <v>78</v>
      </c>
      <c r="BF23" s="276">
        <v>0</v>
      </c>
      <c r="BG23" s="280">
        <v>0</v>
      </c>
      <c r="BH23" s="277">
        <v>0</v>
      </c>
      <c r="BI23" s="279">
        <v>0</v>
      </c>
      <c r="BJ23" s="280">
        <v>18</v>
      </c>
      <c r="BK23" s="280">
        <v>17</v>
      </c>
      <c r="BL23" s="280">
        <v>11</v>
      </c>
      <c r="BM23" s="280">
        <v>4</v>
      </c>
      <c r="BN23" s="280">
        <v>3</v>
      </c>
      <c r="BO23" s="277">
        <v>53</v>
      </c>
      <c r="BP23" s="282">
        <v>53</v>
      </c>
      <c r="BQ23" s="276">
        <v>2</v>
      </c>
      <c r="BR23" s="280">
        <v>0</v>
      </c>
      <c r="BS23" s="277">
        <v>2</v>
      </c>
      <c r="BT23" s="279">
        <v>0</v>
      </c>
      <c r="BU23" s="280">
        <v>8</v>
      </c>
      <c r="BV23" s="280">
        <v>10</v>
      </c>
      <c r="BW23" s="280">
        <v>1</v>
      </c>
      <c r="BX23" s="280">
        <v>1</v>
      </c>
      <c r="BY23" s="280">
        <v>0</v>
      </c>
      <c r="BZ23" s="277">
        <v>20</v>
      </c>
      <c r="CA23" s="282">
        <v>22</v>
      </c>
      <c r="CB23" s="276">
        <v>0</v>
      </c>
      <c r="CC23" s="280">
        <v>0</v>
      </c>
      <c r="CD23" s="277">
        <v>0</v>
      </c>
      <c r="CE23" s="279">
        <v>0</v>
      </c>
      <c r="CF23" s="280">
        <v>1</v>
      </c>
      <c r="CG23" s="280">
        <v>1</v>
      </c>
      <c r="CH23" s="280">
        <v>7</v>
      </c>
      <c r="CI23" s="280">
        <v>4</v>
      </c>
      <c r="CJ23" s="280">
        <v>2</v>
      </c>
      <c r="CK23" s="277">
        <v>15</v>
      </c>
      <c r="CL23" s="282">
        <v>15</v>
      </c>
      <c r="CM23" s="276">
        <v>0</v>
      </c>
      <c r="CN23" s="280">
        <v>0</v>
      </c>
      <c r="CO23" s="277">
        <v>0</v>
      </c>
      <c r="CP23" s="279">
        <v>0</v>
      </c>
      <c r="CQ23" s="280">
        <v>0</v>
      </c>
      <c r="CR23" s="280">
        <v>1</v>
      </c>
      <c r="CS23" s="280">
        <v>0</v>
      </c>
      <c r="CT23" s="280">
        <v>0</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6</v>
      </c>
      <c r="DU23" s="280">
        <v>12</v>
      </c>
      <c r="DV23" s="277">
        <v>18</v>
      </c>
      <c r="DW23" s="279">
        <v>0</v>
      </c>
      <c r="DX23" s="280">
        <v>19</v>
      </c>
      <c r="DY23" s="280">
        <v>40</v>
      </c>
      <c r="DZ23" s="280">
        <v>24</v>
      </c>
      <c r="EA23" s="280">
        <v>20</v>
      </c>
      <c r="EB23" s="280">
        <v>9</v>
      </c>
      <c r="EC23" s="277">
        <v>112</v>
      </c>
      <c r="ED23" s="282">
        <v>130</v>
      </c>
      <c r="EE23" s="276">
        <v>1</v>
      </c>
      <c r="EF23" s="280">
        <v>1</v>
      </c>
      <c r="EG23" s="277">
        <v>2</v>
      </c>
      <c r="EH23" s="279">
        <v>0</v>
      </c>
      <c r="EI23" s="280">
        <v>7</v>
      </c>
      <c r="EJ23" s="280">
        <v>4</v>
      </c>
      <c r="EK23" s="280">
        <v>6</v>
      </c>
      <c r="EL23" s="280">
        <v>6</v>
      </c>
      <c r="EM23" s="280">
        <v>1</v>
      </c>
      <c r="EN23" s="277">
        <v>24</v>
      </c>
      <c r="EO23" s="282">
        <v>26</v>
      </c>
      <c r="EP23" s="276">
        <v>11</v>
      </c>
      <c r="EQ23" s="280">
        <v>15</v>
      </c>
      <c r="ER23" s="277">
        <v>26</v>
      </c>
      <c r="ES23" s="279">
        <v>0</v>
      </c>
      <c r="ET23" s="280">
        <v>49</v>
      </c>
      <c r="EU23" s="280">
        <v>53</v>
      </c>
      <c r="EV23" s="280">
        <v>29</v>
      </c>
      <c r="EW23" s="280">
        <v>21</v>
      </c>
      <c r="EX23" s="280">
        <v>9</v>
      </c>
      <c r="EY23" s="277">
        <v>161</v>
      </c>
      <c r="EZ23" s="282">
        <v>187</v>
      </c>
    </row>
    <row r="24" spans="2:156" ht="21" customHeight="1" x14ac:dyDescent="0.2">
      <c r="B24" s="261" t="s">
        <v>22</v>
      </c>
      <c r="C24" s="276">
        <v>0</v>
      </c>
      <c r="D24" s="280">
        <v>0</v>
      </c>
      <c r="E24" s="384">
        <v>0</v>
      </c>
      <c r="F24" s="279">
        <v>0</v>
      </c>
      <c r="G24" s="280">
        <v>6</v>
      </c>
      <c r="H24" s="280">
        <v>7</v>
      </c>
      <c r="I24" s="280">
        <v>3</v>
      </c>
      <c r="J24" s="280">
        <v>5</v>
      </c>
      <c r="K24" s="280">
        <v>1</v>
      </c>
      <c r="L24" s="281">
        <v>22</v>
      </c>
      <c r="M24" s="282">
        <v>22</v>
      </c>
      <c r="N24" s="276">
        <v>0</v>
      </c>
      <c r="O24" s="280">
        <v>0</v>
      </c>
      <c r="P24" s="277">
        <v>0</v>
      </c>
      <c r="Q24" s="279">
        <v>0</v>
      </c>
      <c r="R24" s="280">
        <v>0</v>
      </c>
      <c r="S24" s="280">
        <v>0</v>
      </c>
      <c r="T24" s="280">
        <v>0</v>
      </c>
      <c r="U24" s="280">
        <v>1</v>
      </c>
      <c r="V24" s="280">
        <v>0</v>
      </c>
      <c r="W24" s="277">
        <v>1</v>
      </c>
      <c r="X24" s="282">
        <v>1</v>
      </c>
      <c r="Y24" s="276">
        <v>0</v>
      </c>
      <c r="Z24" s="280">
        <v>1</v>
      </c>
      <c r="AA24" s="277">
        <v>1</v>
      </c>
      <c r="AB24" s="279">
        <v>0</v>
      </c>
      <c r="AC24" s="280">
        <v>3</v>
      </c>
      <c r="AD24" s="280">
        <v>2</v>
      </c>
      <c r="AE24" s="280">
        <v>5</v>
      </c>
      <c r="AF24" s="280">
        <v>4</v>
      </c>
      <c r="AG24" s="280">
        <v>2</v>
      </c>
      <c r="AH24" s="277">
        <v>16</v>
      </c>
      <c r="AI24" s="282">
        <v>17</v>
      </c>
      <c r="AJ24" s="276">
        <v>0</v>
      </c>
      <c r="AK24" s="280">
        <v>0</v>
      </c>
      <c r="AL24" s="277">
        <v>0</v>
      </c>
      <c r="AM24" s="279">
        <v>0</v>
      </c>
      <c r="AN24" s="280">
        <v>0</v>
      </c>
      <c r="AO24" s="280">
        <v>1</v>
      </c>
      <c r="AP24" s="280">
        <v>1</v>
      </c>
      <c r="AQ24" s="280">
        <v>0</v>
      </c>
      <c r="AR24" s="280">
        <v>0</v>
      </c>
      <c r="AS24" s="277">
        <v>2</v>
      </c>
      <c r="AT24" s="282">
        <v>2</v>
      </c>
      <c r="AU24" s="276">
        <v>0</v>
      </c>
      <c r="AV24" s="280">
        <v>1</v>
      </c>
      <c r="AW24" s="277">
        <v>1</v>
      </c>
      <c r="AX24" s="279">
        <v>0</v>
      </c>
      <c r="AY24" s="280">
        <v>6</v>
      </c>
      <c r="AZ24" s="280">
        <v>7</v>
      </c>
      <c r="BA24" s="280">
        <v>4</v>
      </c>
      <c r="BB24" s="280">
        <v>4</v>
      </c>
      <c r="BC24" s="280">
        <v>1</v>
      </c>
      <c r="BD24" s="281">
        <v>22</v>
      </c>
      <c r="BE24" s="282">
        <v>23</v>
      </c>
      <c r="BF24" s="276">
        <v>0</v>
      </c>
      <c r="BG24" s="280">
        <v>0</v>
      </c>
      <c r="BH24" s="277">
        <v>0</v>
      </c>
      <c r="BI24" s="279">
        <v>0</v>
      </c>
      <c r="BJ24" s="280">
        <v>9</v>
      </c>
      <c r="BK24" s="280">
        <v>8</v>
      </c>
      <c r="BL24" s="280">
        <v>7</v>
      </c>
      <c r="BM24" s="280">
        <v>3</v>
      </c>
      <c r="BN24" s="280">
        <v>2</v>
      </c>
      <c r="BO24" s="277">
        <v>29</v>
      </c>
      <c r="BP24" s="282">
        <v>29</v>
      </c>
      <c r="BQ24" s="276">
        <v>0</v>
      </c>
      <c r="BR24" s="280">
        <v>0</v>
      </c>
      <c r="BS24" s="277">
        <v>0</v>
      </c>
      <c r="BT24" s="279">
        <v>0</v>
      </c>
      <c r="BU24" s="280">
        <v>2</v>
      </c>
      <c r="BV24" s="280">
        <v>3</v>
      </c>
      <c r="BW24" s="280">
        <v>3</v>
      </c>
      <c r="BX24" s="280">
        <v>1</v>
      </c>
      <c r="BY24" s="280">
        <v>1</v>
      </c>
      <c r="BZ24" s="277">
        <v>10</v>
      </c>
      <c r="CA24" s="282">
        <v>10</v>
      </c>
      <c r="CB24" s="276">
        <v>0</v>
      </c>
      <c r="CC24" s="280">
        <v>0</v>
      </c>
      <c r="CD24" s="277">
        <v>0</v>
      </c>
      <c r="CE24" s="279">
        <v>0</v>
      </c>
      <c r="CF24" s="280">
        <v>2</v>
      </c>
      <c r="CG24" s="280">
        <v>1</v>
      </c>
      <c r="CH24" s="280">
        <v>2</v>
      </c>
      <c r="CI24" s="280">
        <v>4</v>
      </c>
      <c r="CJ24" s="280">
        <v>0</v>
      </c>
      <c r="CK24" s="277">
        <v>9</v>
      </c>
      <c r="CL24" s="282">
        <v>9</v>
      </c>
      <c r="CM24" s="276">
        <v>0</v>
      </c>
      <c r="CN24" s="280">
        <v>0</v>
      </c>
      <c r="CO24" s="277">
        <v>0</v>
      </c>
      <c r="CP24" s="279">
        <v>0</v>
      </c>
      <c r="CQ24" s="280">
        <v>0</v>
      </c>
      <c r="CR24" s="280">
        <v>0</v>
      </c>
      <c r="CS24" s="280">
        <v>1</v>
      </c>
      <c r="CT24" s="280">
        <v>1</v>
      </c>
      <c r="CU24" s="280">
        <v>0</v>
      </c>
      <c r="CV24" s="277">
        <v>2</v>
      </c>
      <c r="CW24" s="282">
        <v>2</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1</v>
      </c>
      <c r="DU24" s="280">
        <v>8</v>
      </c>
      <c r="DV24" s="277">
        <v>9</v>
      </c>
      <c r="DW24" s="279">
        <v>0</v>
      </c>
      <c r="DX24" s="280">
        <v>16</v>
      </c>
      <c r="DY24" s="280">
        <v>14</v>
      </c>
      <c r="DZ24" s="280">
        <v>10</v>
      </c>
      <c r="EA24" s="280">
        <v>10</v>
      </c>
      <c r="EB24" s="280">
        <v>5</v>
      </c>
      <c r="EC24" s="277">
        <v>55</v>
      </c>
      <c r="ED24" s="282">
        <v>64</v>
      </c>
      <c r="EE24" s="276">
        <v>0</v>
      </c>
      <c r="EF24" s="280">
        <v>1</v>
      </c>
      <c r="EG24" s="277">
        <v>1</v>
      </c>
      <c r="EH24" s="279">
        <v>0</v>
      </c>
      <c r="EI24" s="280">
        <v>4</v>
      </c>
      <c r="EJ24" s="280">
        <v>3</v>
      </c>
      <c r="EK24" s="280">
        <v>1</v>
      </c>
      <c r="EL24" s="280">
        <v>1</v>
      </c>
      <c r="EM24" s="280">
        <v>0</v>
      </c>
      <c r="EN24" s="277">
        <v>9</v>
      </c>
      <c r="EO24" s="282">
        <v>10</v>
      </c>
      <c r="EP24" s="276">
        <v>1</v>
      </c>
      <c r="EQ24" s="280">
        <v>10</v>
      </c>
      <c r="ER24" s="277">
        <v>11</v>
      </c>
      <c r="ES24" s="279">
        <v>0</v>
      </c>
      <c r="ET24" s="280">
        <v>26</v>
      </c>
      <c r="EU24" s="280">
        <v>20</v>
      </c>
      <c r="EV24" s="280">
        <v>12</v>
      </c>
      <c r="EW24" s="280">
        <v>11</v>
      </c>
      <c r="EX24" s="280">
        <v>5</v>
      </c>
      <c r="EY24" s="277">
        <v>74</v>
      </c>
      <c r="EZ24" s="282">
        <v>85</v>
      </c>
    </row>
    <row r="25" spans="2:156" ht="21" customHeight="1" x14ac:dyDescent="0.2">
      <c r="B25" s="261" t="s">
        <v>23</v>
      </c>
      <c r="C25" s="276">
        <v>0</v>
      </c>
      <c r="D25" s="280">
        <v>0</v>
      </c>
      <c r="E25" s="384">
        <v>0</v>
      </c>
      <c r="F25" s="279">
        <v>0</v>
      </c>
      <c r="G25" s="280">
        <v>4</v>
      </c>
      <c r="H25" s="280">
        <v>8</v>
      </c>
      <c r="I25" s="280">
        <v>5</v>
      </c>
      <c r="J25" s="280">
        <v>2</v>
      </c>
      <c r="K25" s="280">
        <v>2</v>
      </c>
      <c r="L25" s="281">
        <v>21</v>
      </c>
      <c r="M25" s="282">
        <v>21</v>
      </c>
      <c r="N25" s="276">
        <v>0</v>
      </c>
      <c r="O25" s="280">
        <v>0</v>
      </c>
      <c r="P25" s="277">
        <v>0</v>
      </c>
      <c r="Q25" s="279">
        <v>0</v>
      </c>
      <c r="R25" s="280">
        <v>0</v>
      </c>
      <c r="S25" s="280">
        <v>1</v>
      </c>
      <c r="T25" s="280">
        <v>0</v>
      </c>
      <c r="U25" s="280">
        <v>0</v>
      </c>
      <c r="V25" s="280">
        <v>0</v>
      </c>
      <c r="W25" s="277">
        <v>1</v>
      </c>
      <c r="X25" s="282">
        <v>1</v>
      </c>
      <c r="Y25" s="276">
        <v>3</v>
      </c>
      <c r="Z25" s="280">
        <v>4</v>
      </c>
      <c r="AA25" s="277">
        <v>7</v>
      </c>
      <c r="AB25" s="279">
        <v>0</v>
      </c>
      <c r="AC25" s="280">
        <v>6</v>
      </c>
      <c r="AD25" s="280">
        <v>13</v>
      </c>
      <c r="AE25" s="280">
        <v>5</v>
      </c>
      <c r="AF25" s="280">
        <v>1</v>
      </c>
      <c r="AG25" s="280">
        <v>2</v>
      </c>
      <c r="AH25" s="277">
        <v>27</v>
      </c>
      <c r="AI25" s="282">
        <v>34</v>
      </c>
      <c r="AJ25" s="276">
        <v>0</v>
      </c>
      <c r="AK25" s="280">
        <v>0</v>
      </c>
      <c r="AL25" s="277">
        <v>0</v>
      </c>
      <c r="AM25" s="279">
        <v>0</v>
      </c>
      <c r="AN25" s="280">
        <v>1</v>
      </c>
      <c r="AO25" s="280">
        <v>1</v>
      </c>
      <c r="AP25" s="280">
        <v>0</v>
      </c>
      <c r="AQ25" s="280">
        <v>0</v>
      </c>
      <c r="AR25" s="280">
        <v>1</v>
      </c>
      <c r="AS25" s="277">
        <v>3</v>
      </c>
      <c r="AT25" s="282">
        <v>3</v>
      </c>
      <c r="AU25" s="276">
        <v>3</v>
      </c>
      <c r="AV25" s="280">
        <v>0</v>
      </c>
      <c r="AW25" s="277">
        <v>3</v>
      </c>
      <c r="AX25" s="279">
        <v>0</v>
      </c>
      <c r="AY25" s="280">
        <v>15</v>
      </c>
      <c r="AZ25" s="280">
        <v>10</v>
      </c>
      <c r="BA25" s="280">
        <v>7</v>
      </c>
      <c r="BB25" s="280">
        <v>10</v>
      </c>
      <c r="BC25" s="280">
        <v>7</v>
      </c>
      <c r="BD25" s="281">
        <v>49</v>
      </c>
      <c r="BE25" s="282">
        <v>52</v>
      </c>
      <c r="BF25" s="276">
        <v>0</v>
      </c>
      <c r="BG25" s="280">
        <v>0</v>
      </c>
      <c r="BH25" s="277">
        <v>0</v>
      </c>
      <c r="BI25" s="279">
        <v>0</v>
      </c>
      <c r="BJ25" s="280">
        <v>14</v>
      </c>
      <c r="BK25" s="280">
        <v>14</v>
      </c>
      <c r="BL25" s="280">
        <v>8</v>
      </c>
      <c r="BM25" s="280">
        <v>2</v>
      </c>
      <c r="BN25" s="280">
        <v>2</v>
      </c>
      <c r="BO25" s="277">
        <v>40</v>
      </c>
      <c r="BP25" s="282">
        <v>40</v>
      </c>
      <c r="BQ25" s="276">
        <v>0</v>
      </c>
      <c r="BR25" s="280">
        <v>0</v>
      </c>
      <c r="BS25" s="277">
        <v>0</v>
      </c>
      <c r="BT25" s="279">
        <v>0</v>
      </c>
      <c r="BU25" s="280">
        <v>3</v>
      </c>
      <c r="BV25" s="280">
        <v>5</v>
      </c>
      <c r="BW25" s="280">
        <v>3</v>
      </c>
      <c r="BX25" s="280">
        <v>0</v>
      </c>
      <c r="BY25" s="280">
        <v>2</v>
      </c>
      <c r="BZ25" s="277">
        <v>13</v>
      </c>
      <c r="CA25" s="282">
        <v>13</v>
      </c>
      <c r="CB25" s="276">
        <v>0</v>
      </c>
      <c r="CC25" s="280">
        <v>0</v>
      </c>
      <c r="CD25" s="277">
        <v>0</v>
      </c>
      <c r="CE25" s="279">
        <v>0</v>
      </c>
      <c r="CF25" s="280">
        <v>2</v>
      </c>
      <c r="CG25" s="280">
        <v>1</v>
      </c>
      <c r="CH25" s="280">
        <v>3</v>
      </c>
      <c r="CI25" s="280">
        <v>2</v>
      </c>
      <c r="CJ25" s="280">
        <v>1</v>
      </c>
      <c r="CK25" s="277">
        <v>9</v>
      </c>
      <c r="CL25" s="282">
        <v>9</v>
      </c>
      <c r="CM25" s="276">
        <v>0</v>
      </c>
      <c r="CN25" s="280">
        <v>1</v>
      </c>
      <c r="CO25" s="277">
        <v>1</v>
      </c>
      <c r="CP25" s="279">
        <v>0</v>
      </c>
      <c r="CQ25" s="280">
        <v>1</v>
      </c>
      <c r="CR25" s="280">
        <v>0</v>
      </c>
      <c r="CS25" s="280">
        <v>0</v>
      </c>
      <c r="CT25" s="280">
        <v>0</v>
      </c>
      <c r="CU25" s="280">
        <v>1</v>
      </c>
      <c r="CV25" s="277">
        <v>2</v>
      </c>
      <c r="CW25" s="282">
        <v>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9</v>
      </c>
      <c r="DV25" s="277">
        <v>12</v>
      </c>
      <c r="DW25" s="279">
        <v>0</v>
      </c>
      <c r="DX25" s="280">
        <v>15</v>
      </c>
      <c r="DY25" s="280">
        <v>23</v>
      </c>
      <c r="DZ25" s="280">
        <v>9</v>
      </c>
      <c r="EA25" s="280">
        <v>4</v>
      </c>
      <c r="EB25" s="280">
        <v>6</v>
      </c>
      <c r="EC25" s="277">
        <v>57</v>
      </c>
      <c r="ED25" s="282">
        <v>69</v>
      </c>
      <c r="EE25" s="276">
        <v>2</v>
      </c>
      <c r="EF25" s="280">
        <v>0</v>
      </c>
      <c r="EG25" s="277">
        <v>2</v>
      </c>
      <c r="EH25" s="279">
        <v>0</v>
      </c>
      <c r="EI25" s="280">
        <v>9</v>
      </c>
      <c r="EJ25" s="280">
        <v>1</v>
      </c>
      <c r="EK25" s="280">
        <v>0</v>
      </c>
      <c r="EL25" s="280">
        <v>4</v>
      </c>
      <c r="EM25" s="280">
        <v>2</v>
      </c>
      <c r="EN25" s="277">
        <v>16</v>
      </c>
      <c r="EO25" s="282">
        <v>18</v>
      </c>
      <c r="EP25" s="276">
        <v>6</v>
      </c>
      <c r="EQ25" s="280">
        <v>11</v>
      </c>
      <c r="ER25" s="277">
        <v>17</v>
      </c>
      <c r="ES25" s="279">
        <v>0</v>
      </c>
      <c r="ET25" s="280">
        <v>30</v>
      </c>
      <c r="EU25" s="280">
        <v>29</v>
      </c>
      <c r="EV25" s="280">
        <v>11</v>
      </c>
      <c r="EW25" s="280">
        <v>4</v>
      </c>
      <c r="EX25" s="280">
        <v>6</v>
      </c>
      <c r="EY25" s="277">
        <v>80</v>
      </c>
      <c r="EZ25" s="282">
        <v>97</v>
      </c>
    </row>
    <row r="26" spans="2:156" ht="21" customHeight="1" x14ac:dyDescent="0.2">
      <c r="B26" s="261" t="s">
        <v>24</v>
      </c>
      <c r="C26" s="276">
        <v>0</v>
      </c>
      <c r="D26" s="280">
        <v>0</v>
      </c>
      <c r="E26" s="384">
        <v>0</v>
      </c>
      <c r="F26" s="279">
        <v>0</v>
      </c>
      <c r="G26" s="280">
        <v>7</v>
      </c>
      <c r="H26" s="280">
        <v>6</v>
      </c>
      <c r="I26" s="280">
        <v>5</v>
      </c>
      <c r="J26" s="280">
        <v>1</v>
      </c>
      <c r="K26" s="280">
        <v>3</v>
      </c>
      <c r="L26" s="281">
        <v>22</v>
      </c>
      <c r="M26" s="282">
        <v>22</v>
      </c>
      <c r="N26" s="276">
        <v>0</v>
      </c>
      <c r="O26" s="280">
        <v>0</v>
      </c>
      <c r="P26" s="277">
        <v>0</v>
      </c>
      <c r="Q26" s="279">
        <v>0</v>
      </c>
      <c r="R26" s="280">
        <v>0</v>
      </c>
      <c r="S26" s="280">
        <v>1</v>
      </c>
      <c r="T26" s="280">
        <v>0</v>
      </c>
      <c r="U26" s="280">
        <v>1</v>
      </c>
      <c r="V26" s="280">
        <v>2</v>
      </c>
      <c r="W26" s="277">
        <v>4</v>
      </c>
      <c r="X26" s="282">
        <v>4</v>
      </c>
      <c r="Y26" s="276">
        <v>2</v>
      </c>
      <c r="Z26" s="280">
        <v>2</v>
      </c>
      <c r="AA26" s="277">
        <v>4</v>
      </c>
      <c r="AB26" s="279">
        <v>0</v>
      </c>
      <c r="AC26" s="280">
        <v>7</v>
      </c>
      <c r="AD26" s="280">
        <v>5</v>
      </c>
      <c r="AE26" s="280">
        <v>6</v>
      </c>
      <c r="AF26" s="280">
        <v>0</v>
      </c>
      <c r="AG26" s="280">
        <v>2</v>
      </c>
      <c r="AH26" s="277">
        <v>20</v>
      </c>
      <c r="AI26" s="282">
        <v>24</v>
      </c>
      <c r="AJ26" s="276">
        <v>0</v>
      </c>
      <c r="AK26" s="280">
        <v>0</v>
      </c>
      <c r="AL26" s="277">
        <v>0</v>
      </c>
      <c r="AM26" s="279">
        <v>0</v>
      </c>
      <c r="AN26" s="280">
        <v>1</v>
      </c>
      <c r="AO26" s="280">
        <v>2</v>
      </c>
      <c r="AP26" s="280">
        <v>0</v>
      </c>
      <c r="AQ26" s="280">
        <v>1</v>
      </c>
      <c r="AR26" s="280">
        <v>0</v>
      </c>
      <c r="AS26" s="277">
        <v>4</v>
      </c>
      <c r="AT26" s="282">
        <v>4</v>
      </c>
      <c r="AU26" s="276">
        <v>2</v>
      </c>
      <c r="AV26" s="280">
        <v>0</v>
      </c>
      <c r="AW26" s="277">
        <v>2</v>
      </c>
      <c r="AX26" s="279">
        <v>0</v>
      </c>
      <c r="AY26" s="280">
        <v>12</v>
      </c>
      <c r="AZ26" s="280">
        <v>11</v>
      </c>
      <c r="BA26" s="280">
        <v>15</v>
      </c>
      <c r="BB26" s="280">
        <v>3</v>
      </c>
      <c r="BC26" s="280">
        <v>8</v>
      </c>
      <c r="BD26" s="281">
        <v>49</v>
      </c>
      <c r="BE26" s="282">
        <v>51</v>
      </c>
      <c r="BF26" s="276">
        <v>0</v>
      </c>
      <c r="BG26" s="280">
        <v>0</v>
      </c>
      <c r="BH26" s="277">
        <v>0</v>
      </c>
      <c r="BI26" s="279">
        <v>0</v>
      </c>
      <c r="BJ26" s="280">
        <v>15</v>
      </c>
      <c r="BK26" s="280">
        <v>7</v>
      </c>
      <c r="BL26" s="280">
        <v>4</v>
      </c>
      <c r="BM26" s="280">
        <v>0</v>
      </c>
      <c r="BN26" s="280">
        <v>1</v>
      </c>
      <c r="BO26" s="277">
        <v>27</v>
      </c>
      <c r="BP26" s="282">
        <v>27</v>
      </c>
      <c r="BQ26" s="276">
        <v>3</v>
      </c>
      <c r="BR26" s="280">
        <v>2</v>
      </c>
      <c r="BS26" s="277">
        <v>5</v>
      </c>
      <c r="BT26" s="279">
        <v>0</v>
      </c>
      <c r="BU26" s="280">
        <v>1</v>
      </c>
      <c r="BV26" s="280">
        <v>5</v>
      </c>
      <c r="BW26" s="280">
        <v>4</v>
      </c>
      <c r="BX26" s="280">
        <v>0</v>
      </c>
      <c r="BY26" s="280">
        <v>0</v>
      </c>
      <c r="BZ26" s="277">
        <v>10</v>
      </c>
      <c r="CA26" s="282">
        <v>15</v>
      </c>
      <c r="CB26" s="276">
        <v>0</v>
      </c>
      <c r="CC26" s="280">
        <v>0</v>
      </c>
      <c r="CD26" s="277">
        <v>0</v>
      </c>
      <c r="CE26" s="279">
        <v>0</v>
      </c>
      <c r="CF26" s="280">
        <v>2</v>
      </c>
      <c r="CG26" s="280">
        <v>0</v>
      </c>
      <c r="CH26" s="280">
        <v>1</v>
      </c>
      <c r="CI26" s="280">
        <v>0</v>
      </c>
      <c r="CJ26" s="280">
        <v>1</v>
      </c>
      <c r="CK26" s="277">
        <v>4</v>
      </c>
      <c r="CL26" s="282">
        <v>4</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0</v>
      </c>
      <c r="DU26" s="280">
        <v>4</v>
      </c>
      <c r="DV26" s="277">
        <v>14</v>
      </c>
      <c r="DW26" s="279">
        <v>0</v>
      </c>
      <c r="DX26" s="280">
        <v>17</v>
      </c>
      <c r="DY26" s="280">
        <v>21</v>
      </c>
      <c r="DZ26" s="280">
        <v>15</v>
      </c>
      <c r="EA26" s="280">
        <v>2</v>
      </c>
      <c r="EB26" s="280">
        <v>4</v>
      </c>
      <c r="EC26" s="277">
        <v>59</v>
      </c>
      <c r="ED26" s="282">
        <v>73</v>
      </c>
      <c r="EE26" s="276">
        <v>4</v>
      </c>
      <c r="EF26" s="280">
        <v>1</v>
      </c>
      <c r="EG26" s="277">
        <v>5</v>
      </c>
      <c r="EH26" s="279">
        <v>0</v>
      </c>
      <c r="EI26" s="280">
        <v>2</v>
      </c>
      <c r="EJ26" s="280">
        <v>5</v>
      </c>
      <c r="EK26" s="280">
        <v>3</v>
      </c>
      <c r="EL26" s="280">
        <v>2</v>
      </c>
      <c r="EM26" s="280">
        <v>2</v>
      </c>
      <c r="EN26" s="277">
        <v>14</v>
      </c>
      <c r="EO26" s="282">
        <v>19</v>
      </c>
      <c r="EP26" s="276">
        <v>13</v>
      </c>
      <c r="EQ26" s="280">
        <v>6</v>
      </c>
      <c r="ER26" s="277">
        <v>19</v>
      </c>
      <c r="ES26" s="279">
        <v>0</v>
      </c>
      <c r="ET26" s="280">
        <v>33</v>
      </c>
      <c r="EU26" s="280">
        <v>24</v>
      </c>
      <c r="EV26" s="280">
        <v>18</v>
      </c>
      <c r="EW26" s="280">
        <v>2</v>
      </c>
      <c r="EX26" s="280">
        <v>5</v>
      </c>
      <c r="EY26" s="277">
        <v>82</v>
      </c>
      <c r="EZ26" s="282">
        <v>101</v>
      </c>
    </row>
    <row r="27" spans="2:156" ht="21" customHeight="1" x14ac:dyDescent="0.2">
      <c r="B27" s="261" t="s">
        <v>25</v>
      </c>
      <c r="C27" s="276">
        <v>0</v>
      </c>
      <c r="D27" s="280">
        <v>0</v>
      </c>
      <c r="E27" s="384">
        <v>0</v>
      </c>
      <c r="F27" s="279">
        <v>0</v>
      </c>
      <c r="G27" s="280">
        <v>6</v>
      </c>
      <c r="H27" s="280">
        <v>4</v>
      </c>
      <c r="I27" s="280">
        <v>5</v>
      </c>
      <c r="J27" s="280">
        <v>0</v>
      </c>
      <c r="K27" s="280">
        <v>1</v>
      </c>
      <c r="L27" s="281">
        <v>16</v>
      </c>
      <c r="M27" s="282">
        <v>16</v>
      </c>
      <c r="N27" s="276">
        <v>0</v>
      </c>
      <c r="O27" s="280">
        <v>0</v>
      </c>
      <c r="P27" s="277">
        <v>0</v>
      </c>
      <c r="Q27" s="279">
        <v>0</v>
      </c>
      <c r="R27" s="280">
        <v>0</v>
      </c>
      <c r="S27" s="280">
        <v>0</v>
      </c>
      <c r="T27" s="280">
        <v>3</v>
      </c>
      <c r="U27" s="280">
        <v>0</v>
      </c>
      <c r="V27" s="280">
        <v>0</v>
      </c>
      <c r="W27" s="277">
        <v>3</v>
      </c>
      <c r="X27" s="282">
        <v>3</v>
      </c>
      <c r="Y27" s="276">
        <v>0</v>
      </c>
      <c r="Z27" s="280">
        <v>1</v>
      </c>
      <c r="AA27" s="277">
        <v>1</v>
      </c>
      <c r="AB27" s="279">
        <v>0</v>
      </c>
      <c r="AC27" s="280">
        <v>4</v>
      </c>
      <c r="AD27" s="280">
        <v>4</v>
      </c>
      <c r="AE27" s="280">
        <v>3</v>
      </c>
      <c r="AF27" s="280">
        <v>4</v>
      </c>
      <c r="AG27" s="280">
        <v>0</v>
      </c>
      <c r="AH27" s="277">
        <v>15</v>
      </c>
      <c r="AI27" s="282">
        <v>16</v>
      </c>
      <c r="AJ27" s="276">
        <v>0</v>
      </c>
      <c r="AK27" s="280">
        <v>2</v>
      </c>
      <c r="AL27" s="277">
        <v>2</v>
      </c>
      <c r="AM27" s="279">
        <v>0</v>
      </c>
      <c r="AN27" s="280">
        <v>0</v>
      </c>
      <c r="AO27" s="280">
        <v>0</v>
      </c>
      <c r="AP27" s="280">
        <v>1</v>
      </c>
      <c r="AQ27" s="280">
        <v>0</v>
      </c>
      <c r="AR27" s="280">
        <v>0</v>
      </c>
      <c r="AS27" s="277">
        <v>1</v>
      </c>
      <c r="AT27" s="282">
        <v>3</v>
      </c>
      <c r="AU27" s="276">
        <v>0</v>
      </c>
      <c r="AV27" s="280">
        <v>2</v>
      </c>
      <c r="AW27" s="277">
        <v>2</v>
      </c>
      <c r="AX27" s="279">
        <v>0</v>
      </c>
      <c r="AY27" s="280">
        <v>6</v>
      </c>
      <c r="AZ27" s="280">
        <v>2</v>
      </c>
      <c r="BA27" s="280">
        <v>4</v>
      </c>
      <c r="BB27" s="280">
        <v>2</v>
      </c>
      <c r="BC27" s="280">
        <v>1</v>
      </c>
      <c r="BD27" s="281">
        <v>15</v>
      </c>
      <c r="BE27" s="282">
        <v>17</v>
      </c>
      <c r="BF27" s="276">
        <v>0</v>
      </c>
      <c r="BG27" s="280">
        <v>0</v>
      </c>
      <c r="BH27" s="277">
        <v>0</v>
      </c>
      <c r="BI27" s="279">
        <v>0</v>
      </c>
      <c r="BJ27" s="280">
        <v>6</v>
      </c>
      <c r="BK27" s="280">
        <v>3</v>
      </c>
      <c r="BL27" s="280">
        <v>3</v>
      </c>
      <c r="BM27" s="280">
        <v>2</v>
      </c>
      <c r="BN27" s="280">
        <v>0</v>
      </c>
      <c r="BO27" s="277">
        <v>14</v>
      </c>
      <c r="BP27" s="282">
        <v>14</v>
      </c>
      <c r="BQ27" s="276">
        <v>5</v>
      </c>
      <c r="BR27" s="280">
        <v>1</v>
      </c>
      <c r="BS27" s="277">
        <v>6</v>
      </c>
      <c r="BT27" s="279">
        <v>0</v>
      </c>
      <c r="BU27" s="280">
        <v>1</v>
      </c>
      <c r="BV27" s="280">
        <v>3</v>
      </c>
      <c r="BW27" s="280">
        <v>4</v>
      </c>
      <c r="BX27" s="280">
        <v>1</v>
      </c>
      <c r="BY27" s="280">
        <v>1</v>
      </c>
      <c r="BZ27" s="277">
        <v>10</v>
      </c>
      <c r="CA27" s="282">
        <v>16</v>
      </c>
      <c r="CB27" s="276">
        <v>0</v>
      </c>
      <c r="CC27" s="280">
        <v>0</v>
      </c>
      <c r="CD27" s="277">
        <v>0</v>
      </c>
      <c r="CE27" s="279">
        <v>0</v>
      </c>
      <c r="CF27" s="280">
        <v>0</v>
      </c>
      <c r="CG27" s="280">
        <v>0</v>
      </c>
      <c r="CH27" s="280">
        <v>0</v>
      </c>
      <c r="CI27" s="280">
        <v>2</v>
      </c>
      <c r="CJ27" s="280">
        <v>0</v>
      </c>
      <c r="CK27" s="277">
        <v>2</v>
      </c>
      <c r="CL27" s="282">
        <v>2</v>
      </c>
      <c r="CM27" s="276">
        <v>0</v>
      </c>
      <c r="CN27" s="280">
        <v>0</v>
      </c>
      <c r="CO27" s="277">
        <v>0</v>
      </c>
      <c r="CP27" s="279">
        <v>0</v>
      </c>
      <c r="CQ27" s="280">
        <v>1</v>
      </c>
      <c r="CR27" s="280">
        <v>0</v>
      </c>
      <c r="CS27" s="280">
        <v>1</v>
      </c>
      <c r="CT27" s="280">
        <v>0</v>
      </c>
      <c r="CU27" s="280">
        <v>1</v>
      </c>
      <c r="CV27" s="277">
        <v>3</v>
      </c>
      <c r="CW27" s="282">
        <v>3</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11</v>
      </c>
      <c r="DV27" s="277">
        <v>13</v>
      </c>
      <c r="DW27" s="279">
        <v>0</v>
      </c>
      <c r="DX27" s="280">
        <v>4</v>
      </c>
      <c r="DY27" s="280">
        <v>10</v>
      </c>
      <c r="DZ27" s="280">
        <v>8</v>
      </c>
      <c r="EA27" s="280">
        <v>5</v>
      </c>
      <c r="EB27" s="280">
        <v>1</v>
      </c>
      <c r="EC27" s="277">
        <v>28</v>
      </c>
      <c r="ED27" s="282">
        <v>41</v>
      </c>
      <c r="EE27" s="276">
        <v>0</v>
      </c>
      <c r="EF27" s="280">
        <v>1</v>
      </c>
      <c r="EG27" s="277">
        <v>1</v>
      </c>
      <c r="EH27" s="279">
        <v>0</v>
      </c>
      <c r="EI27" s="280">
        <v>3</v>
      </c>
      <c r="EJ27" s="280">
        <v>0</v>
      </c>
      <c r="EK27" s="280">
        <v>1</v>
      </c>
      <c r="EL27" s="280">
        <v>2</v>
      </c>
      <c r="EM27" s="280">
        <v>1</v>
      </c>
      <c r="EN27" s="277">
        <v>7</v>
      </c>
      <c r="EO27" s="282">
        <v>8</v>
      </c>
      <c r="EP27" s="276">
        <v>6</v>
      </c>
      <c r="EQ27" s="280">
        <v>12</v>
      </c>
      <c r="ER27" s="277">
        <v>18</v>
      </c>
      <c r="ES27" s="279">
        <v>0</v>
      </c>
      <c r="ET27" s="280">
        <v>18</v>
      </c>
      <c r="EU27" s="280">
        <v>13</v>
      </c>
      <c r="EV27" s="280">
        <v>9</v>
      </c>
      <c r="EW27" s="280">
        <v>5</v>
      </c>
      <c r="EX27" s="280">
        <v>1</v>
      </c>
      <c r="EY27" s="277">
        <v>46</v>
      </c>
      <c r="EZ27" s="282">
        <v>64</v>
      </c>
    </row>
    <row r="28" spans="2:156" ht="21" customHeight="1" x14ac:dyDescent="0.2">
      <c r="B28" s="261" t="s">
        <v>26</v>
      </c>
      <c r="C28" s="276">
        <v>0</v>
      </c>
      <c r="D28" s="280">
        <v>0</v>
      </c>
      <c r="E28" s="384">
        <v>0</v>
      </c>
      <c r="F28" s="279">
        <v>0</v>
      </c>
      <c r="G28" s="280">
        <v>7</v>
      </c>
      <c r="H28" s="280">
        <v>4</v>
      </c>
      <c r="I28" s="280">
        <v>9</v>
      </c>
      <c r="J28" s="280">
        <v>1</v>
      </c>
      <c r="K28" s="280">
        <v>0</v>
      </c>
      <c r="L28" s="281">
        <v>21</v>
      </c>
      <c r="M28" s="282">
        <v>21</v>
      </c>
      <c r="N28" s="276">
        <v>0</v>
      </c>
      <c r="O28" s="280">
        <v>0</v>
      </c>
      <c r="P28" s="277">
        <v>0</v>
      </c>
      <c r="Q28" s="279">
        <v>0</v>
      </c>
      <c r="R28" s="280">
        <v>0</v>
      </c>
      <c r="S28" s="280">
        <v>0</v>
      </c>
      <c r="T28" s="280">
        <v>1</v>
      </c>
      <c r="U28" s="280">
        <v>1</v>
      </c>
      <c r="V28" s="280">
        <v>0</v>
      </c>
      <c r="W28" s="277">
        <v>2</v>
      </c>
      <c r="X28" s="282">
        <v>2</v>
      </c>
      <c r="Y28" s="276">
        <v>0</v>
      </c>
      <c r="Z28" s="280">
        <v>0</v>
      </c>
      <c r="AA28" s="277">
        <v>0</v>
      </c>
      <c r="AB28" s="279">
        <v>0</v>
      </c>
      <c r="AC28" s="280">
        <v>5</v>
      </c>
      <c r="AD28" s="280">
        <v>3</v>
      </c>
      <c r="AE28" s="280">
        <v>4</v>
      </c>
      <c r="AF28" s="280">
        <v>1</v>
      </c>
      <c r="AG28" s="280">
        <v>1</v>
      </c>
      <c r="AH28" s="277">
        <v>14</v>
      </c>
      <c r="AI28" s="282">
        <v>14</v>
      </c>
      <c r="AJ28" s="276">
        <v>0</v>
      </c>
      <c r="AK28" s="280">
        <v>0</v>
      </c>
      <c r="AL28" s="277">
        <v>0</v>
      </c>
      <c r="AM28" s="279">
        <v>0</v>
      </c>
      <c r="AN28" s="280">
        <v>0</v>
      </c>
      <c r="AO28" s="280">
        <v>0</v>
      </c>
      <c r="AP28" s="280">
        <v>1</v>
      </c>
      <c r="AQ28" s="280">
        <v>0</v>
      </c>
      <c r="AR28" s="280">
        <v>0</v>
      </c>
      <c r="AS28" s="277">
        <v>1</v>
      </c>
      <c r="AT28" s="282">
        <v>1</v>
      </c>
      <c r="AU28" s="276">
        <v>2</v>
      </c>
      <c r="AV28" s="280">
        <v>0</v>
      </c>
      <c r="AW28" s="277">
        <v>2</v>
      </c>
      <c r="AX28" s="279">
        <v>0</v>
      </c>
      <c r="AY28" s="280">
        <v>4</v>
      </c>
      <c r="AZ28" s="280">
        <v>7</v>
      </c>
      <c r="BA28" s="280">
        <v>6</v>
      </c>
      <c r="BB28" s="280">
        <v>2</v>
      </c>
      <c r="BC28" s="280">
        <v>4</v>
      </c>
      <c r="BD28" s="281">
        <v>23</v>
      </c>
      <c r="BE28" s="282">
        <v>25</v>
      </c>
      <c r="BF28" s="276">
        <v>0</v>
      </c>
      <c r="BG28" s="280">
        <v>0</v>
      </c>
      <c r="BH28" s="277">
        <v>0</v>
      </c>
      <c r="BI28" s="279">
        <v>0</v>
      </c>
      <c r="BJ28" s="280">
        <v>7</v>
      </c>
      <c r="BK28" s="280">
        <v>7</v>
      </c>
      <c r="BL28" s="280">
        <v>7</v>
      </c>
      <c r="BM28" s="280">
        <v>0</v>
      </c>
      <c r="BN28" s="280">
        <v>1</v>
      </c>
      <c r="BO28" s="277">
        <v>22</v>
      </c>
      <c r="BP28" s="282">
        <v>22</v>
      </c>
      <c r="BQ28" s="276">
        <v>1</v>
      </c>
      <c r="BR28" s="280">
        <v>0</v>
      </c>
      <c r="BS28" s="277">
        <v>1</v>
      </c>
      <c r="BT28" s="279">
        <v>0</v>
      </c>
      <c r="BU28" s="280">
        <v>1</v>
      </c>
      <c r="BV28" s="280">
        <v>3</v>
      </c>
      <c r="BW28" s="280">
        <v>2</v>
      </c>
      <c r="BX28" s="280">
        <v>1</v>
      </c>
      <c r="BY28" s="280">
        <v>0</v>
      </c>
      <c r="BZ28" s="277">
        <v>7</v>
      </c>
      <c r="CA28" s="282">
        <v>8</v>
      </c>
      <c r="CB28" s="276">
        <v>0</v>
      </c>
      <c r="CC28" s="280">
        <v>0</v>
      </c>
      <c r="CD28" s="277">
        <v>0</v>
      </c>
      <c r="CE28" s="279">
        <v>0</v>
      </c>
      <c r="CF28" s="280">
        <v>0</v>
      </c>
      <c r="CG28" s="280">
        <v>3</v>
      </c>
      <c r="CH28" s="280">
        <v>2</v>
      </c>
      <c r="CI28" s="280">
        <v>1</v>
      </c>
      <c r="CJ28" s="280">
        <v>1</v>
      </c>
      <c r="CK28" s="277">
        <v>7</v>
      </c>
      <c r="CL28" s="282">
        <v>7</v>
      </c>
      <c r="CM28" s="276">
        <v>0</v>
      </c>
      <c r="CN28" s="280">
        <v>0</v>
      </c>
      <c r="CO28" s="277">
        <v>0</v>
      </c>
      <c r="CP28" s="279">
        <v>0</v>
      </c>
      <c r="CQ28" s="280">
        <v>0</v>
      </c>
      <c r="CR28" s="280">
        <v>1</v>
      </c>
      <c r="CS28" s="280">
        <v>1</v>
      </c>
      <c r="CT28" s="280">
        <v>0</v>
      </c>
      <c r="CU28" s="280">
        <v>0</v>
      </c>
      <c r="CV28" s="277">
        <v>2</v>
      </c>
      <c r="CW28" s="282">
        <v>2</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5</v>
      </c>
      <c r="DV28" s="277">
        <v>8</v>
      </c>
      <c r="DW28" s="279">
        <v>0</v>
      </c>
      <c r="DX28" s="280">
        <v>11</v>
      </c>
      <c r="DY28" s="280">
        <v>14</v>
      </c>
      <c r="DZ28" s="280">
        <v>13</v>
      </c>
      <c r="EA28" s="280">
        <v>3</v>
      </c>
      <c r="EB28" s="280">
        <v>1</v>
      </c>
      <c r="EC28" s="277">
        <v>42</v>
      </c>
      <c r="ED28" s="282">
        <v>50</v>
      </c>
      <c r="EE28" s="276">
        <v>1</v>
      </c>
      <c r="EF28" s="280">
        <v>0</v>
      </c>
      <c r="EG28" s="277">
        <v>1</v>
      </c>
      <c r="EH28" s="279">
        <v>0</v>
      </c>
      <c r="EI28" s="280">
        <v>2</v>
      </c>
      <c r="EJ28" s="280">
        <v>1</v>
      </c>
      <c r="EK28" s="280">
        <v>0</v>
      </c>
      <c r="EL28" s="280">
        <v>0</v>
      </c>
      <c r="EM28" s="280">
        <v>1</v>
      </c>
      <c r="EN28" s="277">
        <v>4</v>
      </c>
      <c r="EO28" s="282">
        <v>5</v>
      </c>
      <c r="EP28" s="276">
        <v>4</v>
      </c>
      <c r="EQ28" s="280">
        <v>5</v>
      </c>
      <c r="ER28" s="277">
        <v>9</v>
      </c>
      <c r="ES28" s="279">
        <v>0</v>
      </c>
      <c r="ET28" s="280">
        <v>21</v>
      </c>
      <c r="EU28" s="280">
        <v>18</v>
      </c>
      <c r="EV28" s="280">
        <v>19</v>
      </c>
      <c r="EW28" s="280">
        <v>3</v>
      </c>
      <c r="EX28" s="280">
        <v>2</v>
      </c>
      <c r="EY28" s="277">
        <v>63</v>
      </c>
      <c r="EZ28" s="282">
        <v>72</v>
      </c>
    </row>
    <row r="29" spans="2:156" ht="21" customHeight="1" x14ac:dyDescent="0.2">
      <c r="B29" s="261" t="s">
        <v>27</v>
      </c>
      <c r="C29" s="276">
        <v>0</v>
      </c>
      <c r="D29" s="280">
        <v>0</v>
      </c>
      <c r="E29" s="384">
        <v>0</v>
      </c>
      <c r="F29" s="279">
        <v>0</v>
      </c>
      <c r="G29" s="280">
        <v>2</v>
      </c>
      <c r="H29" s="280">
        <v>6</v>
      </c>
      <c r="I29" s="280">
        <v>5</v>
      </c>
      <c r="J29" s="280">
        <v>4</v>
      </c>
      <c r="K29" s="280">
        <v>1</v>
      </c>
      <c r="L29" s="281">
        <v>18</v>
      </c>
      <c r="M29" s="282">
        <v>18</v>
      </c>
      <c r="N29" s="276">
        <v>0</v>
      </c>
      <c r="O29" s="280">
        <v>0</v>
      </c>
      <c r="P29" s="277">
        <v>0</v>
      </c>
      <c r="Q29" s="279">
        <v>0</v>
      </c>
      <c r="R29" s="280">
        <v>0</v>
      </c>
      <c r="S29" s="280">
        <v>0</v>
      </c>
      <c r="T29" s="280">
        <v>0</v>
      </c>
      <c r="U29" s="280">
        <v>0</v>
      </c>
      <c r="V29" s="280">
        <v>2</v>
      </c>
      <c r="W29" s="277">
        <v>2</v>
      </c>
      <c r="X29" s="282">
        <v>2</v>
      </c>
      <c r="Y29" s="276">
        <v>2</v>
      </c>
      <c r="Z29" s="280">
        <v>2</v>
      </c>
      <c r="AA29" s="277">
        <v>4</v>
      </c>
      <c r="AB29" s="279">
        <v>0</v>
      </c>
      <c r="AC29" s="280">
        <v>4</v>
      </c>
      <c r="AD29" s="280">
        <v>5</v>
      </c>
      <c r="AE29" s="280">
        <v>4</v>
      </c>
      <c r="AF29" s="280">
        <v>2</v>
      </c>
      <c r="AG29" s="280">
        <v>3</v>
      </c>
      <c r="AH29" s="277">
        <v>18</v>
      </c>
      <c r="AI29" s="282">
        <v>22</v>
      </c>
      <c r="AJ29" s="276">
        <v>0</v>
      </c>
      <c r="AK29" s="280">
        <v>0</v>
      </c>
      <c r="AL29" s="277">
        <v>0</v>
      </c>
      <c r="AM29" s="279">
        <v>0</v>
      </c>
      <c r="AN29" s="280">
        <v>0</v>
      </c>
      <c r="AO29" s="280">
        <v>1</v>
      </c>
      <c r="AP29" s="280">
        <v>0</v>
      </c>
      <c r="AQ29" s="280">
        <v>0</v>
      </c>
      <c r="AR29" s="280">
        <v>0</v>
      </c>
      <c r="AS29" s="277">
        <v>1</v>
      </c>
      <c r="AT29" s="282">
        <v>1</v>
      </c>
      <c r="AU29" s="276">
        <v>1</v>
      </c>
      <c r="AV29" s="280">
        <v>0</v>
      </c>
      <c r="AW29" s="277">
        <v>1</v>
      </c>
      <c r="AX29" s="279">
        <v>0</v>
      </c>
      <c r="AY29" s="280">
        <v>3</v>
      </c>
      <c r="AZ29" s="280">
        <v>5</v>
      </c>
      <c r="BA29" s="280">
        <v>7</v>
      </c>
      <c r="BB29" s="280">
        <v>6</v>
      </c>
      <c r="BC29" s="280">
        <v>3</v>
      </c>
      <c r="BD29" s="281">
        <v>24</v>
      </c>
      <c r="BE29" s="282">
        <v>25</v>
      </c>
      <c r="BF29" s="276">
        <v>0</v>
      </c>
      <c r="BG29" s="280">
        <v>0</v>
      </c>
      <c r="BH29" s="277">
        <v>0</v>
      </c>
      <c r="BI29" s="279">
        <v>0</v>
      </c>
      <c r="BJ29" s="280">
        <v>7</v>
      </c>
      <c r="BK29" s="280">
        <v>4</v>
      </c>
      <c r="BL29" s="280">
        <v>5</v>
      </c>
      <c r="BM29" s="280">
        <v>4</v>
      </c>
      <c r="BN29" s="280">
        <v>0</v>
      </c>
      <c r="BO29" s="277">
        <v>20</v>
      </c>
      <c r="BP29" s="282">
        <v>20</v>
      </c>
      <c r="BQ29" s="276">
        <v>0</v>
      </c>
      <c r="BR29" s="280">
        <v>2</v>
      </c>
      <c r="BS29" s="277">
        <v>2</v>
      </c>
      <c r="BT29" s="279">
        <v>0</v>
      </c>
      <c r="BU29" s="280">
        <v>1</v>
      </c>
      <c r="BV29" s="280">
        <v>5</v>
      </c>
      <c r="BW29" s="280">
        <v>2</v>
      </c>
      <c r="BX29" s="280">
        <v>0</v>
      </c>
      <c r="BY29" s="280">
        <v>0</v>
      </c>
      <c r="BZ29" s="277">
        <v>8</v>
      </c>
      <c r="CA29" s="282">
        <v>10</v>
      </c>
      <c r="CB29" s="276">
        <v>0</v>
      </c>
      <c r="CC29" s="280">
        <v>0</v>
      </c>
      <c r="CD29" s="277">
        <v>0</v>
      </c>
      <c r="CE29" s="279">
        <v>0</v>
      </c>
      <c r="CF29" s="280">
        <v>1</v>
      </c>
      <c r="CG29" s="280">
        <v>1</v>
      </c>
      <c r="CH29" s="280">
        <v>1</v>
      </c>
      <c r="CI29" s="280">
        <v>0</v>
      </c>
      <c r="CJ29" s="280">
        <v>1</v>
      </c>
      <c r="CK29" s="277">
        <v>4</v>
      </c>
      <c r="CL29" s="282">
        <v>4</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5</v>
      </c>
      <c r="DV29" s="277">
        <v>18</v>
      </c>
      <c r="DW29" s="279">
        <v>0</v>
      </c>
      <c r="DX29" s="280">
        <v>3</v>
      </c>
      <c r="DY29" s="280">
        <v>14</v>
      </c>
      <c r="DZ29" s="280">
        <v>9</v>
      </c>
      <c r="EA29" s="280">
        <v>8</v>
      </c>
      <c r="EB29" s="280">
        <v>4</v>
      </c>
      <c r="EC29" s="277">
        <v>38</v>
      </c>
      <c r="ED29" s="282">
        <v>56</v>
      </c>
      <c r="EE29" s="276">
        <v>1</v>
      </c>
      <c r="EF29" s="280">
        <v>0</v>
      </c>
      <c r="EG29" s="277">
        <v>1</v>
      </c>
      <c r="EH29" s="279">
        <v>0</v>
      </c>
      <c r="EI29" s="280">
        <v>2</v>
      </c>
      <c r="EJ29" s="280">
        <v>2</v>
      </c>
      <c r="EK29" s="280">
        <v>2</v>
      </c>
      <c r="EL29" s="280">
        <v>3</v>
      </c>
      <c r="EM29" s="280">
        <v>1</v>
      </c>
      <c r="EN29" s="277">
        <v>10</v>
      </c>
      <c r="EO29" s="282">
        <v>11</v>
      </c>
      <c r="EP29" s="276">
        <v>5</v>
      </c>
      <c r="EQ29" s="280">
        <v>17</v>
      </c>
      <c r="ER29" s="277">
        <v>22</v>
      </c>
      <c r="ES29" s="279">
        <v>0</v>
      </c>
      <c r="ET29" s="280">
        <v>14</v>
      </c>
      <c r="EU29" s="280">
        <v>15</v>
      </c>
      <c r="EV29" s="280">
        <v>11</v>
      </c>
      <c r="EW29" s="280">
        <v>8</v>
      </c>
      <c r="EX29" s="280">
        <v>4</v>
      </c>
      <c r="EY29" s="277">
        <v>52</v>
      </c>
      <c r="EZ29" s="282">
        <v>74</v>
      </c>
    </row>
    <row r="30" spans="2:156" ht="21" customHeight="1" x14ac:dyDescent="0.2">
      <c r="B30" s="261" t="s">
        <v>28</v>
      </c>
      <c r="C30" s="276">
        <v>0</v>
      </c>
      <c r="D30" s="280">
        <v>0</v>
      </c>
      <c r="E30" s="384">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v>
      </c>
      <c r="AE30" s="280">
        <v>0</v>
      </c>
      <c r="AF30" s="280">
        <v>2</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v>
      </c>
      <c r="AZ30" s="280">
        <v>1</v>
      </c>
      <c r="BA30" s="280">
        <v>0</v>
      </c>
      <c r="BB30" s="280">
        <v>1</v>
      </c>
      <c r="BC30" s="280">
        <v>2</v>
      </c>
      <c r="BD30" s="281">
        <v>5</v>
      </c>
      <c r="BE30" s="282">
        <v>5</v>
      </c>
      <c r="BF30" s="276">
        <v>0</v>
      </c>
      <c r="BG30" s="280">
        <v>0</v>
      </c>
      <c r="BH30" s="277">
        <v>0</v>
      </c>
      <c r="BI30" s="279">
        <v>0</v>
      </c>
      <c r="BJ30" s="280">
        <v>2</v>
      </c>
      <c r="BK30" s="280">
        <v>1</v>
      </c>
      <c r="BL30" s="280">
        <v>0</v>
      </c>
      <c r="BM30" s="280">
        <v>0</v>
      </c>
      <c r="BN30" s="280">
        <v>0</v>
      </c>
      <c r="BO30" s="277">
        <v>3</v>
      </c>
      <c r="BP30" s="282">
        <v>3</v>
      </c>
      <c r="BQ30" s="276">
        <v>0</v>
      </c>
      <c r="BR30" s="280">
        <v>1</v>
      </c>
      <c r="BS30" s="277">
        <v>1</v>
      </c>
      <c r="BT30" s="279">
        <v>0</v>
      </c>
      <c r="BU30" s="280">
        <v>0</v>
      </c>
      <c r="BV30" s="280">
        <v>0</v>
      </c>
      <c r="BW30" s="280">
        <v>1</v>
      </c>
      <c r="BX30" s="280">
        <v>0</v>
      </c>
      <c r="BY30" s="280">
        <v>0</v>
      </c>
      <c r="BZ30" s="277">
        <v>1</v>
      </c>
      <c r="CA30" s="282">
        <v>2</v>
      </c>
      <c r="CB30" s="276">
        <v>0</v>
      </c>
      <c r="CC30" s="280">
        <v>0</v>
      </c>
      <c r="CD30" s="277">
        <v>0</v>
      </c>
      <c r="CE30" s="279">
        <v>0</v>
      </c>
      <c r="CF30" s="280">
        <v>0</v>
      </c>
      <c r="CG30" s="280">
        <v>0</v>
      </c>
      <c r="CH30" s="280">
        <v>1</v>
      </c>
      <c r="CI30" s="280">
        <v>0</v>
      </c>
      <c r="CJ30" s="280">
        <v>1</v>
      </c>
      <c r="CK30" s="277">
        <v>2</v>
      </c>
      <c r="CL30" s="282">
        <v>2</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2</v>
      </c>
      <c r="DY30" s="280">
        <v>4</v>
      </c>
      <c r="DZ30" s="280">
        <v>2</v>
      </c>
      <c r="EA30" s="280">
        <v>1</v>
      </c>
      <c r="EB30" s="280">
        <v>0</v>
      </c>
      <c r="EC30" s="277">
        <v>9</v>
      </c>
      <c r="ED30" s="282">
        <v>10</v>
      </c>
      <c r="EE30" s="276">
        <v>0</v>
      </c>
      <c r="EF30" s="280">
        <v>0</v>
      </c>
      <c r="EG30" s="277">
        <v>0</v>
      </c>
      <c r="EH30" s="279">
        <v>0</v>
      </c>
      <c r="EI30" s="280">
        <v>1</v>
      </c>
      <c r="EJ30" s="280">
        <v>0</v>
      </c>
      <c r="EK30" s="280">
        <v>0</v>
      </c>
      <c r="EL30" s="280">
        <v>1</v>
      </c>
      <c r="EM30" s="280">
        <v>0</v>
      </c>
      <c r="EN30" s="277">
        <v>2</v>
      </c>
      <c r="EO30" s="282">
        <v>2</v>
      </c>
      <c r="EP30" s="276">
        <v>0</v>
      </c>
      <c r="EQ30" s="280">
        <v>1</v>
      </c>
      <c r="ER30" s="277">
        <v>1</v>
      </c>
      <c r="ES30" s="279">
        <v>0</v>
      </c>
      <c r="ET30" s="280">
        <v>6</v>
      </c>
      <c r="EU30" s="280">
        <v>5</v>
      </c>
      <c r="EV30" s="280">
        <v>2</v>
      </c>
      <c r="EW30" s="280">
        <v>2</v>
      </c>
      <c r="EX30" s="280">
        <v>1</v>
      </c>
      <c r="EY30" s="277">
        <v>16</v>
      </c>
      <c r="EZ30" s="282">
        <v>17</v>
      </c>
    </row>
    <row r="31" spans="2:156" ht="21" customHeight="1" x14ac:dyDescent="0.2">
      <c r="B31" s="261" t="s">
        <v>29</v>
      </c>
      <c r="C31" s="276">
        <v>0</v>
      </c>
      <c r="D31" s="280">
        <v>0</v>
      </c>
      <c r="E31" s="384">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1</v>
      </c>
      <c r="AE31" s="280">
        <v>0</v>
      </c>
      <c r="AF31" s="280">
        <v>0</v>
      </c>
      <c r="AG31" s="280">
        <v>0</v>
      </c>
      <c r="AH31" s="277">
        <v>1</v>
      </c>
      <c r="AI31" s="282">
        <v>2</v>
      </c>
      <c r="AJ31" s="276">
        <v>0</v>
      </c>
      <c r="AK31" s="280">
        <v>0</v>
      </c>
      <c r="AL31" s="277">
        <v>0</v>
      </c>
      <c r="AM31" s="279">
        <v>0</v>
      </c>
      <c r="AN31" s="280">
        <v>0</v>
      </c>
      <c r="AO31" s="280">
        <v>1</v>
      </c>
      <c r="AP31" s="280">
        <v>0</v>
      </c>
      <c r="AQ31" s="280">
        <v>0</v>
      </c>
      <c r="AR31" s="280">
        <v>0</v>
      </c>
      <c r="AS31" s="277">
        <v>1</v>
      </c>
      <c r="AT31" s="282">
        <v>1</v>
      </c>
      <c r="AU31" s="276">
        <v>0</v>
      </c>
      <c r="AV31" s="280">
        <v>0</v>
      </c>
      <c r="AW31" s="277">
        <v>0</v>
      </c>
      <c r="AX31" s="279">
        <v>0</v>
      </c>
      <c r="AY31" s="280">
        <v>1</v>
      </c>
      <c r="AZ31" s="280">
        <v>4</v>
      </c>
      <c r="BA31" s="280">
        <v>0</v>
      </c>
      <c r="BB31" s="280">
        <v>1</v>
      </c>
      <c r="BC31" s="280">
        <v>2</v>
      </c>
      <c r="BD31" s="281">
        <v>8</v>
      </c>
      <c r="BE31" s="282">
        <v>8</v>
      </c>
      <c r="BF31" s="276">
        <v>0</v>
      </c>
      <c r="BG31" s="280">
        <v>0</v>
      </c>
      <c r="BH31" s="277">
        <v>0</v>
      </c>
      <c r="BI31" s="279">
        <v>0</v>
      </c>
      <c r="BJ31" s="280">
        <v>3</v>
      </c>
      <c r="BK31" s="280">
        <v>6</v>
      </c>
      <c r="BL31" s="280">
        <v>0</v>
      </c>
      <c r="BM31" s="280">
        <v>1</v>
      </c>
      <c r="BN31" s="280">
        <v>0</v>
      </c>
      <c r="BO31" s="277">
        <v>10</v>
      </c>
      <c r="BP31" s="282">
        <v>10</v>
      </c>
      <c r="BQ31" s="276">
        <v>1</v>
      </c>
      <c r="BR31" s="280">
        <v>0</v>
      </c>
      <c r="BS31" s="277">
        <v>1</v>
      </c>
      <c r="BT31" s="279">
        <v>0</v>
      </c>
      <c r="BU31" s="280">
        <v>0</v>
      </c>
      <c r="BV31" s="280">
        <v>0</v>
      </c>
      <c r="BW31" s="280">
        <v>0</v>
      </c>
      <c r="BX31" s="280">
        <v>0</v>
      </c>
      <c r="BY31" s="280">
        <v>0</v>
      </c>
      <c r="BZ31" s="277">
        <v>0</v>
      </c>
      <c r="CA31" s="282">
        <v>1</v>
      </c>
      <c r="CB31" s="276">
        <v>0</v>
      </c>
      <c r="CC31" s="280">
        <v>0</v>
      </c>
      <c r="CD31" s="277">
        <v>0</v>
      </c>
      <c r="CE31" s="279">
        <v>0</v>
      </c>
      <c r="CF31" s="280">
        <v>0</v>
      </c>
      <c r="CG31" s="280">
        <v>2</v>
      </c>
      <c r="CH31" s="280">
        <v>0</v>
      </c>
      <c r="CI31" s="280">
        <v>0</v>
      </c>
      <c r="CJ31" s="280">
        <v>1</v>
      </c>
      <c r="CK31" s="277">
        <v>3</v>
      </c>
      <c r="CL31" s="282">
        <v>3</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0</v>
      </c>
      <c r="DV31" s="277">
        <v>2</v>
      </c>
      <c r="DW31" s="279">
        <v>0</v>
      </c>
      <c r="DX31" s="280">
        <v>2</v>
      </c>
      <c r="DY31" s="280">
        <v>6</v>
      </c>
      <c r="DZ31" s="280">
        <v>0</v>
      </c>
      <c r="EA31" s="280">
        <v>1</v>
      </c>
      <c r="EB31" s="280">
        <v>1</v>
      </c>
      <c r="EC31" s="277">
        <v>10</v>
      </c>
      <c r="ED31" s="282">
        <v>12</v>
      </c>
      <c r="EE31" s="276">
        <v>1</v>
      </c>
      <c r="EF31" s="280">
        <v>0</v>
      </c>
      <c r="EG31" s="277">
        <v>1</v>
      </c>
      <c r="EH31" s="279">
        <v>0</v>
      </c>
      <c r="EI31" s="280">
        <v>0</v>
      </c>
      <c r="EJ31" s="280">
        <v>2</v>
      </c>
      <c r="EK31" s="280">
        <v>0</v>
      </c>
      <c r="EL31" s="280">
        <v>1</v>
      </c>
      <c r="EM31" s="280">
        <v>1</v>
      </c>
      <c r="EN31" s="277">
        <v>4</v>
      </c>
      <c r="EO31" s="282">
        <v>5</v>
      </c>
      <c r="EP31" s="276">
        <v>3</v>
      </c>
      <c r="EQ31" s="280">
        <v>1</v>
      </c>
      <c r="ER31" s="277">
        <v>4</v>
      </c>
      <c r="ES31" s="279">
        <v>0</v>
      </c>
      <c r="ET31" s="280">
        <v>3</v>
      </c>
      <c r="EU31" s="280">
        <v>7</v>
      </c>
      <c r="EV31" s="280">
        <v>0</v>
      </c>
      <c r="EW31" s="280">
        <v>1</v>
      </c>
      <c r="EX31" s="280">
        <v>1</v>
      </c>
      <c r="EY31" s="277">
        <v>12</v>
      </c>
      <c r="EZ31" s="282">
        <v>16</v>
      </c>
    </row>
    <row r="32" spans="2:156" ht="21" customHeight="1" x14ac:dyDescent="0.2">
      <c r="B32" s="261" t="s">
        <v>30</v>
      </c>
      <c r="C32" s="276">
        <v>0</v>
      </c>
      <c r="D32" s="280">
        <v>0</v>
      </c>
      <c r="E32" s="384">
        <v>0</v>
      </c>
      <c r="F32" s="279">
        <v>0</v>
      </c>
      <c r="G32" s="280">
        <v>1</v>
      </c>
      <c r="H32" s="280">
        <v>1</v>
      </c>
      <c r="I32" s="280">
        <v>1</v>
      </c>
      <c r="J32" s="280">
        <v>1</v>
      </c>
      <c r="K32" s="280">
        <v>0</v>
      </c>
      <c r="L32" s="281">
        <v>4</v>
      </c>
      <c r="M32" s="282">
        <v>4</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0</v>
      </c>
      <c r="AD32" s="280">
        <v>0</v>
      </c>
      <c r="AE32" s="280">
        <v>1</v>
      </c>
      <c r="AF32" s="280">
        <v>1</v>
      </c>
      <c r="AG32" s="280">
        <v>0</v>
      </c>
      <c r="AH32" s="277">
        <v>2</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1</v>
      </c>
      <c r="AZ32" s="280">
        <v>1</v>
      </c>
      <c r="BA32" s="280">
        <v>0</v>
      </c>
      <c r="BB32" s="280">
        <v>2</v>
      </c>
      <c r="BC32" s="280">
        <v>0</v>
      </c>
      <c r="BD32" s="281">
        <v>4</v>
      </c>
      <c r="BE32" s="282">
        <v>4</v>
      </c>
      <c r="BF32" s="276">
        <v>0</v>
      </c>
      <c r="BG32" s="280">
        <v>0</v>
      </c>
      <c r="BH32" s="277">
        <v>0</v>
      </c>
      <c r="BI32" s="279">
        <v>0</v>
      </c>
      <c r="BJ32" s="280">
        <v>1</v>
      </c>
      <c r="BK32" s="280">
        <v>0</v>
      </c>
      <c r="BL32" s="280">
        <v>0</v>
      </c>
      <c r="BM32" s="280">
        <v>2</v>
      </c>
      <c r="BN32" s="280">
        <v>0</v>
      </c>
      <c r="BO32" s="277">
        <v>3</v>
      </c>
      <c r="BP32" s="282">
        <v>3</v>
      </c>
      <c r="BQ32" s="276">
        <v>1</v>
      </c>
      <c r="BR32" s="280">
        <v>0</v>
      </c>
      <c r="BS32" s="277">
        <v>1</v>
      </c>
      <c r="BT32" s="279">
        <v>0</v>
      </c>
      <c r="BU32" s="280">
        <v>0</v>
      </c>
      <c r="BV32" s="280">
        <v>0</v>
      </c>
      <c r="BW32" s="280">
        <v>1</v>
      </c>
      <c r="BX32" s="280">
        <v>0</v>
      </c>
      <c r="BY32" s="280">
        <v>0</v>
      </c>
      <c r="BZ32" s="277">
        <v>1</v>
      </c>
      <c r="CA32" s="282">
        <v>2</v>
      </c>
      <c r="CB32" s="276">
        <v>0</v>
      </c>
      <c r="CC32" s="280">
        <v>0</v>
      </c>
      <c r="CD32" s="277">
        <v>0</v>
      </c>
      <c r="CE32" s="279">
        <v>0</v>
      </c>
      <c r="CF32" s="280">
        <v>0</v>
      </c>
      <c r="CG32" s="280">
        <v>0</v>
      </c>
      <c r="CH32" s="280">
        <v>1</v>
      </c>
      <c r="CI32" s="280">
        <v>1</v>
      </c>
      <c r="CJ32" s="280">
        <v>0</v>
      </c>
      <c r="CK32" s="277">
        <v>2</v>
      </c>
      <c r="CL32" s="282">
        <v>2</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1</v>
      </c>
      <c r="DV32" s="277">
        <v>1</v>
      </c>
      <c r="DW32" s="279">
        <v>0</v>
      </c>
      <c r="DX32" s="280">
        <v>1</v>
      </c>
      <c r="DY32" s="280">
        <v>1</v>
      </c>
      <c r="DZ32" s="280">
        <v>3</v>
      </c>
      <c r="EA32" s="280">
        <v>3</v>
      </c>
      <c r="EB32" s="280">
        <v>0</v>
      </c>
      <c r="EC32" s="277">
        <v>8</v>
      </c>
      <c r="ED32" s="282">
        <v>9</v>
      </c>
      <c r="EE32" s="276">
        <v>0</v>
      </c>
      <c r="EF32" s="280">
        <v>0</v>
      </c>
      <c r="EG32" s="277">
        <v>0</v>
      </c>
      <c r="EH32" s="279">
        <v>0</v>
      </c>
      <c r="EI32" s="280">
        <v>1</v>
      </c>
      <c r="EJ32" s="280">
        <v>0</v>
      </c>
      <c r="EK32" s="280">
        <v>0</v>
      </c>
      <c r="EL32" s="280">
        <v>0</v>
      </c>
      <c r="EM32" s="280">
        <v>0</v>
      </c>
      <c r="EN32" s="277">
        <v>1</v>
      </c>
      <c r="EO32" s="282">
        <v>1</v>
      </c>
      <c r="EP32" s="276">
        <v>3</v>
      </c>
      <c r="EQ32" s="280">
        <v>2</v>
      </c>
      <c r="ER32" s="277">
        <v>5</v>
      </c>
      <c r="ES32" s="279">
        <v>0</v>
      </c>
      <c r="ET32" s="280">
        <v>4</v>
      </c>
      <c r="EU32" s="280">
        <v>1</v>
      </c>
      <c r="EV32" s="280">
        <v>3</v>
      </c>
      <c r="EW32" s="280">
        <v>3</v>
      </c>
      <c r="EX32" s="280">
        <v>0</v>
      </c>
      <c r="EY32" s="277">
        <v>11</v>
      </c>
      <c r="EZ32" s="282">
        <v>16</v>
      </c>
    </row>
    <row r="33" spans="2:156" ht="21" customHeight="1" x14ac:dyDescent="0.2">
      <c r="B33" s="261" t="s">
        <v>31</v>
      </c>
      <c r="C33" s="276">
        <v>0</v>
      </c>
      <c r="D33" s="280">
        <v>0</v>
      </c>
      <c r="E33" s="384">
        <v>0</v>
      </c>
      <c r="F33" s="279">
        <v>0</v>
      </c>
      <c r="G33" s="280">
        <v>1</v>
      </c>
      <c r="H33" s="280">
        <v>0</v>
      </c>
      <c r="I33" s="280">
        <v>1</v>
      </c>
      <c r="J33" s="280">
        <v>0</v>
      </c>
      <c r="K33" s="280">
        <v>0</v>
      </c>
      <c r="L33" s="281">
        <v>2</v>
      </c>
      <c r="M33" s="282">
        <v>2</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0</v>
      </c>
      <c r="AD33" s="280">
        <v>0</v>
      </c>
      <c r="AE33" s="280">
        <v>2</v>
      </c>
      <c r="AF33" s="280">
        <v>2</v>
      </c>
      <c r="AG33" s="280">
        <v>0</v>
      </c>
      <c r="AH33" s="277">
        <v>4</v>
      </c>
      <c r="AI33" s="282">
        <v>5</v>
      </c>
      <c r="AJ33" s="276">
        <v>0</v>
      </c>
      <c r="AK33" s="280">
        <v>0</v>
      </c>
      <c r="AL33" s="277">
        <v>0</v>
      </c>
      <c r="AM33" s="279">
        <v>0</v>
      </c>
      <c r="AN33" s="280">
        <v>0</v>
      </c>
      <c r="AO33" s="280">
        <v>2</v>
      </c>
      <c r="AP33" s="280">
        <v>0</v>
      </c>
      <c r="AQ33" s="280">
        <v>0</v>
      </c>
      <c r="AR33" s="280">
        <v>0</v>
      </c>
      <c r="AS33" s="277">
        <v>2</v>
      </c>
      <c r="AT33" s="282">
        <v>2</v>
      </c>
      <c r="AU33" s="276">
        <v>0</v>
      </c>
      <c r="AV33" s="280">
        <v>0</v>
      </c>
      <c r="AW33" s="277">
        <v>0</v>
      </c>
      <c r="AX33" s="279">
        <v>0</v>
      </c>
      <c r="AY33" s="280">
        <v>0</v>
      </c>
      <c r="AZ33" s="280">
        <v>1</v>
      </c>
      <c r="BA33" s="280">
        <v>2</v>
      </c>
      <c r="BB33" s="280">
        <v>1</v>
      </c>
      <c r="BC33" s="280">
        <v>0</v>
      </c>
      <c r="BD33" s="281">
        <v>4</v>
      </c>
      <c r="BE33" s="282">
        <v>4</v>
      </c>
      <c r="BF33" s="276">
        <v>0</v>
      </c>
      <c r="BG33" s="280">
        <v>0</v>
      </c>
      <c r="BH33" s="277">
        <v>0</v>
      </c>
      <c r="BI33" s="279">
        <v>0</v>
      </c>
      <c r="BJ33" s="280">
        <v>3</v>
      </c>
      <c r="BK33" s="280">
        <v>2</v>
      </c>
      <c r="BL33" s="280">
        <v>1</v>
      </c>
      <c r="BM33" s="280">
        <v>1</v>
      </c>
      <c r="BN33" s="280">
        <v>0</v>
      </c>
      <c r="BO33" s="277">
        <v>7</v>
      </c>
      <c r="BP33" s="282">
        <v>7</v>
      </c>
      <c r="BQ33" s="276">
        <v>0</v>
      </c>
      <c r="BR33" s="280">
        <v>0</v>
      </c>
      <c r="BS33" s="277">
        <v>0</v>
      </c>
      <c r="BT33" s="279">
        <v>0</v>
      </c>
      <c r="BU33" s="280">
        <v>1</v>
      </c>
      <c r="BV33" s="280">
        <v>2</v>
      </c>
      <c r="BW33" s="280">
        <v>0</v>
      </c>
      <c r="BX33" s="280">
        <v>1</v>
      </c>
      <c r="BY33" s="280">
        <v>0</v>
      </c>
      <c r="BZ33" s="277">
        <v>4</v>
      </c>
      <c r="CA33" s="282">
        <v>4</v>
      </c>
      <c r="CB33" s="276">
        <v>0</v>
      </c>
      <c r="CC33" s="280">
        <v>0</v>
      </c>
      <c r="CD33" s="277">
        <v>0</v>
      </c>
      <c r="CE33" s="279">
        <v>0</v>
      </c>
      <c r="CF33" s="280">
        <v>0</v>
      </c>
      <c r="CG33" s="280">
        <v>3</v>
      </c>
      <c r="CH33" s="280">
        <v>1</v>
      </c>
      <c r="CI33" s="280">
        <v>0</v>
      </c>
      <c r="CJ33" s="280">
        <v>0</v>
      </c>
      <c r="CK33" s="277">
        <v>4</v>
      </c>
      <c r="CL33" s="282">
        <v>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3</v>
      </c>
      <c r="DV33" s="277">
        <v>5</v>
      </c>
      <c r="DW33" s="279">
        <v>0</v>
      </c>
      <c r="DX33" s="280">
        <v>4</v>
      </c>
      <c r="DY33" s="280">
        <v>7</v>
      </c>
      <c r="DZ33" s="280">
        <v>3</v>
      </c>
      <c r="EA33" s="280">
        <v>2</v>
      </c>
      <c r="EB33" s="280">
        <v>0</v>
      </c>
      <c r="EC33" s="277">
        <v>16</v>
      </c>
      <c r="ED33" s="282">
        <v>21</v>
      </c>
      <c r="EE33" s="276">
        <v>0</v>
      </c>
      <c r="EF33" s="280">
        <v>0</v>
      </c>
      <c r="EG33" s="277">
        <v>0</v>
      </c>
      <c r="EH33" s="279">
        <v>0</v>
      </c>
      <c r="EI33" s="280">
        <v>0</v>
      </c>
      <c r="EJ33" s="280">
        <v>0</v>
      </c>
      <c r="EK33" s="280">
        <v>1</v>
      </c>
      <c r="EL33" s="280">
        <v>0</v>
      </c>
      <c r="EM33" s="280">
        <v>0</v>
      </c>
      <c r="EN33" s="277">
        <v>1</v>
      </c>
      <c r="EO33" s="282">
        <v>1</v>
      </c>
      <c r="EP33" s="276">
        <v>3</v>
      </c>
      <c r="EQ33" s="280">
        <v>3</v>
      </c>
      <c r="ER33" s="277">
        <v>6</v>
      </c>
      <c r="ES33" s="279">
        <v>0</v>
      </c>
      <c r="ET33" s="280">
        <v>7</v>
      </c>
      <c r="EU33" s="280">
        <v>10</v>
      </c>
      <c r="EV33" s="280">
        <v>3</v>
      </c>
      <c r="EW33" s="280">
        <v>2</v>
      </c>
      <c r="EX33" s="280">
        <v>0</v>
      </c>
      <c r="EY33" s="277">
        <v>22</v>
      </c>
      <c r="EZ33" s="282">
        <v>28</v>
      </c>
    </row>
    <row r="34" spans="2:156" ht="21" customHeight="1" x14ac:dyDescent="0.2">
      <c r="B34" s="261" t="s">
        <v>32</v>
      </c>
      <c r="C34" s="276">
        <v>0</v>
      </c>
      <c r="D34" s="280">
        <v>0</v>
      </c>
      <c r="E34" s="384">
        <v>0</v>
      </c>
      <c r="F34" s="279">
        <v>0</v>
      </c>
      <c r="G34" s="280">
        <v>1</v>
      </c>
      <c r="H34" s="280">
        <v>2</v>
      </c>
      <c r="I34" s="280">
        <v>3</v>
      </c>
      <c r="J34" s="280">
        <v>2</v>
      </c>
      <c r="K34" s="280">
        <v>1</v>
      </c>
      <c r="L34" s="281">
        <v>9</v>
      </c>
      <c r="M34" s="282">
        <v>9</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1</v>
      </c>
      <c r="AD34" s="280">
        <v>2</v>
      </c>
      <c r="AE34" s="280">
        <v>1</v>
      </c>
      <c r="AF34" s="280">
        <v>0</v>
      </c>
      <c r="AG34" s="280">
        <v>0</v>
      </c>
      <c r="AH34" s="277">
        <v>4</v>
      </c>
      <c r="AI34" s="282">
        <v>5</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4</v>
      </c>
      <c r="BC34" s="280">
        <v>0</v>
      </c>
      <c r="BD34" s="281">
        <v>9</v>
      </c>
      <c r="BE34" s="282">
        <v>9</v>
      </c>
      <c r="BF34" s="276">
        <v>0</v>
      </c>
      <c r="BG34" s="280">
        <v>0</v>
      </c>
      <c r="BH34" s="277">
        <v>0</v>
      </c>
      <c r="BI34" s="279">
        <v>0</v>
      </c>
      <c r="BJ34" s="280">
        <v>2</v>
      </c>
      <c r="BK34" s="280">
        <v>3</v>
      </c>
      <c r="BL34" s="280">
        <v>2</v>
      </c>
      <c r="BM34" s="280">
        <v>0</v>
      </c>
      <c r="BN34" s="280">
        <v>1</v>
      </c>
      <c r="BO34" s="277">
        <v>8</v>
      </c>
      <c r="BP34" s="282">
        <v>8</v>
      </c>
      <c r="BQ34" s="276">
        <v>0</v>
      </c>
      <c r="BR34" s="280">
        <v>0</v>
      </c>
      <c r="BS34" s="277">
        <v>0</v>
      </c>
      <c r="BT34" s="279">
        <v>0</v>
      </c>
      <c r="BU34" s="280">
        <v>2</v>
      </c>
      <c r="BV34" s="280">
        <v>1</v>
      </c>
      <c r="BW34" s="280">
        <v>1</v>
      </c>
      <c r="BX34" s="280">
        <v>0</v>
      </c>
      <c r="BY34" s="280">
        <v>1</v>
      </c>
      <c r="BZ34" s="277">
        <v>5</v>
      </c>
      <c r="CA34" s="282">
        <v>5</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3</v>
      </c>
      <c r="DV34" s="277">
        <v>3</v>
      </c>
      <c r="DW34" s="279">
        <v>0</v>
      </c>
      <c r="DX34" s="280">
        <v>6</v>
      </c>
      <c r="DY34" s="280">
        <v>9</v>
      </c>
      <c r="DZ34" s="280">
        <v>4</v>
      </c>
      <c r="EA34" s="280">
        <v>2</v>
      </c>
      <c r="EB34" s="280">
        <v>2</v>
      </c>
      <c r="EC34" s="277">
        <v>23</v>
      </c>
      <c r="ED34" s="282">
        <v>26</v>
      </c>
      <c r="EE34" s="276">
        <v>0</v>
      </c>
      <c r="EF34" s="280">
        <v>0</v>
      </c>
      <c r="EG34" s="277">
        <v>0</v>
      </c>
      <c r="EH34" s="279">
        <v>0</v>
      </c>
      <c r="EI34" s="280">
        <v>0</v>
      </c>
      <c r="EJ34" s="280">
        <v>1</v>
      </c>
      <c r="EK34" s="280">
        <v>1</v>
      </c>
      <c r="EL34" s="280">
        <v>3</v>
      </c>
      <c r="EM34" s="280">
        <v>0</v>
      </c>
      <c r="EN34" s="277">
        <v>5</v>
      </c>
      <c r="EO34" s="282">
        <v>5</v>
      </c>
      <c r="EP34" s="276">
        <v>0</v>
      </c>
      <c r="EQ34" s="280">
        <v>4</v>
      </c>
      <c r="ER34" s="277">
        <v>4</v>
      </c>
      <c r="ES34" s="279">
        <v>0</v>
      </c>
      <c r="ET34" s="280">
        <v>8</v>
      </c>
      <c r="EU34" s="280">
        <v>12</v>
      </c>
      <c r="EV34" s="280">
        <v>4</v>
      </c>
      <c r="EW34" s="280">
        <v>2</v>
      </c>
      <c r="EX34" s="280">
        <v>2</v>
      </c>
      <c r="EY34" s="277">
        <v>28</v>
      </c>
      <c r="EZ34" s="282">
        <v>32</v>
      </c>
    </row>
    <row r="35" spans="2:156" ht="21" customHeight="1" x14ac:dyDescent="0.2">
      <c r="B35" s="261" t="s">
        <v>33</v>
      </c>
      <c r="C35" s="276">
        <v>0</v>
      </c>
      <c r="D35" s="280">
        <v>0</v>
      </c>
      <c r="E35" s="384">
        <v>0</v>
      </c>
      <c r="F35" s="279">
        <v>0</v>
      </c>
      <c r="G35" s="280">
        <v>2</v>
      </c>
      <c r="H35" s="280">
        <v>0</v>
      </c>
      <c r="I35" s="280">
        <v>0</v>
      </c>
      <c r="J35" s="280">
        <v>0</v>
      </c>
      <c r="K35" s="280">
        <v>1</v>
      </c>
      <c r="L35" s="281">
        <v>3</v>
      </c>
      <c r="M35" s="282">
        <v>3</v>
      </c>
      <c r="N35" s="276">
        <v>0</v>
      </c>
      <c r="O35" s="280">
        <v>0</v>
      </c>
      <c r="P35" s="277">
        <v>0</v>
      </c>
      <c r="Q35" s="279">
        <v>0</v>
      </c>
      <c r="R35" s="280">
        <v>0</v>
      </c>
      <c r="S35" s="280">
        <v>0</v>
      </c>
      <c r="T35" s="280">
        <v>0</v>
      </c>
      <c r="U35" s="280">
        <v>1</v>
      </c>
      <c r="V35" s="280">
        <v>0</v>
      </c>
      <c r="W35" s="277">
        <v>1</v>
      </c>
      <c r="X35" s="282">
        <v>1</v>
      </c>
      <c r="Y35" s="276">
        <v>0</v>
      </c>
      <c r="Z35" s="280">
        <v>0</v>
      </c>
      <c r="AA35" s="277">
        <v>0</v>
      </c>
      <c r="AB35" s="279">
        <v>0</v>
      </c>
      <c r="AC35" s="280">
        <v>1</v>
      </c>
      <c r="AD35" s="280">
        <v>1</v>
      </c>
      <c r="AE35" s="280">
        <v>0</v>
      </c>
      <c r="AF35" s="280">
        <v>0</v>
      </c>
      <c r="AG35" s="280">
        <v>1</v>
      </c>
      <c r="AH35" s="277">
        <v>3</v>
      </c>
      <c r="AI35" s="282">
        <v>3</v>
      </c>
      <c r="AJ35" s="276">
        <v>2</v>
      </c>
      <c r="AK35" s="280">
        <v>1</v>
      </c>
      <c r="AL35" s="277">
        <v>3</v>
      </c>
      <c r="AM35" s="279">
        <v>0</v>
      </c>
      <c r="AN35" s="280">
        <v>1</v>
      </c>
      <c r="AO35" s="280">
        <v>0</v>
      </c>
      <c r="AP35" s="280">
        <v>1</v>
      </c>
      <c r="AQ35" s="280">
        <v>1</v>
      </c>
      <c r="AR35" s="280">
        <v>1</v>
      </c>
      <c r="AS35" s="277">
        <v>4</v>
      </c>
      <c r="AT35" s="282">
        <v>7</v>
      </c>
      <c r="AU35" s="276">
        <v>0</v>
      </c>
      <c r="AV35" s="280">
        <v>0</v>
      </c>
      <c r="AW35" s="277">
        <v>0</v>
      </c>
      <c r="AX35" s="279">
        <v>0</v>
      </c>
      <c r="AY35" s="280">
        <v>1</v>
      </c>
      <c r="AZ35" s="280">
        <v>1</v>
      </c>
      <c r="BA35" s="280">
        <v>1</v>
      </c>
      <c r="BB35" s="280">
        <v>0</v>
      </c>
      <c r="BC35" s="280">
        <v>0</v>
      </c>
      <c r="BD35" s="281">
        <v>3</v>
      </c>
      <c r="BE35" s="282">
        <v>3</v>
      </c>
      <c r="BF35" s="276">
        <v>0</v>
      </c>
      <c r="BG35" s="280">
        <v>0</v>
      </c>
      <c r="BH35" s="277">
        <v>0</v>
      </c>
      <c r="BI35" s="279">
        <v>0</v>
      </c>
      <c r="BJ35" s="280">
        <v>1</v>
      </c>
      <c r="BK35" s="280">
        <v>0</v>
      </c>
      <c r="BL35" s="280">
        <v>0</v>
      </c>
      <c r="BM35" s="280">
        <v>0</v>
      </c>
      <c r="BN35" s="280">
        <v>0</v>
      </c>
      <c r="BO35" s="277">
        <v>1</v>
      </c>
      <c r="BP35" s="282">
        <v>1</v>
      </c>
      <c r="BQ35" s="276">
        <v>1</v>
      </c>
      <c r="BR35" s="280">
        <v>0</v>
      </c>
      <c r="BS35" s="277">
        <v>1</v>
      </c>
      <c r="BT35" s="279">
        <v>0</v>
      </c>
      <c r="BU35" s="280">
        <v>2</v>
      </c>
      <c r="BV35" s="280">
        <v>1</v>
      </c>
      <c r="BW35" s="280">
        <v>0</v>
      </c>
      <c r="BX35" s="280">
        <v>0</v>
      </c>
      <c r="BY35" s="280">
        <v>0</v>
      </c>
      <c r="BZ35" s="277">
        <v>3</v>
      </c>
      <c r="CA35" s="282">
        <v>4</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4</v>
      </c>
      <c r="DY35" s="280">
        <v>1</v>
      </c>
      <c r="DZ35" s="280">
        <v>1</v>
      </c>
      <c r="EA35" s="280">
        <v>1</v>
      </c>
      <c r="EB35" s="280">
        <v>0</v>
      </c>
      <c r="EC35" s="277">
        <v>7</v>
      </c>
      <c r="ED35" s="282">
        <v>8</v>
      </c>
      <c r="EE35" s="276">
        <v>0</v>
      </c>
      <c r="EF35" s="280">
        <v>0</v>
      </c>
      <c r="EG35" s="277">
        <v>0</v>
      </c>
      <c r="EH35" s="279">
        <v>0</v>
      </c>
      <c r="EI35" s="280">
        <v>0</v>
      </c>
      <c r="EJ35" s="280">
        <v>1</v>
      </c>
      <c r="EK35" s="280">
        <v>0</v>
      </c>
      <c r="EL35" s="280">
        <v>1</v>
      </c>
      <c r="EM35" s="280">
        <v>0</v>
      </c>
      <c r="EN35" s="277">
        <v>2</v>
      </c>
      <c r="EO35" s="282">
        <v>2</v>
      </c>
      <c r="EP35" s="276">
        <v>3</v>
      </c>
      <c r="EQ35" s="280">
        <v>1</v>
      </c>
      <c r="ER35" s="277">
        <v>4</v>
      </c>
      <c r="ES35" s="279">
        <v>0</v>
      </c>
      <c r="ET35" s="280">
        <v>6</v>
      </c>
      <c r="EU35" s="280">
        <v>2</v>
      </c>
      <c r="EV35" s="280">
        <v>1</v>
      </c>
      <c r="EW35" s="280">
        <v>1</v>
      </c>
      <c r="EX35" s="280">
        <v>1</v>
      </c>
      <c r="EY35" s="277">
        <v>11</v>
      </c>
      <c r="EZ35" s="282">
        <v>15</v>
      </c>
    </row>
    <row r="36" spans="2:156" ht="21" customHeight="1" x14ac:dyDescent="0.2">
      <c r="B36" s="261" t="s">
        <v>34</v>
      </c>
      <c r="C36" s="276">
        <v>0</v>
      </c>
      <c r="D36" s="280">
        <v>0</v>
      </c>
      <c r="E36" s="384">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1</v>
      </c>
      <c r="AP36" s="280">
        <v>1</v>
      </c>
      <c r="AQ36" s="280">
        <v>0</v>
      </c>
      <c r="AR36" s="280">
        <v>0</v>
      </c>
      <c r="AS36" s="277">
        <v>2</v>
      </c>
      <c r="AT36" s="282">
        <v>2</v>
      </c>
      <c r="AU36" s="276">
        <v>0</v>
      </c>
      <c r="AV36" s="280">
        <v>0</v>
      </c>
      <c r="AW36" s="277">
        <v>0</v>
      </c>
      <c r="AX36" s="279">
        <v>0</v>
      </c>
      <c r="AY36" s="280">
        <v>1</v>
      </c>
      <c r="AZ36" s="280">
        <v>1</v>
      </c>
      <c r="BA36" s="280">
        <v>1</v>
      </c>
      <c r="BB36" s="280">
        <v>0</v>
      </c>
      <c r="BC36" s="280">
        <v>2</v>
      </c>
      <c r="BD36" s="281">
        <v>5</v>
      </c>
      <c r="BE36" s="282">
        <v>5</v>
      </c>
      <c r="BF36" s="276">
        <v>0</v>
      </c>
      <c r="BG36" s="280">
        <v>0</v>
      </c>
      <c r="BH36" s="277">
        <v>0</v>
      </c>
      <c r="BI36" s="279">
        <v>0</v>
      </c>
      <c r="BJ36" s="280">
        <v>0</v>
      </c>
      <c r="BK36" s="280">
        <v>0</v>
      </c>
      <c r="BL36" s="280">
        <v>0</v>
      </c>
      <c r="BM36" s="280">
        <v>1</v>
      </c>
      <c r="BN36" s="280">
        <v>0</v>
      </c>
      <c r="BO36" s="277">
        <v>1</v>
      </c>
      <c r="BP36" s="282">
        <v>1</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1</v>
      </c>
      <c r="DV36" s="277">
        <v>1</v>
      </c>
      <c r="DW36" s="279">
        <v>0</v>
      </c>
      <c r="DX36" s="280">
        <v>1</v>
      </c>
      <c r="DY36" s="280">
        <v>1</v>
      </c>
      <c r="DZ36" s="280">
        <v>3</v>
      </c>
      <c r="EA36" s="280">
        <v>1</v>
      </c>
      <c r="EB36" s="280">
        <v>0</v>
      </c>
      <c r="EC36" s="277">
        <v>6</v>
      </c>
      <c r="ED36" s="282">
        <v>7</v>
      </c>
      <c r="EE36" s="276">
        <v>0</v>
      </c>
      <c r="EF36" s="280">
        <v>0</v>
      </c>
      <c r="EG36" s="277">
        <v>0</v>
      </c>
      <c r="EH36" s="279">
        <v>0</v>
      </c>
      <c r="EI36" s="280">
        <v>0</v>
      </c>
      <c r="EJ36" s="280">
        <v>0</v>
      </c>
      <c r="EK36" s="280">
        <v>0</v>
      </c>
      <c r="EL36" s="280">
        <v>0</v>
      </c>
      <c r="EM36" s="280">
        <v>2</v>
      </c>
      <c r="EN36" s="277">
        <v>2</v>
      </c>
      <c r="EO36" s="282">
        <v>2</v>
      </c>
      <c r="EP36" s="276">
        <v>0</v>
      </c>
      <c r="EQ36" s="280">
        <v>1</v>
      </c>
      <c r="ER36" s="277">
        <v>1</v>
      </c>
      <c r="ES36" s="279">
        <v>0</v>
      </c>
      <c r="ET36" s="280">
        <v>2</v>
      </c>
      <c r="EU36" s="280">
        <v>1</v>
      </c>
      <c r="EV36" s="280">
        <v>3</v>
      </c>
      <c r="EW36" s="280">
        <v>1</v>
      </c>
      <c r="EX36" s="280">
        <v>0</v>
      </c>
      <c r="EY36" s="277">
        <v>7</v>
      </c>
      <c r="EZ36" s="282">
        <v>8</v>
      </c>
    </row>
    <row r="37" spans="2:156" ht="21" customHeight="1" x14ac:dyDescent="0.2">
      <c r="B37" s="261" t="s">
        <v>35</v>
      </c>
      <c r="C37" s="276">
        <v>0</v>
      </c>
      <c r="D37" s="280">
        <v>0</v>
      </c>
      <c r="E37" s="384">
        <v>0</v>
      </c>
      <c r="F37" s="279">
        <v>0</v>
      </c>
      <c r="G37" s="280">
        <v>7</v>
      </c>
      <c r="H37" s="280">
        <v>2</v>
      </c>
      <c r="I37" s="280">
        <v>0</v>
      </c>
      <c r="J37" s="280">
        <v>1</v>
      </c>
      <c r="K37" s="280">
        <v>1</v>
      </c>
      <c r="L37" s="281">
        <v>11</v>
      </c>
      <c r="M37" s="282">
        <v>11</v>
      </c>
      <c r="N37" s="276">
        <v>0</v>
      </c>
      <c r="O37" s="280">
        <v>0</v>
      </c>
      <c r="P37" s="277">
        <v>0</v>
      </c>
      <c r="Q37" s="279">
        <v>0</v>
      </c>
      <c r="R37" s="280">
        <v>0</v>
      </c>
      <c r="S37" s="280">
        <v>0</v>
      </c>
      <c r="T37" s="280">
        <v>0</v>
      </c>
      <c r="U37" s="280">
        <v>1</v>
      </c>
      <c r="V37" s="280">
        <v>2</v>
      </c>
      <c r="W37" s="277">
        <v>3</v>
      </c>
      <c r="X37" s="282">
        <v>3</v>
      </c>
      <c r="Y37" s="276">
        <v>0</v>
      </c>
      <c r="Z37" s="280">
        <v>1</v>
      </c>
      <c r="AA37" s="277">
        <v>1</v>
      </c>
      <c r="AB37" s="279">
        <v>0</v>
      </c>
      <c r="AC37" s="280">
        <v>1</v>
      </c>
      <c r="AD37" s="280">
        <v>2</v>
      </c>
      <c r="AE37" s="280">
        <v>0</v>
      </c>
      <c r="AF37" s="280">
        <v>1</v>
      </c>
      <c r="AG37" s="280">
        <v>1</v>
      </c>
      <c r="AH37" s="277">
        <v>5</v>
      </c>
      <c r="AI37" s="282">
        <v>6</v>
      </c>
      <c r="AJ37" s="276">
        <v>1</v>
      </c>
      <c r="AK37" s="280">
        <v>0</v>
      </c>
      <c r="AL37" s="277">
        <v>1</v>
      </c>
      <c r="AM37" s="279">
        <v>0</v>
      </c>
      <c r="AN37" s="280">
        <v>1</v>
      </c>
      <c r="AO37" s="280">
        <v>1</v>
      </c>
      <c r="AP37" s="280">
        <v>1</v>
      </c>
      <c r="AQ37" s="280">
        <v>1</v>
      </c>
      <c r="AR37" s="280">
        <v>0</v>
      </c>
      <c r="AS37" s="277">
        <v>4</v>
      </c>
      <c r="AT37" s="282">
        <v>5</v>
      </c>
      <c r="AU37" s="276">
        <v>2</v>
      </c>
      <c r="AV37" s="280">
        <v>1</v>
      </c>
      <c r="AW37" s="277">
        <v>3</v>
      </c>
      <c r="AX37" s="279">
        <v>0</v>
      </c>
      <c r="AY37" s="280">
        <v>9</v>
      </c>
      <c r="AZ37" s="280">
        <v>6</v>
      </c>
      <c r="BA37" s="280">
        <v>2</v>
      </c>
      <c r="BB37" s="280">
        <v>5</v>
      </c>
      <c r="BC37" s="280">
        <v>3</v>
      </c>
      <c r="BD37" s="281">
        <v>25</v>
      </c>
      <c r="BE37" s="282">
        <v>28</v>
      </c>
      <c r="BF37" s="276">
        <v>0</v>
      </c>
      <c r="BG37" s="280">
        <v>0</v>
      </c>
      <c r="BH37" s="277">
        <v>0</v>
      </c>
      <c r="BI37" s="279">
        <v>0</v>
      </c>
      <c r="BJ37" s="280">
        <v>8</v>
      </c>
      <c r="BK37" s="280">
        <v>5</v>
      </c>
      <c r="BL37" s="280">
        <v>1</v>
      </c>
      <c r="BM37" s="280">
        <v>0</v>
      </c>
      <c r="BN37" s="280">
        <v>0</v>
      </c>
      <c r="BO37" s="277">
        <v>14</v>
      </c>
      <c r="BP37" s="282">
        <v>14</v>
      </c>
      <c r="BQ37" s="276">
        <v>0</v>
      </c>
      <c r="BR37" s="280">
        <v>1</v>
      </c>
      <c r="BS37" s="277">
        <v>1</v>
      </c>
      <c r="BT37" s="279">
        <v>0</v>
      </c>
      <c r="BU37" s="280">
        <v>2</v>
      </c>
      <c r="BV37" s="280">
        <v>0</v>
      </c>
      <c r="BW37" s="280">
        <v>1</v>
      </c>
      <c r="BX37" s="280">
        <v>0</v>
      </c>
      <c r="BY37" s="280">
        <v>0</v>
      </c>
      <c r="BZ37" s="277">
        <v>3</v>
      </c>
      <c r="CA37" s="282">
        <v>4</v>
      </c>
      <c r="CB37" s="276">
        <v>0</v>
      </c>
      <c r="CC37" s="280">
        <v>0</v>
      </c>
      <c r="CD37" s="277">
        <v>0</v>
      </c>
      <c r="CE37" s="279">
        <v>0</v>
      </c>
      <c r="CF37" s="280">
        <v>0</v>
      </c>
      <c r="CG37" s="280">
        <v>1</v>
      </c>
      <c r="CH37" s="280">
        <v>0</v>
      </c>
      <c r="CI37" s="280">
        <v>0</v>
      </c>
      <c r="CJ37" s="280">
        <v>0</v>
      </c>
      <c r="CK37" s="277">
        <v>1</v>
      </c>
      <c r="CL37" s="282">
        <v>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2</v>
      </c>
      <c r="DV37" s="277">
        <v>3</v>
      </c>
      <c r="DW37" s="279">
        <v>0</v>
      </c>
      <c r="DX37" s="280">
        <v>7</v>
      </c>
      <c r="DY37" s="280">
        <v>7</v>
      </c>
      <c r="DZ37" s="280">
        <v>3</v>
      </c>
      <c r="EA37" s="280">
        <v>3</v>
      </c>
      <c r="EB37" s="280">
        <v>2</v>
      </c>
      <c r="EC37" s="277">
        <v>22</v>
      </c>
      <c r="ED37" s="282">
        <v>25</v>
      </c>
      <c r="EE37" s="276">
        <v>4</v>
      </c>
      <c r="EF37" s="280">
        <v>1</v>
      </c>
      <c r="EG37" s="277">
        <v>5</v>
      </c>
      <c r="EH37" s="279">
        <v>0</v>
      </c>
      <c r="EI37" s="280">
        <v>3</v>
      </c>
      <c r="EJ37" s="280">
        <v>2</v>
      </c>
      <c r="EK37" s="280">
        <v>1</v>
      </c>
      <c r="EL37" s="280">
        <v>2</v>
      </c>
      <c r="EM37" s="280">
        <v>1</v>
      </c>
      <c r="EN37" s="277">
        <v>9</v>
      </c>
      <c r="EO37" s="282">
        <v>14</v>
      </c>
      <c r="EP37" s="276">
        <v>2</v>
      </c>
      <c r="EQ37" s="280">
        <v>4</v>
      </c>
      <c r="ER37" s="277">
        <v>6</v>
      </c>
      <c r="ES37" s="279">
        <v>0</v>
      </c>
      <c r="ET37" s="280">
        <v>17</v>
      </c>
      <c r="EU37" s="280">
        <v>8</v>
      </c>
      <c r="EV37" s="280">
        <v>4</v>
      </c>
      <c r="EW37" s="280">
        <v>3</v>
      </c>
      <c r="EX37" s="280">
        <v>2</v>
      </c>
      <c r="EY37" s="277">
        <v>34</v>
      </c>
      <c r="EZ37" s="282">
        <v>40</v>
      </c>
    </row>
    <row r="38" spans="2:156" ht="21" customHeight="1" x14ac:dyDescent="0.2">
      <c r="B38" s="261" t="s">
        <v>36</v>
      </c>
      <c r="C38" s="276">
        <v>0</v>
      </c>
      <c r="D38" s="280">
        <v>0</v>
      </c>
      <c r="E38" s="384">
        <v>0</v>
      </c>
      <c r="F38" s="279">
        <v>0</v>
      </c>
      <c r="G38" s="280">
        <v>2</v>
      </c>
      <c r="H38" s="280">
        <v>1</v>
      </c>
      <c r="I38" s="280">
        <v>1</v>
      </c>
      <c r="J38" s="280">
        <v>1</v>
      </c>
      <c r="K38" s="280">
        <v>2</v>
      </c>
      <c r="L38" s="281">
        <v>7</v>
      </c>
      <c r="M38" s="282">
        <v>7</v>
      </c>
      <c r="N38" s="276">
        <v>0</v>
      </c>
      <c r="O38" s="280">
        <v>0</v>
      </c>
      <c r="P38" s="277">
        <v>0</v>
      </c>
      <c r="Q38" s="279">
        <v>0</v>
      </c>
      <c r="R38" s="280">
        <v>1</v>
      </c>
      <c r="S38" s="280">
        <v>0</v>
      </c>
      <c r="T38" s="280">
        <v>0</v>
      </c>
      <c r="U38" s="280">
        <v>0</v>
      </c>
      <c r="V38" s="280">
        <v>0</v>
      </c>
      <c r="W38" s="277">
        <v>1</v>
      </c>
      <c r="X38" s="282">
        <v>1</v>
      </c>
      <c r="Y38" s="276">
        <v>0</v>
      </c>
      <c r="Z38" s="280">
        <v>1</v>
      </c>
      <c r="AA38" s="277">
        <v>1</v>
      </c>
      <c r="AB38" s="279">
        <v>0</v>
      </c>
      <c r="AC38" s="280">
        <v>4</v>
      </c>
      <c r="AD38" s="280">
        <v>0</v>
      </c>
      <c r="AE38" s="280">
        <v>1</v>
      </c>
      <c r="AF38" s="280">
        <v>0</v>
      </c>
      <c r="AG38" s="280">
        <v>1</v>
      </c>
      <c r="AH38" s="277">
        <v>6</v>
      </c>
      <c r="AI38" s="282">
        <v>7</v>
      </c>
      <c r="AJ38" s="276">
        <v>0</v>
      </c>
      <c r="AK38" s="280">
        <v>1</v>
      </c>
      <c r="AL38" s="277">
        <v>1</v>
      </c>
      <c r="AM38" s="279">
        <v>0</v>
      </c>
      <c r="AN38" s="280">
        <v>0</v>
      </c>
      <c r="AO38" s="280">
        <v>1</v>
      </c>
      <c r="AP38" s="280">
        <v>0</v>
      </c>
      <c r="AQ38" s="280">
        <v>0</v>
      </c>
      <c r="AR38" s="280">
        <v>0</v>
      </c>
      <c r="AS38" s="277">
        <v>1</v>
      </c>
      <c r="AT38" s="282">
        <v>2</v>
      </c>
      <c r="AU38" s="276">
        <v>0</v>
      </c>
      <c r="AV38" s="280">
        <v>0</v>
      </c>
      <c r="AW38" s="277">
        <v>0</v>
      </c>
      <c r="AX38" s="279">
        <v>0</v>
      </c>
      <c r="AY38" s="280">
        <v>3</v>
      </c>
      <c r="AZ38" s="280">
        <v>3</v>
      </c>
      <c r="BA38" s="280">
        <v>3</v>
      </c>
      <c r="BB38" s="280">
        <v>1</v>
      </c>
      <c r="BC38" s="280">
        <v>2</v>
      </c>
      <c r="BD38" s="281">
        <v>12</v>
      </c>
      <c r="BE38" s="282">
        <v>12</v>
      </c>
      <c r="BF38" s="276">
        <v>0</v>
      </c>
      <c r="BG38" s="280">
        <v>0</v>
      </c>
      <c r="BH38" s="277">
        <v>0</v>
      </c>
      <c r="BI38" s="279">
        <v>0</v>
      </c>
      <c r="BJ38" s="280">
        <v>2</v>
      </c>
      <c r="BK38" s="280">
        <v>2</v>
      </c>
      <c r="BL38" s="280">
        <v>2</v>
      </c>
      <c r="BM38" s="280">
        <v>0</v>
      </c>
      <c r="BN38" s="280">
        <v>0</v>
      </c>
      <c r="BO38" s="277">
        <v>6</v>
      </c>
      <c r="BP38" s="282">
        <v>6</v>
      </c>
      <c r="BQ38" s="276">
        <v>0</v>
      </c>
      <c r="BR38" s="280">
        <v>1</v>
      </c>
      <c r="BS38" s="277">
        <v>1</v>
      </c>
      <c r="BT38" s="279">
        <v>0</v>
      </c>
      <c r="BU38" s="280">
        <v>0</v>
      </c>
      <c r="BV38" s="280">
        <v>1</v>
      </c>
      <c r="BW38" s="280">
        <v>1</v>
      </c>
      <c r="BX38" s="280">
        <v>1</v>
      </c>
      <c r="BY38" s="280">
        <v>0</v>
      </c>
      <c r="BZ38" s="277">
        <v>3</v>
      </c>
      <c r="CA38" s="282">
        <v>4</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3</v>
      </c>
      <c r="DV38" s="277">
        <v>3</v>
      </c>
      <c r="DW38" s="279">
        <v>0</v>
      </c>
      <c r="DX38" s="280">
        <v>7</v>
      </c>
      <c r="DY38" s="280">
        <v>5</v>
      </c>
      <c r="DZ38" s="280">
        <v>1</v>
      </c>
      <c r="EA38" s="280">
        <v>1</v>
      </c>
      <c r="EB38" s="280">
        <v>2</v>
      </c>
      <c r="EC38" s="277">
        <v>16</v>
      </c>
      <c r="ED38" s="282">
        <v>19</v>
      </c>
      <c r="EE38" s="276">
        <v>0</v>
      </c>
      <c r="EF38" s="280">
        <v>0</v>
      </c>
      <c r="EG38" s="277">
        <v>0</v>
      </c>
      <c r="EH38" s="279">
        <v>0</v>
      </c>
      <c r="EI38" s="280">
        <v>1</v>
      </c>
      <c r="EJ38" s="280">
        <v>1</v>
      </c>
      <c r="EK38" s="280">
        <v>0</v>
      </c>
      <c r="EL38" s="280">
        <v>1</v>
      </c>
      <c r="EM38" s="280">
        <v>1</v>
      </c>
      <c r="EN38" s="277">
        <v>4</v>
      </c>
      <c r="EO38" s="282">
        <v>4</v>
      </c>
      <c r="EP38" s="276">
        <v>0</v>
      </c>
      <c r="EQ38" s="280">
        <v>5</v>
      </c>
      <c r="ER38" s="277">
        <v>5</v>
      </c>
      <c r="ES38" s="279">
        <v>0</v>
      </c>
      <c r="ET38" s="280">
        <v>11</v>
      </c>
      <c r="EU38" s="280">
        <v>7</v>
      </c>
      <c r="EV38" s="280">
        <v>3</v>
      </c>
      <c r="EW38" s="280">
        <v>1</v>
      </c>
      <c r="EX38" s="280">
        <v>3</v>
      </c>
      <c r="EY38" s="277">
        <v>25</v>
      </c>
      <c r="EZ38" s="282">
        <v>30</v>
      </c>
    </row>
    <row r="39" spans="2:156"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0</v>
      </c>
      <c r="BD39" s="288">
        <v>1</v>
      </c>
      <c r="BE39" s="289">
        <v>1</v>
      </c>
      <c r="BF39" s="283">
        <v>0</v>
      </c>
      <c r="BG39" s="287">
        <v>0</v>
      </c>
      <c r="BH39" s="284">
        <v>0</v>
      </c>
      <c r="BI39" s="286">
        <v>0</v>
      </c>
      <c r="BJ39" s="287">
        <v>0</v>
      </c>
      <c r="BK39" s="287">
        <v>1</v>
      </c>
      <c r="BL39" s="287">
        <v>0</v>
      </c>
      <c r="BM39" s="287">
        <v>0</v>
      </c>
      <c r="BN39" s="287">
        <v>0</v>
      </c>
      <c r="BO39" s="284">
        <v>1</v>
      </c>
      <c r="BP39" s="289">
        <v>1</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1</v>
      </c>
      <c r="DZ39" s="287">
        <v>0</v>
      </c>
      <c r="EA39" s="287">
        <v>0</v>
      </c>
      <c r="EB39" s="287">
        <v>0</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0</v>
      </c>
      <c r="ER39" s="284">
        <v>0</v>
      </c>
      <c r="ES39" s="286">
        <v>0</v>
      </c>
      <c r="ET39" s="287">
        <v>0</v>
      </c>
      <c r="EU39" s="287">
        <v>1</v>
      </c>
      <c r="EV39" s="287">
        <v>0</v>
      </c>
      <c r="EW39" s="287">
        <v>0</v>
      </c>
      <c r="EX39" s="287">
        <v>0</v>
      </c>
      <c r="EY39" s="284">
        <v>1</v>
      </c>
      <c r="EZ39" s="289">
        <v>1</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26">
        <f>第１表!F2</f>
        <v>5</v>
      </c>
      <c r="J1" s="526"/>
      <c r="K1" s="248">
        <f>第１表!G2</f>
        <v>3</v>
      </c>
      <c r="L1" s="530">
        <f>IF(K1&lt;3,K1+12-2,K1-2)</f>
        <v>1</v>
      </c>
      <c r="M1" s="530"/>
    </row>
    <row r="2" spans="2:156" ht="24" customHeight="1" thickBot="1" x14ac:dyDescent="0.25">
      <c r="B2" s="290" t="s">
        <v>154</v>
      </c>
      <c r="G2" s="247"/>
      <c r="H2" s="248"/>
      <c r="J2" s="349"/>
      <c r="K2" s="349"/>
    </row>
    <row r="3" spans="2:156" ht="21" customHeight="1" thickBot="1" x14ac:dyDescent="0.25">
      <c r="B3" s="543"/>
      <c r="C3" s="534" t="s">
        <v>70</v>
      </c>
      <c r="D3" s="535"/>
      <c r="E3" s="535"/>
      <c r="F3" s="535"/>
      <c r="G3" s="535"/>
      <c r="H3" s="535"/>
      <c r="I3" s="535"/>
      <c r="J3" s="535"/>
      <c r="K3" s="535"/>
      <c r="L3" s="535"/>
      <c r="M3" s="536"/>
      <c r="N3" s="534" t="s">
        <v>71</v>
      </c>
      <c r="O3" s="535"/>
      <c r="P3" s="535"/>
      <c r="Q3" s="535"/>
      <c r="R3" s="535"/>
      <c r="S3" s="535"/>
      <c r="T3" s="535"/>
      <c r="U3" s="535"/>
      <c r="V3" s="535"/>
      <c r="W3" s="535"/>
      <c r="X3" s="536"/>
      <c r="Y3" s="534" t="s">
        <v>72</v>
      </c>
      <c r="Z3" s="535"/>
      <c r="AA3" s="535"/>
      <c r="AB3" s="535"/>
      <c r="AC3" s="535"/>
      <c r="AD3" s="535"/>
      <c r="AE3" s="535"/>
      <c r="AF3" s="535"/>
      <c r="AG3" s="535"/>
      <c r="AH3" s="535"/>
      <c r="AI3" s="536"/>
      <c r="AJ3" s="534" t="s">
        <v>73</v>
      </c>
      <c r="AK3" s="535"/>
      <c r="AL3" s="535"/>
      <c r="AM3" s="535"/>
      <c r="AN3" s="535"/>
      <c r="AO3" s="535"/>
      <c r="AP3" s="535"/>
      <c r="AQ3" s="535"/>
      <c r="AR3" s="535"/>
      <c r="AS3" s="535"/>
      <c r="AT3" s="536"/>
      <c r="AU3" s="534" t="s">
        <v>74</v>
      </c>
      <c r="AV3" s="535"/>
      <c r="AW3" s="535"/>
      <c r="AX3" s="535"/>
      <c r="AY3" s="535"/>
      <c r="AZ3" s="535"/>
      <c r="BA3" s="535"/>
      <c r="BB3" s="535"/>
      <c r="BC3" s="535"/>
      <c r="BD3" s="535"/>
      <c r="BE3" s="536"/>
      <c r="BF3" s="534" t="s">
        <v>75</v>
      </c>
      <c r="BG3" s="535"/>
      <c r="BH3" s="535"/>
      <c r="BI3" s="535"/>
      <c r="BJ3" s="535"/>
      <c r="BK3" s="535"/>
      <c r="BL3" s="535"/>
      <c r="BM3" s="535"/>
      <c r="BN3" s="535"/>
      <c r="BO3" s="535"/>
      <c r="BP3" s="536"/>
      <c r="BQ3" s="534" t="s">
        <v>76</v>
      </c>
      <c r="BR3" s="535"/>
      <c r="BS3" s="535"/>
      <c r="BT3" s="535"/>
      <c r="BU3" s="535"/>
      <c r="BV3" s="535"/>
      <c r="BW3" s="535"/>
      <c r="BX3" s="535"/>
      <c r="BY3" s="535"/>
      <c r="BZ3" s="535"/>
      <c r="CA3" s="536"/>
      <c r="CB3" s="534" t="s">
        <v>77</v>
      </c>
      <c r="CC3" s="535"/>
      <c r="CD3" s="535"/>
      <c r="CE3" s="535"/>
      <c r="CF3" s="535"/>
      <c r="CG3" s="535"/>
      <c r="CH3" s="535"/>
      <c r="CI3" s="535"/>
      <c r="CJ3" s="535"/>
      <c r="CK3" s="535"/>
      <c r="CL3" s="536"/>
      <c r="CM3" s="534" t="s">
        <v>78</v>
      </c>
      <c r="CN3" s="535"/>
      <c r="CO3" s="535"/>
      <c r="CP3" s="535"/>
      <c r="CQ3" s="535"/>
      <c r="CR3" s="535"/>
      <c r="CS3" s="535"/>
      <c r="CT3" s="535"/>
      <c r="CU3" s="535"/>
      <c r="CV3" s="535"/>
      <c r="CW3" s="536"/>
      <c r="CX3" s="534" t="s">
        <v>79</v>
      </c>
      <c r="CY3" s="535"/>
      <c r="CZ3" s="535"/>
      <c r="DA3" s="535"/>
      <c r="DB3" s="535"/>
      <c r="DC3" s="535"/>
      <c r="DD3" s="535"/>
      <c r="DE3" s="535"/>
      <c r="DF3" s="535"/>
      <c r="DG3" s="535"/>
      <c r="DH3" s="536"/>
      <c r="DI3" s="534" t="s">
        <v>152</v>
      </c>
      <c r="DJ3" s="535"/>
      <c r="DK3" s="535"/>
      <c r="DL3" s="535"/>
      <c r="DM3" s="535"/>
      <c r="DN3" s="535"/>
      <c r="DO3" s="535"/>
      <c r="DP3" s="535"/>
      <c r="DQ3" s="535"/>
      <c r="DR3" s="535"/>
      <c r="DS3" s="536"/>
      <c r="DT3" s="534" t="s">
        <v>80</v>
      </c>
      <c r="DU3" s="535"/>
      <c r="DV3" s="535"/>
      <c r="DW3" s="535"/>
      <c r="DX3" s="535"/>
      <c r="DY3" s="535"/>
      <c r="DZ3" s="535"/>
      <c r="EA3" s="535"/>
      <c r="EB3" s="535"/>
      <c r="EC3" s="535"/>
      <c r="ED3" s="536"/>
      <c r="EE3" s="534" t="s">
        <v>68</v>
      </c>
      <c r="EF3" s="535"/>
      <c r="EG3" s="535"/>
      <c r="EH3" s="535"/>
      <c r="EI3" s="535"/>
      <c r="EJ3" s="535"/>
      <c r="EK3" s="535"/>
      <c r="EL3" s="535"/>
      <c r="EM3" s="535"/>
      <c r="EN3" s="535"/>
      <c r="EO3" s="536"/>
      <c r="EP3" s="531" t="s">
        <v>69</v>
      </c>
      <c r="EQ3" s="532"/>
      <c r="ER3" s="532"/>
      <c r="ES3" s="532"/>
      <c r="ET3" s="532"/>
      <c r="EU3" s="532"/>
      <c r="EV3" s="532"/>
      <c r="EW3" s="532"/>
      <c r="EX3" s="532"/>
      <c r="EY3" s="532"/>
      <c r="EZ3" s="533"/>
    </row>
    <row r="4" spans="2:156" ht="21" customHeight="1" x14ac:dyDescent="0.2">
      <c r="B4" s="544"/>
      <c r="C4" s="542" t="s">
        <v>61</v>
      </c>
      <c r="D4" s="538"/>
      <c r="E4" s="539"/>
      <c r="F4" s="537" t="s">
        <v>62</v>
      </c>
      <c r="G4" s="538"/>
      <c r="H4" s="538"/>
      <c r="I4" s="538"/>
      <c r="J4" s="538"/>
      <c r="K4" s="538"/>
      <c r="L4" s="546"/>
      <c r="M4" s="540" t="s">
        <v>52</v>
      </c>
      <c r="N4" s="542" t="s">
        <v>61</v>
      </c>
      <c r="O4" s="538"/>
      <c r="P4" s="539"/>
      <c r="Q4" s="537" t="s">
        <v>62</v>
      </c>
      <c r="R4" s="538"/>
      <c r="S4" s="538"/>
      <c r="T4" s="538"/>
      <c r="U4" s="538"/>
      <c r="V4" s="538"/>
      <c r="W4" s="539"/>
      <c r="X4" s="540" t="s">
        <v>52</v>
      </c>
      <c r="Y4" s="542" t="s">
        <v>61</v>
      </c>
      <c r="Z4" s="538"/>
      <c r="AA4" s="539"/>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42" t="s">
        <v>61</v>
      </c>
      <c r="AV4" s="538"/>
      <c r="AW4" s="539"/>
      <c r="AX4" s="537" t="s">
        <v>62</v>
      </c>
      <c r="AY4" s="538"/>
      <c r="AZ4" s="538"/>
      <c r="BA4" s="538"/>
      <c r="BB4" s="538"/>
      <c r="BC4" s="538"/>
      <c r="BD4" s="546"/>
      <c r="BE4" s="540" t="s">
        <v>52</v>
      </c>
      <c r="BF4" s="542" t="s">
        <v>61</v>
      </c>
      <c r="BG4" s="538"/>
      <c r="BH4" s="539"/>
      <c r="BI4" s="537" t="s">
        <v>62</v>
      </c>
      <c r="BJ4" s="538"/>
      <c r="BK4" s="538"/>
      <c r="BL4" s="538"/>
      <c r="BM4" s="538"/>
      <c r="BN4" s="538"/>
      <c r="BO4" s="539"/>
      <c r="BP4" s="540" t="s">
        <v>52</v>
      </c>
      <c r="BQ4" s="542" t="s">
        <v>61</v>
      </c>
      <c r="BR4" s="538"/>
      <c r="BS4" s="539"/>
      <c r="BT4" s="537" t="s">
        <v>62</v>
      </c>
      <c r="BU4" s="538"/>
      <c r="BV4" s="538"/>
      <c r="BW4" s="538"/>
      <c r="BX4" s="538"/>
      <c r="BY4" s="538"/>
      <c r="BZ4" s="539"/>
      <c r="CA4" s="540" t="s">
        <v>52</v>
      </c>
      <c r="CB4" s="542" t="s">
        <v>61</v>
      </c>
      <c r="CC4" s="538"/>
      <c r="CD4" s="539"/>
      <c r="CE4" s="537" t="s">
        <v>62</v>
      </c>
      <c r="CF4" s="538"/>
      <c r="CG4" s="538"/>
      <c r="CH4" s="538"/>
      <c r="CI4" s="538"/>
      <c r="CJ4" s="538"/>
      <c r="CK4" s="539"/>
      <c r="CL4" s="540" t="s">
        <v>52</v>
      </c>
      <c r="CM4" s="542" t="s">
        <v>61</v>
      </c>
      <c r="CN4" s="538"/>
      <c r="CO4" s="539"/>
      <c r="CP4" s="537" t="s">
        <v>62</v>
      </c>
      <c r="CQ4" s="538"/>
      <c r="CR4" s="538"/>
      <c r="CS4" s="538"/>
      <c r="CT4" s="538"/>
      <c r="CU4" s="538"/>
      <c r="CV4" s="539"/>
      <c r="CW4" s="540" t="s">
        <v>52</v>
      </c>
      <c r="CX4" s="542" t="s">
        <v>61</v>
      </c>
      <c r="CY4" s="538"/>
      <c r="CZ4" s="539"/>
      <c r="DA4" s="537" t="s">
        <v>62</v>
      </c>
      <c r="DB4" s="538"/>
      <c r="DC4" s="538"/>
      <c r="DD4" s="538"/>
      <c r="DE4" s="538"/>
      <c r="DF4" s="538"/>
      <c r="DG4" s="539"/>
      <c r="DH4" s="540" t="s">
        <v>52</v>
      </c>
      <c r="DI4" s="542" t="s">
        <v>61</v>
      </c>
      <c r="DJ4" s="538"/>
      <c r="DK4" s="539"/>
      <c r="DL4" s="537" t="s">
        <v>62</v>
      </c>
      <c r="DM4" s="538"/>
      <c r="DN4" s="538"/>
      <c r="DO4" s="538"/>
      <c r="DP4" s="538"/>
      <c r="DQ4" s="538"/>
      <c r="DR4" s="539"/>
      <c r="DS4" s="540" t="s">
        <v>52</v>
      </c>
      <c r="DT4" s="542" t="s">
        <v>61</v>
      </c>
      <c r="DU4" s="538"/>
      <c r="DV4" s="539"/>
      <c r="DW4" s="537" t="s">
        <v>62</v>
      </c>
      <c r="DX4" s="538"/>
      <c r="DY4" s="538"/>
      <c r="DZ4" s="538"/>
      <c r="EA4" s="538"/>
      <c r="EB4" s="538"/>
      <c r="EC4" s="539"/>
      <c r="ED4" s="540" t="s">
        <v>52</v>
      </c>
      <c r="EE4" s="542" t="s">
        <v>61</v>
      </c>
      <c r="EF4" s="538"/>
      <c r="EG4" s="539"/>
      <c r="EH4" s="537" t="s">
        <v>62</v>
      </c>
      <c r="EI4" s="538"/>
      <c r="EJ4" s="538"/>
      <c r="EK4" s="538"/>
      <c r="EL4" s="538"/>
      <c r="EM4" s="538"/>
      <c r="EN4" s="539"/>
      <c r="EO4" s="540" t="s">
        <v>52</v>
      </c>
      <c r="EP4" s="542" t="s">
        <v>61</v>
      </c>
      <c r="EQ4" s="538"/>
      <c r="ER4" s="539"/>
      <c r="ES4" s="537" t="s">
        <v>62</v>
      </c>
      <c r="ET4" s="538"/>
      <c r="EU4" s="538"/>
      <c r="EV4" s="538"/>
      <c r="EW4" s="538"/>
      <c r="EX4" s="538"/>
      <c r="EY4" s="539"/>
      <c r="EZ4" s="540" t="s">
        <v>52</v>
      </c>
    </row>
    <row r="5" spans="2:156" ht="30" customHeight="1" thickBot="1" x14ac:dyDescent="0.25">
      <c r="B5" s="545"/>
      <c r="C5" s="350" t="s">
        <v>43</v>
      </c>
      <c r="D5" s="259" t="s">
        <v>162</v>
      </c>
      <c r="E5" s="382" t="s">
        <v>45</v>
      </c>
      <c r="F5" s="267" t="s">
        <v>83</v>
      </c>
      <c r="G5" s="259" t="s">
        <v>47</v>
      </c>
      <c r="H5" s="259" t="s">
        <v>48</v>
      </c>
      <c r="I5" s="259" t="s">
        <v>49</v>
      </c>
      <c r="J5" s="259" t="s">
        <v>50</v>
      </c>
      <c r="K5" s="259" t="s">
        <v>51</v>
      </c>
      <c r="L5" s="268" t="s">
        <v>45</v>
      </c>
      <c r="M5" s="541"/>
      <c r="N5" s="350" t="s">
        <v>43</v>
      </c>
      <c r="O5" s="259" t="s">
        <v>44</v>
      </c>
      <c r="P5" s="265" t="s">
        <v>45</v>
      </c>
      <c r="Q5" s="267" t="s">
        <v>83</v>
      </c>
      <c r="R5" s="259" t="s">
        <v>47</v>
      </c>
      <c r="S5" s="259" t="s">
        <v>48</v>
      </c>
      <c r="T5" s="259" t="s">
        <v>49</v>
      </c>
      <c r="U5" s="259" t="s">
        <v>50</v>
      </c>
      <c r="V5" s="259" t="s">
        <v>51</v>
      </c>
      <c r="W5" s="265" t="s">
        <v>45</v>
      </c>
      <c r="X5" s="541"/>
      <c r="Y5" s="350" t="s">
        <v>43</v>
      </c>
      <c r="Z5" s="259" t="s">
        <v>44</v>
      </c>
      <c r="AA5" s="265" t="s">
        <v>45</v>
      </c>
      <c r="AB5" s="267" t="s">
        <v>83</v>
      </c>
      <c r="AC5" s="259" t="s">
        <v>47</v>
      </c>
      <c r="AD5" s="259" t="s">
        <v>48</v>
      </c>
      <c r="AE5" s="259" t="s">
        <v>49</v>
      </c>
      <c r="AF5" s="259" t="s">
        <v>50</v>
      </c>
      <c r="AG5" s="259" t="s">
        <v>51</v>
      </c>
      <c r="AH5" s="265" t="s">
        <v>45</v>
      </c>
      <c r="AI5" s="541"/>
      <c r="AJ5" s="350" t="s">
        <v>43</v>
      </c>
      <c r="AK5" s="259" t="s">
        <v>44</v>
      </c>
      <c r="AL5" s="265" t="s">
        <v>45</v>
      </c>
      <c r="AM5" s="267" t="s">
        <v>83</v>
      </c>
      <c r="AN5" s="259" t="s">
        <v>47</v>
      </c>
      <c r="AO5" s="259" t="s">
        <v>48</v>
      </c>
      <c r="AP5" s="259" t="s">
        <v>49</v>
      </c>
      <c r="AQ5" s="259" t="s">
        <v>50</v>
      </c>
      <c r="AR5" s="259" t="s">
        <v>51</v>
      </c>
      <c r="AS5" s="265" t="s">
        <v>45</v>
      </c>
      <c r="AT5" s="541"/>
      <c r="AU5" s="350" t="s">
        <v>43</v>
      </c>
      <c r="AV5" s="259" t="s">
        <v>44</v>
      </c>
      <c r="AW5" s="265" t="s">
        <v>45</v>
      </c>
      <c r="AX5" s="267" t="s">
        <v>83</v>
      </c>
      <c r="AY5" s="259" t="s">
        <v>47</v>
      </c>
      <c r="AZ5" s="259" t="s">
        <v>48</v>
      </c>
      <c r="BA5" s="259" t="s">
        <v>49</v>
      </c>
      <c r="BB5" s="259" t="s">
        <v>50</v>
      </c>
      <c r="BC5" s="259" t="s">
        <v>51</v>
      </c>
      <c r="BD5" s="268" t="s">
        <v>45</v>
      </c>
      <c r="BE5" s="541"/>
      <c r="BF5" s="350" t="s">
        <v>43</v>
      </c>
      <c r="BG5" s="259" t="s">
        <v>44</v>
      </c>
      <c r="BH5" s="265" t="s">
        <v>45</v>
      </c>
      <c r="BI5" s="267" t="s">
        <v>83</v>
      </c>
      <c r="BJ5" s="259" t="s">
        <v>47</v>
      </c>
      <c r="BK5" s="259" t="s">
        <v>48</v>
      </c>
      <c r="BL5" s="259" t="s">
        <v>49</v>
      </c>
      <c r="BM5" s="259" t="s">
        <v>50</v>
      </c>
      <c r="BN5" s="259" t="s">
        <v>51</v>
      </c>
      <c r="BO5" s="265" t="s">
        <v>45</v>
      </c>
      <c r="BP5" s="541"/>
      <c r="BQ5" s="350" t="s">
        <v>43</v>
      </c>
      <c r="BR5" s="259" t="s">
        <v>44</v>
      </c>
      <c r="BS5" s="265" t="s">
        <v>45</v>
      </c>
      <c r="BT5" s="267" t="s">
        <v>83</v>
      </c>
      <c r="BU5" s="259" t="s">
        <v>47</v>
      </c>
      <c r="BV5" s="259" t="s">
        <v>48</v>
      </c>
      <c r="BW5" s="259" t="s">
        <v>49</v>
      </c>
      <c r="BX5" s="259" t="s">
        <v>50</v>
      </c>
      <c r="BY5" s="259" t="s">
        <v>51</v>
      </c>
      <c r="BZ5" s="265" t="s">
        <v>45</v>
      </c>
      <c r="CA5" s="541"/>
      <c r="CB5" s="350" t="s">
        <v>43</v>
      </c>
      <c r="CC5" s="259" t="s">
        <v>44</v>
      </c>
      <c r="CD5" s="265" t="s">
        <v>45</v>
      </c>
      <c r="CE5" s="267" t="s">
        <v>83</v>
      </c>
      <c r="CF5" s="259" t="s">
        <v>47</v>
      </c>
      <c r="CG5" s="259" t="s">
        <v>48</v>
      </c>
      <c r="CH5" s="259" t="s">
        <v>49</v>
      </c>
      <c r="CI5" s="259" t="s">
        <v>50</v>
      </c>
      <c r="CJ5" s="259" t="s">
        <v>51</v>
      </c>
      <c r="CK5" s="265" t="s">
        <v>45</v>
      </c>
      <c r="CL5" s="541"/>
      <c r="CM5" s="350" t="s">
        <v>43</v>
      </c>
      <c r="CN5" s="259" t="s">
        <v>44</v>
      </c>
      <c r="CO5" s="265" t="s">
        <v>45</v>
      </c>
      <c r="CP5" s="267" t="s">
        <v>83</v>
      </c>
      <c r="CQ5" s="259" t="s">
        <v>47</v>
      </c>
      <c r="CR5" s="259" t="s">
        <v>48</v>
      </c>
      <c r="CS5" s="259" t="s">
        <v>49</v>
      </c>
      <c r="CT5" s="259" t="s">
        <v>50</v>
      </c>
      <c r="CU5" s="259" t="s">
        <v>51</v>
      </c>
      <c r="CV5" s="265" t="s">
        <v>45</v>
      </c>
      <c r="CW5" s="541"/>
      <c r="CX5" s="350" t="s">
        <v>43</v>
      </c>
      <c r="CY5" s="259" t="s">
        <v>44</v>
      </c>
      <c r="CZ5" s="265" t="s">
        <v>45</v>
      </c>
      <c r="DA5" s="267" t="s">
        <v>83</v>
      </c>
      <c r="DB5" s="259" t="s">
        <v>47</v>
      </c>
      <c r="DC5" s="259" t="s">
        <v>48</v>
      </c>
      <c r="DD5" s="259" t="s">
        <v>49</v>
      </c>
      <c r="DE5" s="259" t="s">
        <v>50</v>
      </c>
      <c r="DF5" s="259" t="s">
        <v>51</v>
      </c>
      <c r="DG5" s="265" t="s">
        <v>45</v>
      </c>
      <c r="DH5" s="541"/>
      <c r="DI5" s="350" t="s">
        <v>43</v>
      </c>
      <c r="DJ5" s="259" t="s">
        <v>44</v>
      </c>
      <c r="DK5" s="265" t="s">
        <v>45</v>
      </c>
      <c r="DL5" s="267" t="s">
        <v>83</v>
      </c>
      <c r="DM5" s="259" t="s">
        <v>47</v>
      </c>
      <c r="DN5" s="259" t="s">
        <v>48</v>
      </c>
      <c r="DO5" s="259" t="s">
        <v>49</v>
      </c>
      <c r="DP5" s="259" t="s">
        <v>50</v>
      </c>
      <c r="DQ5" s="259" t="s">
        <v>51</v>
      </c>
      <c r="DR5" s="265" t="s">
        <v>45</v>
      </c>
      <c r="DS5" s="541"/>
      <c r="DT5" s="350" t="s">
        <v>43</v>
      </c>
      <c r="DU5" s="259" t="s">
        <v>44</v>
      </c>
      <c r="DV5" s="265" t="s">
        <v>45</v>
      </c>
      <c r="DW5" s="267" t="s">
        <v>83</v>
      </c>
      <c r="DX5" s="259" t="s">
        <v>47</v>
      </c>
      <c r="DY5" s="259" t="s">
        <v>48</v>
      </c>
      <c r="DZ5" s="259" t="s">
        <v>49</v>
      </c>
      <c r="EA5" s="259" t="s">
        <v>50</v>
      </c>
      <c r="EB5" s="259" t="s">
        <v>51</v>
      </c>
      <c r="EC5" s="265" t="s">
        <v>45</v>
      </c>
      <c r="ED5" s="541"/>
      <c r="EE5" s="350" t="s">
        <v>43</v>
      </c>
      <c r="EF5" s="259" t="s">
        <v>44</v>
      </c>
      <c r="EG5" s="265" t="s">
        <v>45</v>
      </c>
      <c r="EH5" s="267" t="s">
        <v>83</v>
      </c>
      <c r="EI5" s="259" t="s">
        <v>47</v>
      </c>
      <c r="EJ5" s="259" t="s">
        <v>48</v>
      </c>
      <c r="EK5" s="259" t="s">
        <v>49</v>
      </c>
      <c r="EL5" s="259" t="s">
        <v>50</v>
      </c>
      <c r="EM5" s="259" t="s">
        <v>51</v>
      </c>
      <c r="EN5" s="265" t="s">
        <v>45</v>
      </c>
      <c r="EO5" s="541"/>
      <c r="EP5" s="350" t="s">
        <v>43</v>
      </c>
      <c r="EQ5" s="259" t="s">
        <v>44</v>
      </c>
      <c r="ER5" s="265" t="s">
        <v>45</v>
      </c>
      <c r="ES5" s="267" t="s">
        <v>83</v>
      </c>
      <c r="ET5" s="259" t="s">
        <v>47</v>
      </c>
      <c r="EU5" s="259" t="s">
        <v>48</v>
      </c>
      <c r="EV5" s="259" t="s">
        <v>49</v>
      </c>
      <c r="EW5" s="259" t="s">
        <v>50</v>
      </c>
      <c r="EX5" s="259" t="s">
        <v>51</v>
      </c>
      <c r="EY5" s="265" t="s">
        <v>45</v>
      </c>
      <c r="EZ5" s="541"/>
    </row>
    <row r="6" spans="2:156" ht="21" customHeight="1" x14ac:dyDescent="0.2">
      <c r="B6" s="260" t="s">
        <v>4</v>
      </c>
      <c r="C6" s="269">
        <v>0</v>
      </c>
      <c r="D6" s="273">
        <v>0</v>
      </c>
      <c r="E6" s="383">
        <v>0</v>
      </c>
      <c r="F6" s="272">
        <v>0</v>
      </c>
      <c r="G6" s="273">
        <v>1146</v>
      </c>
      <c r="H6" s="273">
        <v>1250</v>
      </c>
      <c r="I6" s="273">
        <v>668</v>
      </c>
      <c r="J6" s="273">
        <v>573</v>
      </c>
      <c r="K6" s="273">
        <v>444</v>
      </c>
      <c r="L6" s="274">
        <v>4081</v>
      </c>
      <c r="M6" s="275">
        <v>4081</v>
      </c>
      <c r="N6" s="269">
        <v>1</v>
      </c>
      <c r="O6" s="273">
        <v>1</v>
      </c>
      <c r="P6" s="270">
        <v>2</v>
      </c>
      <c r="Q6" s="272">
        <v>0</v>
      </c>
      <c r="R6" s="273">
        <v>15</v>
      </c>
      <c r="S6" s="273">
        <v>43</v>
      </c>
      <c r="T6" s="273">
        <v>71</v>
      </c>
      <c r="U6" s="273">
        <v>149</v>
      </c>
      <c r="V6" s="273">
        <v>219</v>
      </c>
      <c r="W6" s="270">
        <v>497</v>
      </c>
      <c r="X6" s="275">
        <v>499</v>
      </c>
      <c r="Y6" s="269">
        <v>227</v>
      </c>
      <c r="Z6" s="273">
        <v>406</v>
      </c>
      <c r="AA6" s="270">
        <v>633</v>
      </c>
      <c r="AB6" s="272">
        <v>0</v>
      </c>
      <c r="AC6" s="273">
        <v>902</v>
      </c>
      <c r="AD6" s="273">
        <v>1174</v>
      </c>
      <c r="AE6" s="273">
        <v>698</v>
      </c>
      <c r="AF6" s="273">
        <v>610</v>
      </c>
      <c r="AG6" s="273">
        <v>405</v>
      </c>
      <c r="AH6" s="270">
        <v>3789</v>
      </c>
      <c r="AI6" s="275">
        <v>4422</v>
      </c>
      <c r="AJ6" s="269">
        <v>22</v>
      </c>
      <c r="AK6" s="273">
        <v>55</v>
      </c>
      <c r="AL6" s="270">
        <v>77</v>
      </c>
      <c r="AM6" s="272">
        <v>0</v>
      </c>
      <c r="AN6" s="273">
        <v>107</v>
      </c>
      <c r="AO6" s="273">
        <v>139</v>
      </c>
      <c r="AP6" s="273">
        <v>92</v>
      </c>
      <c r="AQ6" s="273">
        <v>87</v>
      </c>
      <c r="AR6" s="273">
        <v>45</v>
      </c>
      <c r="AS6" s="270">
        <v>470</v>
      </c>
      <c r="AT6" s="275">
        <v>547</v>
      </c>
      <c r="AU6" s="269">
        <v>292</v>
      </c>
      <c r="AV6" s="273">
        <v>328</v>
      </c>
      <c r="AW6" s="270">
        <v>620</v>
      </c>
      <c r="AX6" s="272">
        <v>0</v>
      </c>
      <c r="AY6" s="273">
        <v>1249</v>
      </c>
      <c r="AZ6" s="273">
        <v>1535</v>
      </c>
      <c r="BA6" s="273">
        <v>1329</v>
      </c>
      <c r="BB6" s="273">
        <v>1462</v>
      </c>
      <c r="BC6" s="273">
        <v>990</v>
      </c>
      <c r="BD6" s="274">
        <v>6565</v>
      </c>
      <c r="BE6" s="275">
        <v>7185</v>
      </c>
      <c r="BF6" s="269">
        <v>0</v>
      </c>
      <c r="BG6" s="273">
        <v>0</v>
      </c>
      <c r="BH6" s="270">
        <v>0</v>
      </c>
      <c r="BI6" s="272">
        <v>0</v>
      </c>
      <c r="BJ6" s="273">
        <v>1331</v>
      </c>
      <c r="BK6" s="273">
        <v>1122</v>
      </c>
      <c r="BL6" s="273">
        <v>557</v>
      </c>
      <c r="BM6" s="273">
        <v>330</v>
      </c>
      <c r="BN6" s="273">
        <v>154</v>
      </c>
      <c r="BO6" s="270">
        <v>3494</v>
      </c>
      <c r="BP6" s="275">
        <v>3494</v>
      </c>
      <c r="BQ6" s="269">
        <v>114</v>
      </c>
      <c r="BR6" s="273">
        <v>152</v>
      </c>
      <c r="BS6" s="270">
        <v>266</v>
      </c>
      <c r="BT6" s="272">
        <v>0</v>
      </c>
      <c r="BU6" s="273">
        <v>321</v>
      </c>
      <c r="BV6" s="273">
        <v>437</v>
      </c>
      <c r="BW6" s="273">
        <v>268</v>
      </c>
      <c r="BX6" s="273">
        <v>190</v>
      </c>
      <c r="BY6" s="273">
        <v>71</v>
      </c>
      <c r="BZ6" s="270">
        <v>1287</v>
      </c>
      <c r="CA6" s="275">
        <v>1553</v>
      </c>
      <c r="CB6" s="269">
        <v>3</v>
      </c>
      <c r="CC6" s="273">
        <v>13</v>
      </c>
      <c r="CD6" s="270">
        <v>16</v>
      </c>
      <c r="CE6" s="272">
        <v>0</v>
      </c>
      <c r="CF6" s="273">
        <v>127</v>
      </c>
      <c r="CG6" s="273">
        <v>189</v>
      </c>
      <c r="CH6" s="273">
        <v>242</v>
      </c>
      <c r="CI6" s="273">
        <v>164</v>
      </c>
      <c r="CJ6" s="273">
        <v>92</v>
      </c>
      <c r="CK6" s="270">
        <v>814</v>
      </c>
      <c r="CL6" s="275">
        <v>830</v>
      </c>
      <c r="CM6" s="269">
        <v>0</v>
      </c>
      <c r="CN6" s="273">
        <v>4</v>
      </c>
      <c r="CO6" s="270">
        <v>4</v>
      </c>
      <c r="CP6" s="272">
        <v>0</v>
      </c>
      <c r="CQ6" s="273">
        <v>14</v>
      </c>
      <c r="CR6" s="273">
        <v>32</v>
      </c>
      <c r="CS6" s="273">
        <v>38</v>
      </c>
      <c r="CT6" s="273">
        <v>35</v>
      </c>
      <c r="CU6" s="273">
        <v>25</v>
      </c>
      <c r="CV6" s="270">
        <v>144</v>
      </c>
      <c r="CW6" s="275">
        <v>148</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98</v>
      </c>
      <c r="DU6" s="273">
        <v>1185</v>
      </c>
      <c r="DV6" s="270">
        <v>1783</v>
      </c>
      <c r="DW6" s="272">
        <v>0</v>
      </c>
      <c r="DX6" s="273">
        <v>1607</v>
      </c>
      <c r="DY6" s="273">
        <v>2682</v>
      </c>
      <c r="DZ6" s="273">
        <v>1632</v>
      </c>
      <c r="EA6" s="273">
        <v>1291</v>
      </c>
      <c r="EB6" s="273">
        <v>773</v>
      </c>
      <c r="EC6" s="270">
        <v>7985</v>
      </c>
      <c r="ED6" s="275">
        <v>9768</v>
      </c>
      <c r="EE6" s="269">
        <v>209</v>
      </c>
      <c r="EF6" s="273">
        <v>158</v>
      </c>
      <c r="EG6" s="270">
        <v>367</v>
      </c>
      <c r="EH6" s="272">
        <v>0</v>
      </c>
      <c r="EI6" s="273">
        <v>630</v>
      </c>
      <c r="EJ6" s="273">
        <v>612</v>
      </c>
      <c r="EK6" s="273">
        <v>539</v>
      </c>
      <c r="EL6" s="273">
        <v>658</v>
      </c>
      <c r="EM6" s="273">
        <v>360</v>
      </c>
      <c r="EN6" s="270">
        <v>2799</v>
      </c>
      <c r="EO6" s="275">
        <v>3166</v>
      </c>
      <c r="EP6" s="269">
        <v>883</v>
      </c>
      <c r="EQ6" s="273">
        <v>1539</v>
      </c>
      <c r="ER6" s="270">
        <v>2422</v>
      </c>
      <c r="ES6" s="272">
        <v>0</v>
      </c>
      <c r="ET6" s="273">
        <v>3746</v>
      </c>
      <c r="EU6" s="273">
        <v>3786</v>
      </c>
      <c r="EV6" s="273">
        <v>1980</v>
      </c>
      <c r="EW6" s="273">
        <v>1406</v>
      </c>
      <c r="EX6" s="273">
        <v>819</v>
      </c>
      <c r="EY6" s="270">
        <v>11737</v>
      </c>
      <c r="EZ6" s="275">
        <v>14159</v>
      </c>
    </row>
    <row r="7" spans="2:156" ht="21" customHeight="1" x14ac:dyDescent="0.2">
      <c r="B7" s="261" t="s">
        <v>5</v>
      </c>
      <c r="C7" s="276">
        <v>0</v>
      </c>
      <c r="D7" s="280">
        <v>0</v>
      </c>
      <c r="E7" s="384">
        <v>0</v>
      </c>
      <c r="F7" s="279">
        <v>0</v>
      </c>
      <c r="G7" s="280">
        <v>448</v>
      </c>
      <c r="H7" s="280">
        <v>681</v>
      </c>
      <c r="I7" s="280">
        <v>287</v>
      </c>
      <c r="J7" s="280">
        <v>239</v>
      </c>
      <c r="K7" s="280">
        <v>183</v>
      </c>
      <c r="L7" s="281">
        <v>1838</v>
      </c>
      <c r="M7" s="282">
        <v>1838</v>
      </c>
      <c r="N7" s="276">
        <v>1</v>
      </c>
      <c r="O7" s="280">
        <v>1</v>
      </c>
      <c r="P7" s="277">
        <v>2</v>
      </c>
      <c r="Q7" s="279">
        <v>0</v>
      </c>
      <c r="R7" s="280">
        <v>3</v>
      </c>
      <c r="S7" s="280">
        <v>17</v>
      </c>
      <c r="T7" s="280">
        <v>33</v>
      </c>
      <c r="U7" s="280">
        <v>62</v>
      </c>
      <c r="V7" s="280">
        <v>94</v>
      </c>
      <c r="W7" s="277">
        <v>209</v>
      </c>
      <c r="X7" s="282">
        <v>211</v>
      </c>
      <c r="Y7" s="276">
        <v>120</v>
      </c>
      <c r="Z7" s="280">
        <v>209</v>
      </c>
      <c r="AA7" s="277">
        <v>329</v>
      </c>
      <c r="AB7" s="279">
        <v>0</v>
      </c>
      <c r="AC7" s="280">
        <v>345</v>
      </c>
      <c r="AD7" s="280">
        <v>654</v>
      </c>
      <c r="AE7" s="280">
        <v>332</v>
      </c>
      <c r="AF7" s="280">
        <v>283</v>
      </c>
      <c r="AG7" s="280">
        <v>176</v>
      </c>
      <c r="AH7" s="277">
        <v>1790</v>
      </c>
      <c r="AI7" s="282">
        <v>2119</v>
      </c>
      <c r="AJ7" s="276">
        <v>9</v>
      </c>
      <c r="AK7" s="280">
        <v>38</v>
      </c>
      <c r="AL7" s="277">
        <v>47</v>
      </c>
      <c r="AM7" s="279">
        <v>0</v>
      </c>
      <c r="AN7" s="280">
        <v>34</v>
      </c>
      <c r="AO7" s="280">
        <v>65</v>
      </c>
      <c r="AP7" s="280">
        <v>39</v>
      </c>
      <c r="AQ7" s="280">
        <v>43</v>
      </c>
      <c r="AR7" s="280">
        <v>19</v>
      </c>
      <c r="AS7" s="277">
        <v>200</v>
      </c>
      <c r="AT7" s="282">
        <v>247</v>
      </c>
      <c r="AU7" s="276">
        <v>137</v>
      </c>
      <c r="AV7" s="280">
        <v>183</v>
      </c>
      <c r="AW7" s="277">
        <v>320</v>
      </c>
      <c r="AX7" s="279">
        <v>0</v>
      </c>
      <c r="AY7" s="280">
        <v>482</v>
      </c>
      <c r="AZ7" s="280">
        <v>753</v>
      </c>
      <c r="BA7" s="280">
        <v>613</v>
      </c>
      <c r="BB7" s="280">
        <v>642</v>
      </c>
      <c r="BC7" s="280">
        <v>398</v>
      </c>
      <c r="BD7" s="281">
        <v>2888</v>
      </c>
      <c r="BE7" s="282">
        <v>3208</v>
      </c>
      <c r="BF7" s="276">
        <v>0</v>
      </c>
      <c r="BG7" s="280">
        <v>0</v>
      </c>
      <c r="BH7" s="277">
        <v>0</v>
      </c>
      <c r="BI7" s="279">
        <v>0</v>
      </c>
      <c r="BJ7" s="280">
        <v>445</v>
      </c>
      <c r="BK7" s="280">
        <v>467</v>
      </c>
      <c r="BL7" s="280">
        <v>232</v>
      </c>
      <c r="BM7" s="280">
        <v>127</v>
      </c>
      <c r="BN7" s="280">
        <v>57</v>
      </c>
      <c r="BO7" s="277">
        <v>1328</v>
      </c>
      <c r="BP7" s="282">
        <v>1328</v>
      </c>
      <c r="BQ7" s="276">
        <v>61</v>
      </c>
      <c r="BR7" s="280">
        <v>75</v>
      </c>
      <c r="BS7" s="277">
        <v>136</v>
      </c>
      <c r="BT7" s="279">
        <v>0</v>
      </c>
      <c r="BU7" s="280">
        <v>109</v>
      </c>
      <c r="BV7" s="280">
        <v>212</v>
      </c>
      <c r="BW7" s="280">
        <v>124</v>
      </c>
      <c r="BX7" s="280">
        <v>86</v>
      </c>
      <c r="BY7" s="280">
        <v>39</v>
      </c>
      <c r="BZ7" s="277">
        <v>570</v>
      </c>
      <c r="CA7" s="282">
        <v>706</v>
      </c>
      <c r="CB7" s="276">
        <v>0</v>
      </c>
      <c r="CC7" s="280">
        <v>5</v>
      </c>
      <c r="CD7" s="277">
        <v>5</v>
      </c>
      <c r="CE7" s="279">
        <v>0</v>
      </c>
      <c r="CF7" s="280">
        <v>41</v>
      </c>
      <c r="CG7" s="280">
        <v>85</v>
      </c>
      <c r="CH7" s="280">
        <v>93</v>
      </c>
      <c r="CI7" s="280">
        <v>66</v>
      </c>
      <c r="CJ7" s="280">
        <v>37</v>
      </c>
      <c r="CK7" s="277">
        <v>322</v>
      </c>
      <c r="CL7" s="282">
        <v>327</v>
      </c>
      <c r="CM7" s="276">
        <v>0</v>
      </c>
      <c r="CN7" s="280">
        <v>4</v>
      </c>
      <c r="CO7" s="277">
        <v>4</v>
      </c>
      <c r="CP7" s="279">
        <v>0</v>
      </c>
      <c r="CQ7" s="280">
        <v>3</v>
      </c>
      <c r="CR7" s="280">
        <v>23</v>
      </c>
      <c r="CS7" s="280">
        <v>20</v>
      </c>
      <c r="CT7" s="280">
        <v>21</v>
      </c>
      <c r="CU7" s="280">
        <v>13</v>
      </c>
      <c r="CV7" s="277">
        <v>80</v>
      </c>
      <c r="CW7" s="282">
        <v>84</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18</v>
      </c>
      <c r="DU7" s="280">
        <v>543</v>
      </c>
      <c r="DV7" s="277">
        <v>761</v>
      </c>
      <c r="DW7" s="279">
        <v>0</v>
      </c>
      <c r="DX7" s="280">
        <v>497</v>
      </c>
      <c r="DY7" s="280">
        <v>1327</v>
      </c>
      <c r="DZ7" s="280">
        <v>687</v>
      </c>
      <c r="EA7" s="280">
        <v>541</v>
      </c>
      <c r="EB7" s="280">
        <v>318</v>
      </c>
      <c r="EC7" s="277">
        <v>3370</v>
      </c>
      <c r="ED7" s="282">
        <v>4131</v>
      </c>
      <c r="EE7" s="276">
        <v>102</v>
      </c>
      <c r="EF7" s="280">
        <v>81</v>
      </c>
      <c r="EG7" s="277">
        <v>183</v>
      </c>
      <c r="EH7" s="279">
        <v>0</v>
      </c>
      <c r="EI7" s="280">
        <v>258</v>
      </c>
      <c r="EJ7" s="280">
        <v>320</v>
      </c>
      <c r="EK7" s="280">
        <v>263</v>
      </c>
      <c r="EL7" s="280">
        <v>306</v>
      </c>
      <c r="EM7" s="280">
        <v>153</v>
      </c>
      <c r="EN7" s="277">
        <v>1300</v>
      </c>
      <c r="EO7" s="282">
        <v>1483</v>
      </c>
      <c r="EP7" s="276">
        <v>368</v>
      </c>
      <c r="EQ7" s="280">
        <v>740</v>
      </c>
      <c r="ER7" s="277">
        <v>1108</v>
      </c>
      <c r="ES7" s="279">
        <v>0</v>
      </c>
      <c r="ET7" s="280">
        <v>1344</v>
      </c>
      <c r="EU7" s="280">
        <v>1864</v>
      </c>
      <c r="EV7" s="280">
        <v>857</v>
      </c>
      <c r="EW7" s="280">
        <v>606</v>
      </c>
      <c r="EX7" s="280">
        <v>344</v>
      </c>
      <c r="EY7" s="277">
        <v>5015</v>
      </c>
      <c r="EZ7" s="282">
        <v>6123</v>
      </c>
    </row>
    <row r="8" spans="2:156" ht="21" customHeight="1" x14ac:dyDescent="0.2">
      <c r="B8" s="261" t="s">
        <v>6</v>
      </c>
      <c r="C8" s="276">
        <v>0</v>
      </c>
      <c r="D8" s="280">
        <v>0</v>
      </c>
      <c r="E8" s="384">
        <v>0</v>
      </c>
      <c r="F8" s="279">
        <v>0</v>
      </c>
      <c r="G8" s="280">
        <v>224</v>
      </c>
      <c r="H8" s="280">
        <v>162</v>
      </c>
      <c r="I8" s="280">
        <v>106</v>
      </c>
      <c r="J8" s="280">
        <v>106</v>
      </c>
      <c r="K8" s="280">
        <v>75</v>
      </c>
      <c r="L8" s="281">
        <v>673</v>
      </c>
      <c r="M8" s="282">
        <v>673</v>
      </c>
      <c r="N8" s="276">
        <v>0</v>
      </c>
      <c r="O8" s="280">
        <v>0</v>
      </c>
      <c r="P8" s="277">
        <v>0</v>
      </c>
      <c r="Q8" s="279">
        <v>0</v>
      </c>
      <c r="R8" s="280">
        <v>2</v>
      </c>
      <c r="S8" s="280">
        <v>6</v>
      </c>
      <c r="T8" s="280">
        <v>12</v>
      </c>
      <c r="U8" s="280">
        <v>25</v>
      </c>
      <c r="V8" s="280">
        <v>29</v>
      </c>
      <c r="W8" s="277">
        <v>74</v>
      </c>
      <c r="X8" s="282">
        <v>74</v>
      </c>
      <c r="Y8" s="276">
        <v>29</v>
      </c>
      <c r="Z8" s="280">
        <v>73</v>
      </c>
      <c r="AA8" s="277">
        <v>102</v>
      </c>
      <c r="AB8" s="279">
        <v>0</v>
      </c>
      <c r="AC8" s="280">
        <v>208</v>
      </c>
      <c r="AD8" s="280">
        <v>161</v>
      </c>
      <c r="AE8" s="280">
        <v>122</v>
      </c>
      <c r="AF8" s="280">
        <v>107</v>
      </c>
      <c r="AG8" s="280">
        <v>66</v>
      </c>
      <c r="AH8" s="277">
        <v>664</v>
      </c>
      <c r="AI8" s="282">
        <v>766</v>
      </c>
      <c r="AJ8" s="276">
        <v>3</v>
      </c>
      <c r="AK8" s="280">
        <v>0</v>
      </c>
      <c r="AL8" s="277">
        <v>3</v>
      </c>
      <c r="AM8" s="279">
        <v>0</v>
      </c>
      <c r="AN8" s="280">
        <v>20</v>
      </c>
      <c r="AO8" s="280">
        <v>16</v>
      </c>
      <c r="AP8" s="280">
        <v>20</v>
      </c>
      <c r="AQ8" s="280">
        <v>7</v>
      </c>
      <c r="AR8" s="280">
        <v>7</v>
      </c>
      <c r="AS8" s="277">
        <v>70</v>
      </c>
      <c r="AT8" s="282">
        <v>73</v>
      </c>
      <c r="AU8" s="276">
        <v>44</v>
      </c>
      <c r="AV8" s="280">
        <v>48</v>
      </c>
      <c r="AW8" s="277">
        <v>92</v>
      </c>
      <c r="AX8" s="279">
        <v>0</v>
      </c>
      <c r="AY8" s="280">
        <v>258</v>
      </c>
      <c r="AZ8" s="280">
        <v>250</v>
      </c>
      <c r="BA8" s="280">
        <v>242</v>
      </c>
      <c r="BB8" s="280">
        <v>260</v>
      </c>
      <c r="BC8" s="280">
        <v>199</v>
      </c>
      <c r="BD8" s="281">
        <v>1209</v>
      </c>
      <c r="BE8" s="282">
        <v>1301</v>
      </c>
      <c r="BF8" s="276">
        <v>0</v>
      </c>
      <c r="BG8" s="280">
        <v>0</v>
      </c>
      <c r="BH8" s="277">
        <v>0</v>
      </c>
      <c r="BI8" s="279">
        <v>0</v>
      </c>
      <c r="BJ8" s="280">
        <v>271</v>
      </c>
      <c r="BK8" s="280">
        <v>167</v>
      </c>
      <c r="BL8" s="280">
        <v>79</v>
      </c>
      <c r="BM8" s="280">
        <v>63</v>
      </c>
      <c r="BN8" s="280">
        <v>31</v>
      </c>
      <c r="BO8" s="277">
        <v>611</v>
      </c>
      <c r="BP8" s="282">
        <v>611</v>
      </c>
      <c r="BQ8" s="276">
        <v>9</v>
      </c>
      <c r="BR8" s="280">
        <v>13</v>
      </c>
      <c r="BS8" s="277">
        <v>22</v>
      </c>
      <c r="BT8" s="279">
        <v>0</v>
      </c>
      <c r="BU8" s="280">
        <v>49</v>
      </c>
      <c r="BV8" s="280">
        <v>54</v>
      </c>
      <c r="BW8" s="280">
        <v>36</v>
      </c>
      <c r="BX8" s="280">
        <v>34</v>
      </c>
      <c r="BY8" s="280">
        <v>8</v>
      </c>
      <c r="BZ8" s="277">
        <v>181</v>
      </c>
      <c r="CA8" s="282">
        <v>203</v>
      </c>
      <c r="CB8" s="276">
        <v>1</v>
      </c>
      <c r="CC8" s="280">
        <v>1</v>
      </c>
      <c r="CD8" s="277">
        <v>2</v>
      </c>
      <c r="CE8" s="279">
        <v>0</v>
      </c>
      <c r="CF8" s="280">
        <v>16</v>
      </c>
      <c r="CG8" s="280">
        <v>13</v>
      </c>
      <c r="CH8" s="280">
        <v>39</v>
      </c>
      <c r="CI8" s="280">
        <v>25</v>
      </c>
      <c r="CJ8" s="280">
        <v>14</v>
      </c>
      <c r="CK8" s="277">
        <v>107</v>
      </c>
      <c r="CL8" s="282">
        <v>109</v>
      </c>
      <c r="CM8" s="276">
        <v>0</v>
      </c>
      <c r="CN8" s="280">
        <v>0</v>
      </c>
      <c r="CO8" s="277">
        <v>0</v>
      </c>
      <c r="CP8" s="279">
        <v>0</v>
      </c>
      <c r="CQ8" s="280">
        <v>2</v>
      </c>
      <c r="CR8" s="280">
        <v>2</v>
      </c>
      <c r="CS8" s="280">
        <v>4</v>
      </c>
      <c r="CT8" s="280">
        <v>4</v>
      </c>
      <c r="CU8" s="280">
        <v>5</v>
      </c>
      <c r="CV8" s="277">
        <v>17</v>
      </c>
      <c r="CW8" s="282">
        <v>17</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96</v>
      </c>
      <c r="DU8" s="280">
        <v>174</v>
      </c>
      <c r="DV8" s="277">
        <v>270</v>
      </c>
      <c r="DW8" s="279">
        <v>0</v>
      </c>
      <c r="DX8" s="280">
        <v>334</v>
      </c>
      <c r="DY8" s="280">
        <v>359</v>
      </c>
      <c r="DZ8" s="280">
        <v>274</v>
      </c>
      <c r="EA8" s="280">
        <v>237</v>
      </c>
      <c r="EB8" s="280">
        <v>128</v>
      </c>
      <c r="EC8" s="277">
        <v>1332</v>
      </c>
      <c r="ED8" s="282">
        <v>1602</v>
      </c>
      <c r="EE8" s="276">
        <v>33</v>
      </c>
      <c r="EF8" s="280">
        <v>19</v>
      </c>
      <c r="EG8" s="277">
        <v>52</v>
      </c>
      <c r="EH8" s="279">
        <v>0</v>
      </c>
      <c r="EI8" s="280">
        <v>111</v>
      </c>
      <c r="EJ8" s="280">
        <v>79</v>
      </c>
      <c r="EK8" s="280">
        <v>91</v>
      </c>
      <c r="EL8" s="280">
        <v>101</v>
      </c>
      <c r="EM8" s="280">
        <v>68</v>
      </c>
      <c r="EN8" s="277">
        <v>450</v>
      </c>
      <c r="EO8" s="282">
        <v>502</v>
      </c>
      <c r="EP8" s="276">
        <v>129</v>
      </c>
      <c r="EQ8" s="280">
        <v>218</v>
      </c>
      <c r="ER8" s="277">
        <v>347</v>
      </c>
      <c r="ES8" s="279">
        <v>0</v>
      </c>
      <c r="ET8" s="280">
        <v>735</v>
      </c>
      <c r="EU8" s="280">
        <v>514</v>
      </c>
      <c r="EV8" s="280">
        <v>317</v>
      </c>
      <c r="EW8" s="280">
        <v>254</v>
      </c>
      <c r="EX8" s="280">
        <v>137</v>
      </c>
      <c r="EY8" s="277">
        <v>1957</v>
      </c>
      <c r="EZ8" s="282">
        <v>2304</v>
      </c>
    </row>
    <row r="9" spans="2:156" ht="21" customHeight="1" x14ac:dyDescent="0.2">
      <c r="B9" s="261" t="s">
        <v>14</v>
      </c>
      <c r="C9" s="276">
        <v>0</v>
      </c>
      <c r="D9" s="280">
        <v>0</v>
      </c>
      <c r="E9" s="384">
        <v>0</v>
      </c>
      <c r="F9" s="279">
        <v>0</v>
      </c>
      <c r="G9" s="280">
        <v>55</v>
      </c>
      <c r="H9" s="280">
        <v>74</v>
      </c>
      <c r="I9" s="280">
        <v>49</v>
      </c>
      <c r="J9" s="280">
        <v>32</v>
      </c>
      <c r="K9" s="280">
        <v>28</v>
      </c>
      <c r="L9" s="281">
        <v>238</v>
      </c>
      <c r="M9" s="282">
        <v>238</v>
      </c>
      <c r="N9" s="276">
        <v>0</v>
      </c>
      <c r="O9" s="280">
        <v>0</v>
      </c>
      <c r="P9" s="277">
        <v>0</v>
      </c>
      <c r="Q9" s="279">
        <v>0</v>
      </c>
      <c r="R9" s="280">
        <v>0</v>
      </c>
      <c r="S9" s="280">
        <v>1</v>
      </c>
      <c r="T9" s="280">
        <v>3</v>
      </c>
      <c r="U9" s="280">
        <v>14</v>
      </c>
      <c r="V9" s="280">
        <v>16</v>
      </c>
      <c r="W9" s="277">
        <v>34</v>
      </c>
      <c r="X9" s="282">
        <v>34</v>
      </c>
      <c r="Y9" s="276">
        <v>6</v>
      </c>
      <c r="Z9" s="280">
        <v>26</v>
      </c>
      <c r="AA9" s="277">
        <v>32</v>
      </c>
      <c r="AB9" s="279">
        <v>0</v>
      </c>
      <c r="AC9" s="280">
        <v>32</v>
      </c>
      <c r="AD9" s="280">
        <v>75</v>
      </c>
      <c r="AE9" s="280">
        <v>43</v>
      </c>
      <c r="AF9" s="280">
        <v>42</v>
      </c>
      <c r="AG9" s="280">
        <v>28</v>
      </c>
      <c r="AH9" s="277">
        <v>220</v>
      </c>
      <c r="AI9" s="282">
        <v>252</v>
      </c>
      <c r="AJ9" s="276">
        <v>0</v>
      </c>
      <c r="AK9" s="280">
        <v>3</v>
      </c>
      <c r="AL9" s="277">
        <v>3</v>
      </c>
      <c r="AM9" s="279">
        <v>0</v>
      </c>
      <c r="AN9" s="280">
        <v>1</v>
      </c>
      <c r="AO9" s="280">
        <v>7</v>
      </c>
      <c r="AP9" s="280">
        <v>4</v>
      </c>
      <c r="AQ9" s="280">
        <v>1</v>
      </c>
      <c r="AR9" s="280">
        <v>1</v>
      </c>
      <c r="AS9" s="277">
        <v>14</v>
      </c>
      <c r="AT9" s="282">
        <v>17</v>
      </c>
      <c r="AU9" s="276">
        <v>8</v>
      </c>
      <c r="AV9" s="280">
        <v>22</v>
      </c>
      <c r="AW9" s="277">
        <v>30</v>
      </c>
      <c r="AX9" s="279">
        <v>0</v>
      </c>
      <c r="AY9" s="280">
        <v>75</v>
      </c>
      <c r="AZ9" s="280">
        <v>85</v>
      </c>
      <c r="BA9" s="280">
        <v>77</v>
      </c>
      <c r="BB9" s="280">
        <v>76</v>
      </c>
      <c r="BC9" s="280">
        <v>62</v>
      </c>
      <c r="BD9" s="281">
        <v>375</v>
      </c>
      <c r="BE9" s="282">
        <v>405</v>
      </c>
      <c r="BF9" s="276">
        <v>0</v>
      </c>
      <c r="BG9" s="280">
        <v>0</v>
      </c>
      <c r="BH9" s="277">
        <v>0</v>
      </c>
      <c r="BI9" s="279">
        <v>0</v>
      </c>
      <c r="BJ9" s="280">
        <v>90</v>
      </c>
      <c r="BK9" s="280">
        <v>89</v>
      </c>
      <c r="BL9" s="280">
        <v>59</v>
      </c>
      <c r="BM9" s="280">
        <v>24</v>
      </c>
      <c r="BN9" s="280">
        <v>11</v>
      </c>
      <c r="BO9" s="277">
        <v>273</v>
      </c>
      <c r="BP9" s="282">
        <v>273</v>
      </c>
      <c r="BQ9" s="276">
        <v>2</v>
      </c>
      <c r="BR9" s="280">
        <v>6</v>
      </c>
      <c r="BS9" s="277">
        <v>8</v>
      </c>
      <c r="BT9" s="279">
        <v>0</v>
      </c>
      <c r="BU9" s="280">
        <v>11</v>
      </c>
      <c r="BV9" s="280">
        <v>21</v>
      </c>
      <c r="BW9" s="280">
        <v>11</v>
      </c>
      <c r="BX9" s="280">
        <v>9</v>
      </c>
      <c r="BY9" s="280">
        <v>1</v>
      </c>
      <c r="BZ9" s="277">
        <v>53</v>
      </c>
      <c r="CA9" s="282">
        <v>61</v>
      </c>
      <c r="CB9" s="276">
        <v>0</v>
      </c>
      <c r="CC9" s="280">
        <v>0</v>
      </c>
      <c r="CD9" s="277">
        <v>0</v>
      </c>
      <c r="CE9" s="279">
        <v>0</v>
      </c>
      <c r="CF9" s="280">
        <v>10</v>
      </c>
      <c r="CG9" s="280">
        <v>17</v>
      </c>
      <c r="CH9" s="280">
        <v>17</v>
      </c>
      <c r="CI9" s="280">
        <v>14</v>
      </c>
      <c r="CJ9" s="280">
        <v>8</v>
      </c>
      <c r="CK9" s="277">
        <v>66</v>
      </c>
      <c r="CL9" s="282">
        <v>66</v>
      </c>
      <c r="CM9" s="276">
        <v>0</v>
      </c>
      <c r="CN9" s="280">
        <v>0</v>
      </c>
      <c r="CO9" s="277">
        <v>0</v>
      </c>
      <c r="CP9" s="279">
        <v>0</v>
      </c>
      <c r="CQ9" s="280">
        <v>0</v>
      </c>
      <c r="CR9" s="280">
        <v>2</v>
      </c>
      <c r="CS9" s="280">
        <v>2</v>
      </c>
      <c r="CT9" s="280">
        <v>1</v>
      </c>
      <c r="CU9" s="280">
        <v>0</v>
      </c>
      <c r="CV9" s="277">
        <v>5</v>
      </c>
      <c r="CW9" s="282">
        <v>5</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6</v>
      </c>
      <c r="DU9" s="280">
        <v>89</v>
      </c>
      <c r="DV9" s="277">
        <v>125</v>
      </c>
      <c r="DW9" s="279">
        <v>0</v>
      </c>
      <c r="DX9" s="280">
        <v>75</v>
      </c>
      <c r="DY9" s="280">
        <v>190</v>
      </c>
      <c r="DZ9" s="280">
        <v>129</v>
      </c>
      <c r="EA9" s="280">
        <v>83</v>
      </c>
      <c r="EB9" s="280">
        <v>53</v>
      </c>
      <c r="EC9" s="277">
        <v>530</v>
      </c>
      <c r="ED9" s="282">
        <v>655</v>
      </c>
      <c r="EE9" s="276">
        <v>8</v>
      </c>
      <c r="EF9" s="280">
        <v>10</v>
      </c>
      <c r="EG9" s="277">
        <v>18</v>
      </c>
      <c r="EH9" s="279">
        <v>0</v>
      </c>
      <c r="EI9" s="280">
        <v>35</v>
      </c>
      <c r="EJ9" s="280">
        <v>27</v>
      </c>
      <c r="EK9" s="280">
        <v>25</v>
      </c>
      <c r="EL9" s="280">
        <v>26</v>
      </c>
      <c r="EM9" s="280">
        <v>17</v>
      </c>
      <c r="EN9" s="277">
        <v>130</v>
      </c>
      <c r="EO9" s="282">
        <v>148</v>
      </c>
      <c r="EP9" s="276">
        <v>40</v>
      </c>
      <c r="EQ9" s="280">
        <v>108</v>
      </c>
      <c r="ER9" s="277">
        <v>148</v>
      </c>
      <c r="ES9" s="279">
        <v>0</v>
      </c>
      <c r="ET9" s="280">
        <v>205</v>
      </c>
      <c r="EU9" s="280">
        <v>273</v>
      </c>
      <c r="EV9" s="280">
        <v>149</v>
      </c>
      <c r="EW9" s="280">
        <v>87</v>
      </c>
      <c r="EX9" s="280">
        <v>57</v>
      </c>
      <c r="EY9" s="277">
        <v>771</v>
      </c>
      <c r="EZ9" s="282">
        <v>919</v>
      </c>
    </row>
    <row r="10" spans="2:156" ht="21" customHeight="1" x14ac:dyDescent="0.2">
      <c r="B10" s="261" t="s">
        <v>7</v>
      </c>
      <c r="C10" s="276">
        <v>0</v>
      </c>
      <c r="D10" s="280">
        <v>0</v>
      </c>
      <c r="E10" s="384">
        <v>0</v>
      </c>
      <c r="F10" s="279">
        <v>0</v>
      </c>
      <c r="G10" s="280">
        <v>51</v>
      </c>
      <c r="H10" s="280">
        <v>33</v>
      </c>
      <c r="I10" s="280">
        <v>22</v>
      </c>
      <c r="J10" s="280">
        <v>17</v>
      </c>
      <c r="K10" s="280">
        <v>16</v>
      </c>
      <c r="L10" s="281">
        <v>139</v>
      </c>
      <c r="M10" s="282">
        <v>139</v>
      </c>
      <c r="N10" s="276">
        <v>0</v>
      </c>
      <c r="O10" s="280">
        <v>0</v>
      </c>
      <c r="P10" s="277">
        <v>0</v>
      </c>
      <c r="Q10" s="279">
        <v>0</v>
      </c>
      <c r="R10" s="280">
        <v>2</v>
      </c>
      <c r="S10" s="280">
        <v>4</v>
      </c>
      <c r="T10" s="280">
        <v>6</v>
      </c>
      <c r="U10" s="280">
        <v>1</v>
      </c>
      <c r="V10" s="280">
        <v>9</v>
      </c>
      <c r="W10" s="277">
        <v>22</v>
      </c>
      <c r="X10" s="282">
        <v>22</v>
      </c>
      <c r="Y10" s="276">
        <v>0</v>
      </c>
      <c r="Z10" s="280">
        <v>0</v>
      </c>
      <c r="AA10" s="277">
        <v>0</v>
      </c>
      <c r="AB10" s="279">
        <v>0</v>
      </c>
      <c r="AC10" s="280">
        <v>32</v>
      </c>
      <c r="AD10" s="280">
        <v>27</v>
      </c>
      <c r="AE10" s="280">
        <v>21</v>
      </c>
      <c r="AF10" s="280">
        <v>15</v>
      </c>
      <c r="AG10" s="280">
        <v>13</v>
      </c>
      <c r="AH10" s="277">
        <v>108</v>
      </c>
      <c r="AI10" s="282">
        <v>108</v>
      </c>
      <c r="AJ10" s="276">
        <v>1</v>
      </c>
      <c r="AK10" s="280">
        <v>0</v>
      </c>
      <c r="AL10" s="277">
        <v>1</v>
      </c>
      <c r="AM10" s="279">
        <v>0</v>
      </c>
      <c r="AN10" s="280">
        <v>6</v>
      </c>
      <c r="AO10" s="280">
        <v>3</v>
      </c>
      <c r="AP10" s="280">
        <v>3</v>
      </c>
      <c r="AQ10" s="280">
        <v>2</v>
      </c>
      <c r="AR10" s="280">
        <v>1</v>
      </c>
      <c r="AS10" s="277">
        <v>15</v>
      </c>
      <c r="AT10" s="282">
        <v>16</v>
      </c>
      <c r="AU10" s="276">
        <v>9</v>
      </c>
      <c r="AV10" s="280">
        <v>4</v>
      </c>
      <c r="AW10" s="277">
        <v>13</v>
      </c>
      <c r="AX10" s="279">
        <v>0</v>
      </c>
      <c r="AY10" s="280">
        <v>61</v>
      </c>
      <c r="AZ10" s="280">
        <v>47</v>
      </c>
      <c r="BA10" s="280">
        <v>50</v>
      </c>
      <c r="BB10" s="280">
        <v>50</v>
      </c>
      <c r="BC10" s="280">
        <v>25</v>
      </c>
      <c r="BD10" s="281">
        <v>233</v>
      </c>
      <c r="BE10" s="282">
        <v>246</v>
      </c>
      <c r="BF10" s="276">
        <v>0</v>
      </c>
      <c r="BG10" s="280">
        <v>0</v>
      </c>
      <c r="BH10" s="277">
        <v>0</v>
      </c>
      <c r="BI10" s="279">
        <v>0</v>
      </c>
      <c r="BJ10" s="280">
        <v>73</v>
      </c>
      <c r="BK10" s="280">
        <v>38</v>
      </c>
      <c r="BL10" s="280">
        <v>22</v>
      </c>
      <c r="BM10" s="280">
        <v>8</v>
      </c>
      <c r="BN10" s="280">
        <v>6</v>
      </c>
      <c r="BO10" s="277">
        <v>147</v>
      </c>
      <c r="BP10" s="282">
        <v>147</v>
      </c>
      <c r="BQ10" s="276">
        <v>1</v>
      </c>
      <c r="BR10" s="280">
        <v>1</v>
      </c>
      <c r="BS10" s="277">
        <v>2</v>
      </c>
      <c r="BT10" s="279">
        <v>0</v>
      </c>
      <c r="BU10" s="280">
        <v>19</v>
      </c>
      <c r="BV10" s="280">
        <v>8</v>
      </c>
      <c r="BW10" s="280">
        <v>9</v>
      </c>
      <c r="BX10" s="280">
        <v>2</v>
      </c>
      <c r="BY10" s="280">
        <v>3</v>
      </c>
      <c r="BZ10" s="277">
        <v>41</v>
      </c>
      <c r="CA10" s="282">
        <v>43</v>
      </c>
      <c r="CB10" s="276">
        <v>0</v>
      </c>
      <c r="CC10" s="280">
        <v>0</v>
      </c>
      <c r="CD10" s="277">
        <v>0</v>
      </c>
      <c r="CE10" s="279">
        <v>0</v>
      </c>
      <c r="CF10" s="280">
        <v>7</v>
      </c>
      <c r="CG10" s="280">
        <v>11</v>
      </c>
      <c r="CH10" s="280">
        <v>8</v>
      </c>
      <c r="CI10" s="280">
        <v>5</v>
      </c>
      <c r="CJ10" s="280">
        <v>2</v>
      </c>
      <c r="CK10" s="277">
        <v>33</v>
      </c>
      <c r="CL10" s="282">
        <v>33</v>
      </c>
      <c r="CM10" s="276">
        <v>0</v>
      </c>
      <c r="CN10" s="280">
        <v>0</v>
      </c>
      <c r="CO10" s="277">
        <v>0</v>
      </c>
      <c r="CP10" s="279">
        <v>0</v>
      </c>
      <c r="CQ10" s="280">
        <v>2</v>
      </c>
      <c r="CR10" s="280">
        <v>1</v>
      </c>
      <c r="CS10" s="280">
        <v>1</v>
      </c>
      <c r="CT10" s="280">
        <v>1</v>
      </c>
      <c r="CU10" s="280">
        <v>0</v>
      </c>
      <c r="CV10" s="277">
        <v>5</v>
      </c>
      <c r="CW10" s="282">
        <v>5</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3</v>
      </c>
      <c r="DU10" s="280">
        <v>23</v>
      </c>
      <c r="DV10" s="277">
        <v>36</v>
      </c>
      <c r="DW10" s="279">
        <v>0</v>
      </c>
      <c r="DX10" s="280">
        <v>80</v>
      </c>
      <c r="DY10" s="280">
        <v>90</v>
      </c>
      <c r="DZ10" s="280">
        <v>55</v>
      </c>
      <c r="EA10" s="280">
        <v>35</v>
      </c>
      <c r="EB10" s="280">
        <v>25</v>
      </c>
      <c r="EC10" s="277">
        <v>285</v>
      </c>
      <c r="ED10" s="282">
        <v>321</v>
      </c>
      <c r="EE10" s="276">
        <v>6</v>
      </c>
      <c r="EF10" s="280">
        <v>5</v>
      </c>
      <c r="EG10" s="277">
        <v>11</v>
      </c>
      <c r="EH10" s="279">
        <v>0</v>
      </c>
      <c r="EI10" s="280">
        <v>28</v>
      </c>
      <c r="EJ10" s="280">
        <v>18</v>
      </c>
      <c r="EK10" s="280">
        <v>23</v>
      </c>
      <c r="EL10" s="280">
        <v>28</v>
      </c>
      <c r="EM10" s="280">
        <v>6</v>
      </c>
      <c r="EN10" s="277">
        <v>103</v>
      </c>
      <c r="EO10" s="282">
        <v>114</v>
      </c>
      <c r="EP10" s="276">
        <v>15</v>
      </c>
      <c r="EQ10" s="280">
        <v>25</v>
      </c>
      <c r="ER10" s="277">
        <v>40</v>
      </c>
      <c r="ES10" s="279">
        <v>0</v>
      </c>
      <c r="ET10" s="280">
        <v>184</v>
      </c>
      <c r="EU10" s="280">
        <v>125</v>
      </c>
      <c r="EV10" s="280">
        <v>72</v>
      </c>
      <c r="EW10" s="280">
        <v>39</v>
      </c>
      <c r="EX10" s="280">
        <v>25</v>
      </c>
      <c r="EY10" s="277">
        <v>445</v>
      </c>
      <c r="EZ10" s="282">
        <v>485</v>
      </c>
    </row>
    <row r="11" spans="2:156" ht="21" customHeight="1" x14ac:dyDescent="0.2">
      <c r="B11" s="261" t="s">
        <v>8</v>
      </c>
      <c r="C11" s="276">
        <v>0</v>
      </c>
      <c r="D11" s="280">
        <v>0</v>
      </c>
      <c r="E11" s="384">
        <v>0</v>
      </c>
      <c r="F11" s="279">
        <v>0</v>
      </c>
      <c r="G11" s="280">
        <v>25</v>
      </c>
      <c r="H11" s="280">
        <v>26</v>
      </c>
      <c r="I11" s="280">
        <v>13</v>
      </c>
      <c r="J11" s="280">
        <v>11</v>
      </c>
      <c r="K11" s="280">
        <v>6</v>
      </c>
      <c r="L11" s="281">
        <v>81</v>
      </c>
      <c r="M11" s="282">
        <v>81</v>
      </c>
      <c r="N11" s="276">
        <v>0</v>
      </c>
      <c r="O11" s="280">
        <v>0</v>
      </c>
      <c r="P11" s="277">
        <v>0</v>
      </c>
      <c r="Q11" s="279">
        <v>0</v>
      </c>
      <c r="R11" s="280">
        <v>0</v>
      </c>
      <c r="S11" s="280">
        <v>2</v>
      </c>
      <c r="T11" s="280">
        <v>1</v>
      </c>
      <c r="U11" s="280">
        <v>7</v>
      </c>
      <c r="V11" s="280">
        <v>2</v>
      </c>
      <c r="W11" s="277">
        <v>12</v>
      </c>
      <c r="X11" s="282">
        <v>12</v>
      </c>
      <c r="Y11" s="276">
        <v>6</v>
      </c>
      <c r="Z11" s="280">
        <v>4</v>
      </c>
      <c r="AA11" s="277">
        <v>10</v>
      </c>
      <c r="AB11" s="279">
        <v>0</v>
      </c>
      <c r="AC11" s="280">
        <v>15</v>
      </c>
      <c r="AD11" s="280">
        <v>17</v>
      </c>
      <c r="AE11" s="280">
        <v>9</v>
      </c>
      <c r="AF11" s="280">
        <v>17</v>
      </c>
      <c r="AG11" s="280">
        <v>7</v>
      </c>
      <c r="AH11" s="277">
        <v>65</v>
      </c>
      <c r="AI11" s="282">
        <v>75</v>
      </c>
      <c r="AJ11" s="276">
        <v>1</v>
      </c>
      <c r="AK11" s="280">
        <v>0</v>
      </c>
      <c r="AL11" s="277">
        <v>1</v>
      </c>
      <c r="AM11" s="279">
        <v>0</v>
      </c>
      <c r="AN11" s="280">
        <v>4</v>
      </c>
      <c r="AO11" s="280">
        <v>4</v>
      </c>
      <c r="AP11" s="280">
        <v>2</v>
      </c>
      <c r="AQ11" s="280">
        <v>6</v>
      </c>
      <c r="AR11" s="280">
        <v>1</v>
      </c>
      <c r="AS11" s="277">
        <v>17</v>
      </c>
      <c r="AT11" s="282">
        <v>18</v>
      </c>
      <c r="AU11" s="276">
        <v>6</v>
      </c>
      <c r="AV11" s="280">
        <v>4</v>
      </c>
      <c r="AW11" s="277">
        <v>10</v>
      </c>
      <c r="AX11" s="279">
        <v>0</v>
      </c>
      <c r="AY11" s="280">
        <v>14</v>
      </c>
      <c r="AZ11" s="280">
        <v>24</v>
      </c>
      <c r="BA11" s="280">
        <v>13</v>
      </c>
      <c r="BB11" s="280">
        <v>31</v>
      </c>
      <c r="BC11" s="280">
        <v>21</v>
      </c>
      <c r="BD11" s="281">
        <v>103</v>
      </c>
      <c r="BE11" s="282">
        <v>113</v>
      </c>
      <c r="BF11" s="276">
        <v>0</v>
      </c>
      <c r="BG11" s="280">
        <v>0</v>
      </c>
      <c r="BH11" s="277">
        <v>0</v>
      </c>
      <c r="BI11" s="279">
        <v>0</v>
      </c>
      <c r="BJ11" s="280">
        <v>28</v>
      </c>
      <c r="BK11" s="280">
        <v>27</v>
      </c>
      <c r="BL11" s="280">
        <v>7</v>
      </c>
      <c r="BM11" s="280">
        <v>9</v>
      </c>
      <c r="BN11" s="280">
        <v>3</v>
      </c>
      <c r="BO11" s="277">
        <v>74</v>
      </c>
      <c r="BP11" s="282">
        <v>74</v>
      </c>
      <c r="BQ11" s="276">
        <v>1</v>
      </c>
      <c r="BR11" s="280">
        <v>4</v>
      </c>
      <c r="BS11" s="277">
        <v>5</v>
      </c>
      <c r="BT11" s="279">
        <v>0</v>
      </c>
      <c r="BU11" s="280">
        <v>13</v>
      </c>
      <c r="BV11" s="280">
        <v>9</v>
      </c>
      <c r="BW11" s="280">
        <v>9</v>
      </c>
      <c r="BX11" s="280">
        <v>5</v>
      </c>
      <c r="BY11" s="280">
        <v>2</v>
      </c>
      <c r="BZ11" s="277">
        <v>38</v>
      </c>
      <c r="CA11" s="282">
        <v>43</v>
      </c>
      <c r="CB11" s="276">
        <v>0</v>
      </c>
      <c r="CC11" s="280">
        <v>1</v>
      </c>
      <c r="CD11" s="277">
        <v>1</v>
      </c>
      <c r="CE11" s="279">
        <v>0</v>
      </c>
      <c r="CF11" s="280">
        <v>4</v>
      </c>
      <c r="CG11" s="280">
        <v>5</v>
      </c>
      <c r="CH11" s="280">
        <v>6</v>
      </c>
      <c r="CI11" s="280">
        <v>3</v>
      </c>
      <c r="CJ11" s="280">
        <v>0</v>
      </c>
      <c r="CK11" s="277">
        <v>18</v>
      </c>
      <c r="CL11" s="282">
        <v>19</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4</v>
      </c>
      <c r="DU11" s="280">
        <v>15</v>
      </c>
      <c r="DV11" s="277">
        <v>29</v>
      </c>
      <c r="DW11" s="279">
        <v>0</v>
      </c>
      <c r="DX11" s="280">
        <v>47</v>
      </c>
      <c r="DY11" s="280">
        <v>60</v>
      </c>
      <c r="DZ11" s="280">
        <v>30</v>
      </c>
      <c r="EA11" s="280">
        <v>33</v>
      </c>
      <c r="EB11" s="280">
        <v>16</v>
      </c>
      <c r="EC11" s="277">
        <v>186</v>
      </c>
      <c r="ED11" s="282">
        <v>215</v>
      </c>
      <c r="EE11" s="276">
        <v>5</v>
      </c>
      <c r="EF11" s="280">
        <v>2</v>
      </c>
      <c r="EG11" s="277">
        <v>7</v>
      </c>
      <c r="EH11" s="279">
        <v>0</v>
      </c>
      <c r="EI11" s="280">
        <v>9</v>
      </c>
      <c r="EJ11" s="280">
        <v>10</v>
      </c>
      <c r="EK11" s="280">
        <v>5</v>
      </c>
      <c r="EL11" s="280">
        <v>10</v>
      </c>
      <c r="EM11" s="280">
        <v>8</v>
      </c>
      <c r="EN11" s="277">
        <v>42</v>
      </c>
      <c r="EO11" s="282">
        <v>49</v>
      </c>
      <c r="EP11" s="276">
        <v>21</v>
      </c>
      <c r="EQ11" s="280">
        <v>21</v>
      </c>
      <c r="ER11" s="277">
        <v>42</v>
      </c>
      <c r="ES11" s="279">
        <v>0</v>
      </c>
      <c r="ET11" s="280">
        <v>103</v>
      </c>
      <c r="EU11" s="280">
        <v>89</v>
      </c>
      <c r="EV11" s="280">
        <v>37</v>
      </c>
      <c r="EW11" s="280">
        <v>35</v>
      </c>
      <c r="EX11" s="280">
        <v>16</v>
      </c>
      <c r="EY11" s="277">
        <v>280</v>
      </c>
      <c r="EZ11" s="282">
        <v>322</v>
      </c>
    </row>
    <row r="12" spans="2:156" ht="21" customHeight="1" x14ac:dyDescent="0.2">
      <c r="B12" s="261" t="s">
        <v>9</v>
      </c>
      <c r="C12" s="276">
        <v>0</v>
      </c>
      <c r="D12" s="280">
        <v>0</v>
      </c>
      <c r="E12" s="384">
        <v>0</v>
      </c>
      <c r="F12" s="279">
        <v>0</v>
      </c>
      <c r="G12" s="280">
        <v>68</v>
      </c>
      <c r="H12" s="280">
        <v>51</v>
      </c>
      <c r="I12" s="280">
        <v>35</v>
      </c>
      <c r="J12" s="280">
        <v>37</v>
      </c>
      <c r="K12" s="280">
        <v>28</v>
      </c>
      <c r="L12" s="281">
        <v>219</v>
      </c>
      <c r="M12" s="282">
        <v>219</v>
      </c>
      <c r="N12" s="276">
        <v>0</v>
      </c>
      <c r="O12" s="280">
        <v>0</v>
      </c>
      <c r="P12" s="277">
        <v>0</v>
      </c>
      <c r="Q12" s="279">
        <v>0</v>
      </c>
      <c r="R12" s="280">
        <v>2</v>
      </c>
      <c r="S12" s="280">
        <v>2</v>
      </c>
      <c r="T12" s="280">
        <v>0</v>
      </c>
      <c r="U12" s="280">
        <v>9</v>
      </c>
      <c r="V12" s="280">
        <v>16</v>
      </c>
      <c r="W12" s="277">
        <v>29</v>
      </c>
      <c r="X12" s="282">
        <v>29</v>
      </c>
      <c r="Y12" s="276">
        <v>7</v>
      </c>
      <c r="Z12" s="280">
        <v>13</v>
      </c>
      <c r="AA12" s="277">
        <v>20</v>
      </c>
      <c r="AB12" s="279">
        <v>0</v>
      </c>
      <c r="AC12" s="280">
        <v>56</v>
      </c>
      <c r="AD12" s="280">
        <v>27</v>
      </c>
      <c r="AE12" s="280">
        <v>25</v>
      </c>
      <c r="AF12" s="280">
        <v>24</v>
      </c>
      <c r="AG12" s="280">
        <v>19</v>
      </c>
      <c r="AH12" s="277">
        <v>151</v>
      </c>
      <c r="AI12" s="282">
        <v>171</v>
      </c>
      <c r="AJ12" s="276">
        <v>0</v>
      </c>
      <c r="AK12" s="280">
        <v>2</v>
      </c>
      <c r="AL12" s="277">
        <v>2</v>
      </c>
      <c r="AM12" s="279">
        <v>0</v>
      </c>
      <c r="AN12" s="280">
        <v>5</v>
      </c>
      <c r="AO12" s="280">
        <v>9</v>
      </c>
      <c r="AP12" s="280">
        <v>4</v>
      </c>
      <c r="AQ12" s="280">
        <v>8</v>
      </c>
      <c r="AR12" s="280">
        <v>6</v>
      </c>
      <c r="AS12" s="277">
        <v>32</v>
      </c>
      <c r="AT12" s="282">
        <v>34</v>
      </c>
      <c r="AU12" s="276">
        <v>14</v>
      </c>
      <c r="AV12" s="280">
        <v>7</v>
      </c>
      <c r="AW12" s="277">
        <v>21</v>
      </c>
      <c r="AX12" s="279">
        <v>0</v>
      </c>
      <c r="AY12" s="280">
        <v>61</v>
      </c>
      <c r="AZ12" s="280">
        <v>58</v>
      </c>
      <c r="BA12" s="280">
        <v>55</v>
      </c>
      <c r="BB12" s="280">
        <v>63</v>
      </c>
      <c r="BC12" s="280">
        <v>44</v>
      </c>
      <c r="BD12" s="281">
        <v>281</v>
      </c>
      <c r="BE12" s="282">
        <v>302</v>
      </c>
      <c r="BF12" s="276">
        <v>0</v>
      </c>
      <c r="BG12" s="280">
        <v>0</v>
      </c>
      <c r="BH12" s="277">
        <v>0</v>
      </c>
      <c r="BI12" s="279">
        <v>0</v>
      </c>
      <c r="BJ12" s="280">
        <v>55</v>
      </c>
      <c r="BK12" s="280">
        <v>34</v>
      </c>
      <c r="BL12" s="280">
        <v>21</v>
      </c>
      <c r="BM12" s="280">
        <v>15</v>
      </c>
      <c r="BN12" s="280">
        <v>6</v>
      </c>
      <c r="BO12" s="277">
        <v>131</v>
      </c>
      <c r="BP12" s="282">
        <v>131</v>
      </c>
      <c r="BQ12" s="276">
        <v>3</v>
      </c>
      <c r="BR12" s="280">
        <v>8</v>
      </c>
      <c r="BS12" s="277">
        <v>11</v>
      </c>
      <c r="BT12" s="279">
        <v>0</v>
      </c>
      <c r="BU12" s="280">
        <v>12</v>
      </c>
      <c r="BV12" s="280">
        <v>10</v>
      </c>
      <c r="BW12" s="280">
        <v>6</v>
      </c>
      <c r="BX12" s="280">
        <v>12</v>
      </c>
      <c r="BY12" s="280">
        <v>0</v>
      </c>
      <c r="BZ12" s="277">
        <v>40</v>
      </c>
      <c r="CA12" s="282">
        <v>51</v>
      </c>
      <c r="CB12" s="276">
        <v>1</v>
      </c>
      <c r="CC12" s="280">
        <v>0</v>
      </c>
      <c r="CD12" s="277">
        <v>1</v>
      </c>
      <c r="CE12" s="279">
        <v>0</v>
      </c>
      <c r="CF12" s="280">
        <v>7</v>
      </c>
      <c r="CG12" s="280">
        <v>9</v>
      </c>
      <c r="CH12" s="280">
        <v>12</v>
      </c>
      <c r="CI12" s="280">
        <v>8</v>
      </c>
      <c r="CJ12" s="280">
        <v>5</v>
      </c>
      <c r="CK12" s="277">
        <v>41</v>
      </c>
      <c r="CL12" s="282">
        <v>42</v>
      </c>
      <c r="CM12" s="276">
        <v>0</v>
      </c>
      <c r="CN12" s="280">
        <v>0</v>
      </c>
      <c r="CO12" s="277">
        <v>0</v>
      </c>
      <c r="CP12" s="279">
        <v>0</v>
      </c>
      <c r="CQ12" s="280">
        <v>0</v>
      </c>
      <c r="CR12" s="280">
        <v>1</v>
      </c>
      <c r="CS12" s="280">
        <v>1</v>
      </c>
      <c r="CT12" s="280">
        <v>2</v>
      </c>
      <c r="CU12" s="280">
        <v>1</v>
      </c>
      <c r="CV12" s="277">
        <v>5</v>
      </c>
      <c r="CW12" s="282">
        <v>5</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5</v>
      </c>
      <c r="DU12" s="280">
        <v>39</v>
      </c>
      <c r="DV12" s="277">
        <v>64</v>
      </c>
      <c r="DW12" s="279">
        <v>0</v>
      </c>
      <c r="DX12" s="280">
        <v>90</v>
      </c>
      <c r="DY12" s="280">
        <v>96</v>
      </c>
      <c r="DZ12" s="280">
        <v>67</v>
      </c>
      <c r="EA12" s="280">
        <v>59</v>
      </c>
      <c r="EB12" s="280">
        <v>39</v>
      </c>
      <c r="EC12" s="277">
        <v>351</v>
      </c>
      <c r="ED12" s="282">
        <v>415</v>
      </c>
      <c r="EE12" s="276">
        <v>9</v>
      </c>
      <c r="EF12" s="280">
        <v>7</v>
      </c>
      <c r="EG12" s="277">
        <v>16</v>
      </c>
      <c r="EH12" s="279">
        <v>0</v>
      </c>
      <c r="EI12" s="280">
        <v>37</v>
      </c>
      <c r="EJ12" s="280">
        <v>19</v>
      </c>
      <c r="EK12" s="280">
        <v>17</v>
      </c>
      <c r="EL12" s="280">
        <v>30</v>
      </c>
      <c r="EM12" s="280">
        <v>15</v>
      </c>
      <c r="EN12" s="277">
        <v>118</v>
      </c>
      <c r="EO12" s="282">
        <v>134</v>
      </c>
      <c r="EP12" s="276">
        <v>34</v>
      </c>
      <c r="EQ12" s="280">
        <v>52</v>
      </c>
      <c r="ER12" s="277">
        <v>86</v>
      </c>
      <c r="ES12" s="279">
        <v>0</v>
      </c>
      <c r="ET12" s="280">
        <v>186</v>
      </c>
      <c r="EU12" s="280">
        <v>128</v>
      </c>
      <c r="EV12" s="280">
        <v>78</v>
      </c>
      <c r="EW12" s="280">
        <v>66</v>
      </c>
      <c r="EX12" s="280">
        <v>42</v>
      </c>
      <c r="EY12" s="277">
        <v>500</v>
      </c>
      <c r="EZ12" s="282">
        <v>586</v>
      </c>
    </row>
    <row r="13" spans="2:156" ht="21" customHeight="1" x14ac:dyDescent="0.2">
      <c r="B13" s="261" t="s">
        <v>10</v>
      </c>
      <c r="C13" s="276">
        <v>0</v>
      </c>
      <c r="D13" s="280">
        <v>0</v>
      </c>
      <c r="E13" s="384">
        <v>0</v>
      </c>
      <c r="F13" s="279">
        <v>0</v>
      </c>
      <c r="G13" s="280">
        <v>93</v>
      </c>
      <c r="H13" s="280">
        <v>46</v>
      </c>
      <c r="I13" s="280">
        <v>31</v>
      </c>
      <c r="J13" s="280">
        <v>34</v>
      </c>
      <c r="K13" s="280">
        <v>28</v>
      </c>
      <c r="L13" s="281">
        <v>232</v>
      </c>
      <c r="M13" s="282">
        <v>232</v>
      </c>
      <c r="N13" s="276">
        <v>0</v>
      </c>
      <c r="O13" s="280">
        <v>0</v>
      </c>
      <c r="P13" s="277">
        <v>0</v>
      </c>
      <c r="Q13" s="279">
        <v>0</v>
      </c>
      <c r="R13" s="280">
        <v>1</v>
      </c>
      <c r="S13" s="280">
        <v>3</v>
      </c>
      <c r="T13" s="280">
        <v>3</v>
      </c>
      <c r="U13" s="280">
        <v>7</v>
      </c>
      <c r="V13" s="280">
        <v>11</v>
      </c>
      <c r="W13" s="277">
        <v>25</v>
      </c>
      <c r="X13" s="282">
        <v>25</v>
      </c>
      <c r="Y13" s="276">
        <v>17</v>
      </c>
      <c r="Z13" s="280">
        <v>23</v>
      </c>
      <c r="AA13" s="277">
        <v>40</v>
      </c>
      <c r="AB13" s="279">
        <v>0</v>
      </c>
      <c r="AC13" s="280">
        <v>53</v>
      </c>
      <c r="AD13" s="280">
        <v>38</v>
      </c>
      <c r="AE13" s="280">
        <v>23</v>
      </c>
      <c r="AF13" s="280">
        <v>16</v>
      </c>
      <c r="AG13" s="280">
        <v>18</v>
      </c>
      <c r="AH13" s="277">
        <v>148</v>
      </c>
      <c r="AI13" s="282">
        <v>188</v>
      </c>
      <c r="AJ13" s="276">
        <v>2</v>
      </c>
      <c r="AK13" s="280">
        <v>3</v>
      </c>
      <c r="AL13" s="277">
        <v>5</v>
      </c>
      <c r="AM13" s="279">
        <v>0</v>
      </c>
      <c r="AN13" s="280">
        <v>10</v>
      </c>
      <c r="AO13" s="280">
        <v>10</v>
      </c>
      <c r="AP13" s="280">
        <v>6</v>
      </c>
      <c r="AQ13" s="280">
        <v>0</v>
      </c>
      <c r="AR13" s="280">
        <v>2</v>
      </c>
      <c r="AS13" s="277">
        <v>28</v>
      </c>
      <c r="AT13" s="282">
        <v>33</v>
      </c>
      <c r="AU13" s="276">
        <v>26</v>
      </c>
      <c r="AV13" s="280">
        <v>21</v>
      </c>
      <c r="AW13" s="277">
        <v>47</v>
      </c>
      <c r="AX13" s="279">
        <v>0</v>
      </c>
      <c r="AY13" s="280">
        <v>97</v>
      </c>
      <c r="AZ13" s="280">
        <v>79</v>
      </c>
      <c r="BA13" s="280">
        <v>68</v>
      </c>
      <c r="BB13" s="280">
        <v>75</v>
      </c>
      <c r="BC13" s="280">
        <v>65</v>
      </c>
      <c r="BD13" s="281">
        <v>384</v>
      </c>
      <c r="BE13" s="282">
        <v>431</v>
      </c>
      <c r="BF13" s="276">
        <v>0</v>
      </c>
      <c r="BG13" s="280">
        <v>0</v>
      </c>
      <c r="BH13" s="277">
        <v>0</v>
      </c>
      <c r="BI13" s="279">
        <v>0</v>
      </c>
      <c r="BJ13" s="280">
        <v>117</v>
      </c>
      <c r="BK13" s="280">
        <v>66</v>
      </c>
      <c r="BL13" s="280">
        <v>30</v>
      </c>
      <c r="BM13" s="280">
        <v>11</v>
      </c>
      <c r="BN13" s="280">
        <v>5</v>
      </c>
      <c r="BO13" s="277">
        <v>229</v>
      </c>
      <c r="BP13" s="282">
        <v>229</v>
      </c>
      <c r="BQ13" s="276">
        <v>4</v>
      </c>
      <c r="BR13" s="280">
        <v>6</v>
      </c>
      <c r="BS13" s="277">
        <v>10</v>
      </c>
      <c r="BT13" s="279">
        <v>0</v>
      </c>
      <c r="BU13" s="280">
        <v>21</v>
      </c>
      <c r="BV13" s="280">
        <v>16</v>
      </c>
      <c r="BW13" s="280">
        <v>6</v>
      </c>
      <c r="BX13" s="280">
        <v>2</v>
      </c>
      <c r="BY13" s="280">
        <v>0</v>
      </c>
      <c r="BZ13" s="277">
        <v>45</v>
      </c>
      <c r="CA13" s="282">
        <v>55</v>
      </c>
      <c r="CB13" s="276">
        <v>0</v>
      </c>
      <c r="CC13" s="280">
        <v>0</v>
      </c>
      <c r="CD13" s="277">
        <v>0</v>
      </c>
      <c r="CE13" s="279">
        <v>0</v>
      </c>
      <c r="CF13" s="280">
        <v>13</v>
      </c>
      <c r="CG13" s="280">
        <v>5</v>
      </c>
      <c r="CH13" s="280">
        <v>14</v>
      </c>
      <c r="CI13" s="280">
        <v>5</v>
      </c>
      <c r="CJ13" s="280">
        <v>4</v>
      </c>
      <c r="CK13" s="277">
        <v>41</v>
      </c>
      <c r="CL13" s="282">
        <v>41</v>
      </c>
      <c r="CM13" s="276">
        <v>0</v>
      </c>
      <c r="CN13" s="280">
        <v>0</v>
      </c>
      <c r="CO13" s="277">
        <v>0</v>
      </c>
      <c r="CP13" s="279">
        <v>0</v>
      </c>
      <c r="CQ13" s="280">
        <v>0</v>
      </c>
      <c r="CR13" s="280">
        <v>1</v>
      </c>
      <c r="CS13" s="280">
        <v>0</v>
      </c>
      <c r="CT13" s="280">
        <v>0</v>
      </c>
      <c r="CU13" s="280">
        <v>0</v>
      </c>
      <c r="CV13" s="277">
        <v>1</v>
      </c>
      <c r="CW13" s="282">
        <v>1</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7</v>
      </c>
      <c r="DU13" s="280">
        <v>87</v>
      </c>
      <c r="DV13" s="277">
        <v>144</v>
      </c>
      <c r="DW13" s="279">
        <v>0</v>
      </c>
      <c r="DX13" s="280">
        <v>141</v>
      </c>
      <c r="DY13" s="280">
        <v>105</v>
      </c>
      <c r="DZ13" s="280">
        <v>69</v>
      </c>
      <c r="EA13" s="280">
        <v>51</v>
      </c>
      <c r="EB13" s="280">
        <v>43</v>
      </c>
      <c r="EC13" s="277">
        <v>409</v>
      </c>
      <c r="ED13" s="282">
        <v>553</v>
      </c>
      <c r="EE13" s="276">
        <v>11</v>
      </c>
      <c r="EF13" s="280">
        <v>6</v>
      </c>
      <c r="EG13" s="277">
        <v>17</v>
      </c>
      <c r="EH13" s="279">
        <v>0</v>
      </c>
      <c r="EI13" s="280">
        <v>33</v>
      </c>
      <c r="EJ13" s="280">
        <v>34</v>
      </c>
      <c r="EK13" s="280">
        <v>22</v>
      </c>
      <c r="EL13" s="280">
        <v>30</v>
      </c>
      <c r="EM13" s="280">
        <v>26</v>
      </c>
      <c r="EN13" s="277">
        <v>145</v>
      </c>
      <c r="EO13" s="282">
        <v>162</v>
      </c>
      <c r="EP13" s="276">
        <v>74</v>
      </c>
      <c r="EQ13" s="280">
        <v>98</v>
      </c>
      <c r="ER13" s="277">
        <v>172</v>
      </c>
      <c r="ES13" s="279">
        <v>0</v>
      </c>
      <c r="ET13" s="280">
        <v>249</v>
      </c>
      <c r="EU13" s="280">
        <v>140</v>
      </c>
      <c r="EV13" s="280">
        <v>81</v>
      </c>
      <c r="EW13" s="280">
        <v>53</v>
      </c>
      <c r="EX13" s="280">
        <v>41</v>
      </c>
      <c r="EY13" s="277">
        <v>564</v>
      </c>
      <c r="EZ13" s="282">
        <v>736</v>
      </c>
    </row>
    <row r="14" spans="2:156" ht="21" customHeight="1" x14ac:dyDescent="0.2">
      <c r="B14" s="261" t="s">
        <v>11</v>
      </c>
      <c r="C14" s="276">
        <v>0</v>
      </c>
      <c r="D14" s="280">
        <v>0</v>
      </c>
      <c r="E14" s="384">
        <v>0</v>
      </c>
      <c r="F14" s="279">
        <v>0</v>
      </c>
      <c r="G14" s="280">
        <v>14</v>
      </c>
      <c r="H14" s="280">
        <v>11</v>
      </c>
      <c r="I14" s="280">
        <v>9</v>
      </c>
      <c r="J14" s="280">
        <v>10</v>
      </c>
      <c r="K14" s="280">
        <v>5</v>
      </c>
      <c r="L14" s="281">
        <v>49</v>
      </c>
      <c r="M14" s="282">
        <v>49</v>
      </c>
      <c r="N14" s="276">
        <v>0</v>
      </c>
      <c r="O14" s="280">
        <v>0</v>
      </c>
      <c r="P14" s="277">
        <v>0</v>
      </c>
      <c r="Q14" s="279">
        <v>0</v>
      </c>
      <c r="R14" s="280">
        <v>1</v>
      </c>
      <c r="S14" s="280">
        <v>1</v>
      </c>
      <c r="T14" s="280">
        <v>1</v>
      </c>
      <c r="U14" s="280">
        <v>4</v>
      </c>
      <c r="V14" s="280">
        <v>3</v>
      </c>
      <c r="W14" s="277">
        <v>10</v>
      </c>
      <c r="X14" s="282">
        <v>10</v>
      </c>
      <c r="Y14" s="276">
        <v>2</v>
      </c>
      <c r="Z14" s="280">
        <v>3</v>
      </c>
      <c r="AA14" s="277">
        <v>5</v>
      </c>
      <c r="AB14" s="279">
        <v>0</v>
      </c>
      <c r="AC14" s="280">
        <v>18</v>
      </c>
      <c r="AD14" s="280">
        <v>15</v>
      </c>
      <c r="AE14" s="280">
        <v>7</v>
      </c>
      <c r="AF14" s="280">
        <v>12</v>
      </c>
      <c r="AG14" s="280">
        <v>5</v>
      </c>
      <c r="AH14" s="277">
        <v>57</v>
      </c>
      <c r="AI14" s="282">
        <v>62</v>
      </c>
      <c r="AJ14" s="276">
        <v>1</v>
      </c>
      <c r="AK14" s="280">
        <v>0</v>
      </c>
      <c r="AL14" s="277">
        <v>1</v>
      </c>
      <c r="AM14" s="279">
        <v>0</v>
      </c>
      <c r="AN14" s="280">
        <v>1</v>
      </c>
      <c r="AO14" s="280">
        <v>1</v>
      </c>
      <c r="AP14" s="280">
        <v>0</v>
      </c>
      <c r="AQ14" s="280">
        <v>2</v>
      </c>
      <c r="AR14" s="280">
        <v>1</v>
      </c>
      <c r="AS14" s="277">
        <v>5</v>
      </c>
      <c r="AT14" s="282">
        <v>6</v>
      </c>
      <c r="AU14" s="276">
        <v>3</v>
      </c>
      <c r="AV14" s="280">
        <v>0</v>
      </c>
      <c r="AW14" s="277">
        <v>3</v>
      </c>
      <c r="AX14" s="279">
        <v>0</v>
      </c>
      <c r="AY14" s="280">
        <v>26</v>
      </c>
      <c r="AZ14" s="280">
        <v>26</v>
      </c>
      <c r="BA14" s="280">
        <v>21</v>
      </c>
      <c r="BB14" s="280">
        <v>31</v>
      </c>
      <c r="BC14" s="280">
        <v>13</v>
      </c>
      <c r="BD14" s="281">
        <v>117</v>
      </c>
      <c r="BE14" s="282">
        <v>120</v>
      </c>
      <c r="BF14" s="276">
        <v>0</v>
      </c>
      <c r="BG14" s="280">
        <v>0</v>
      </c>
      <c r="BH14" s="277">
        <v>0</v>
      </c>
      <c r="BI14" s="279">
        <v>0</v>
      </c>
      <c r="BJ14" s="280">
        <v>20</v>
      </c>
      <c r="BK14" s="280">
        <v>14</v>
      </c>
      <c r="BL14" s="280">
        <v>9</v>
      </c>
      <c r="BM14" s="280">
        <v>9</v>
      </c>
      <c r="BN14" s="280">
        <v>2</v>
      </c>
      <c r="BO14" s="277">
        <v>54</v>
      </c>
      <c r="BP14" s="282">
        <v>54</v>
      </c>
      <c r="BQ14" s="276">
        <v>3</v>
      </c>
      <c r="BR14" s="280">
        <v>4</v>
      </c>
      <c r="BS14" s="277">
        <v>7</v>
      </c>
      <c r="BT14" s="279">
        <v>0</v>
      </c>
      <c r="BU14" s="280">
        <v>12</v>
      </c>
      <c r="BV14" s="280">
        <v>8</v>
      </c>
      <c r="BW14" s="280">
        <v>7</v>
      </c>
      <c r="BX14" s="280">
        <v>2</v>
      </c>
      <c r="BY14" s="280">
        <v>2</v>
      </c>
      <c r="BZ14" s="277">
        <v>31</v>
      </c>
      <c r="CA14" s="282">
        <v>38</v>
      </c>
      <c r="CB14" s="276">
        <v>0</v>
      </c>
      <c r="CC14" s="280">
        <v>0</v>
      </c>
      <c r="CD14" s="277">
        <v>0</v>
      </c>
      <c r="CE14" s="279">
        <v>0</v>
      </c>
      <c r="CF14" s="280">
        <v>4</v>
      </c>
      <c r="CG14" s="280">
        <v>3</v>
      </c>
      <c r="CH14" s="280">
        <v>5</v>
      </c>
      <c r="CI14" s="280">
        <v>2</v>
      </c>
      <c r="CJ14" s="280">
        <v>2</v>
      </c>
      <c r="CK14" s="277">
        <v>16</v>
      </c>
      <c r="CL14" s="282">
        <v>16</v>
      </c>
      <c r="CM14" s="276">
        <v>0</v>
      </c>
      <c r="CN14" s="280">
        <v>0</v>
      </c>
      <c r="CO14" s="277">
        <v>0</v>
      </c>
      <c r="CP14" s="279">
        <v>0</v>
      </c>
      <c r="CQ14" s="280">
        <v>1</v>
      </c>
      <c r="CR14" s="280">
        <v>0</v>
      </c>
      <c r="CS14" s="280">
        <v>2</v>
      </c>
      <c r="CT14" s="280">
        <v>1</v>
      </c>
      <c r="CU14" s="280">
        <v>2</v>
      </c>
      <c r="CV14" s="277">
        <v>6</v>
      </c>
      <c r="CW14" s="282">
        <v>6</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0</v>
      </c>
      <c r="DU14" s="280">
        <v>13</v>
      </c>
      <c r="DV14" s="277">
        <v>23</v>
      </c>
      <c r="DW14" s="279">
        <v>0</v>
      </c>
      <c r="DX14" s="280">
        <v>41</v>
      </c>
      <c r="DY14" s="280">
        <v>30</v>
      </c>
      <c r="DZ14" s="280">
        <v>29</v>
      </c>
      <c r="EA14" s="280">
        <v>23</v>
      </c>
      <c r="EB14" s="280">
        <v>10</v>
      </c>
      <c r="EC14" s="277">
        <v>133</v>
      </c>
      <c r="ED14" s="282">
        <v>156</v>
      </c>
      <c r="EE14" s="276">
        <v>1</v>
      </c>
      <c r="EF14" s="280">
        <v>3</v>
      </c>
      <c r="EG14" s="277">
        <v>4</v>
      </c>
      <c r="EH14" s="279">
        <v>0</v>
      </c>
      <c r="EI14" s="280">
        <v>20</v>
      </c>
      <c r="EJ14" s="280">
        <v>7</v>
      </c>
      <c r="EK14" s="280">
        <v>16</v>
      </c>
      <c r="EL14" s="280">
        <v>13</v>
      </c>
      <c r="EM14" s="280">
        <v>7</v>
      </c>
      <c r="EN14" s="277">
        <v>63</v>
      </c>
      <c r="EO14" s="282">
        <v>67</v>
      </c>
      <c r="EP14" s="276">
        <v>16</v>
      </c>
      <c r="EQ14" s="280">
        <v>17</v>
      </c>
      <c r="ER14" s="277">
        <v>33</v>
      </c>
      <c r="ES14" s="279">
        <v>0</v>
      </c>
      <c r="ET14" s="280">
        <v>86</v>
      </c>
      <c r="EU14" s="280">
        <v>43</v>
      </c>
      <c r="EV14" s="280">
        <v>29</v>
      </c>
      <c r="EW14" s="280">
        <v>24</v>
      </c>
      <c r="EX14" s="280">
        <v>10</v>
      </c>
      <c r="EY14" s="277">
        <v>192</v>
      </c>
      <c r="EZ14" s="282">
        <v>225</v>
      </c>
    </row>
    <row r="15" spans="2:156" ht="21" customHeight="1" x14ac:dyDescent="0.2">
      <c r="B15" s="261" t="s">
        <v>12</v>
      </c>
      <c r="C15" s="276">
        <v>0</v>
      </c>
      <c r="D15" s="280">
        <v>0</v>
      </c>
      <c r="E15" s="384">
        <v>0</v>
      </c>
      <c r="F15" s="279">
        <v>0</v>
      </c>
      <c r="G15" s="280">
        <v>39</v>
      </c>
      <c r="H15" s="280">
        <v>20</v>
      </c>
      <c r="I15" s="280">
        <v>28</v>
      </c>
      <c r="J15" s="280">
        <v>13</v>
      </c>
      <c r="K15" s="280">
        <v>11</v>
      </c>
      <c r="L15" s="281">
        <v>111</v>
      </c>
      <c r="M15" s="282">
        <v>111</v>
      </c>
      <c r="N15" s="276">
        <v>0</v>
      </c>
      <c r="O15" s="280">
        <v>0</v>
      </c>
      <c r="P15" s="277">
        <v>0</v>
      </c>
      <c r="Q15" s="279">
        <v>0</v>
      </c>
      <c r="R15" s="280">
        <v>0</v>
      </c>
      <c r="S15" s="280">
        <v>2</v>
      </c>
      <c r="T15" s="280">
        <v>0</v>
      </c>
      <c r="U15" s="280">
        <v>2</v>
      </c>
      <c r="V15" s="280">
        <v>9</v>
      </c>
      <c r="W15" s="277">
        <v>13</v>
      </c>
      <c r="X15" s="282">
        <v>13</v>
      </c>
      <c r="Y15" s="276">
        <v>6</v>
      </c>
      <c r="Z15" s="280">
        <v>10</v>
      </c>
      <c r="AA15" s="277">
        <v>16</v>
      </c>
      <c r="AB15" s="279">
        <v>0</v>
      </c>
      <c r="AC15" s="280">
        <v>17</v>
      </c>
      <c r="AD15" s="280">
        <v>21</v>
      </c>
      <c r="AE15" s="280">
        <v>19</v>
      </c>
      <c r="AF15" s="280">
        <v>13</v>
      </c>
      <c r="AG15" s="280">
        <v>10</v>
      </c>
      <c r="AH15" s="277">
        <v>80</v>
      </c>
      <c r="AI15" s="282">
        <v>96</v>
      </c>
      <c r="AJ15" s="276">
        <v>0</v>
      </c>
      <c r="AK15" s="280">
        <v>2</v>
      </c>
      <c r="AL15" s="277">
        <v>2</v>
      </c>
      <c r="AM15" s="279">
        <v>0</v>
      </c>
      <c r="AN15" s="280">
        <v>5</v>
      </c>
      <c r="AO15" s="280">
        <v>1</v>
      </c>
      <c r="AP15" s="280">
        <v>2</v>
      </c>
      <c r="AQ15" s="280">
        <v>1</v>
      </c>
      <c r="AR15" s="280">
        <v>0</v>
      </c>
      <c r="AS15" s="277">
        <v>9</v>
      </c>
      <c r="AT15" s="282">
        <v>11</v>
      </c>
      <c r="AU15" s="276">
        <v>10</v>
      </c>
      <c r="AV15" s="280">
        <v>9</v>
      </c>
      <c r="AW15" s="277">
        <v>19</v>
      </c>
      <c r="AX15" s="279">
        <v>0</v>
      </c>
      <c r="AY15" s="280">
        <v>17</v>
      </c>
      <c r="AZ15" s="280">
        <v>22</v>
      </c>
      <c r="BA15" s="280">
        <v>28</v>
      </c>
      <c r="BB15" s="280">
        <v>35</v>
      </c>
      <c r="BC15" s="280">
        <v>13</v>
      </c>
      <c r="BD15" s="281">
        <v>115</v>
      </c>
      <c r="BE15" s="282">
        <v>134</v>
      </c>
      <c r="BF15" s="276">
        <v>0</v>
      </c>
      <c r="BG15" s="280">
        <v>0</v>
      </c>
      <c r="BH15" s="277">
        <v>0</v>
      </c>
      <c r="BI15" s="279">
        <v>0</v>
      </c>
      <c r="BJ15" s="280">
        <v>40</v>
      </c>
      <c r="BK15" s="280">
        <v>25</v>
      </c>
      <c r="BL15" s="280">
        <v>11</v>
      </c>
      <c r="BM15" s="280">
        <v>7</v>
      </c>
      <c r="BN15" s="280">
        <v>4</v>
      </c>
      <c r="BO15" s="277">
        <v>87</v>
      </c>
      <c r="BP15" s="282">
        <v>87</v>
      </c>
      <c r="BQ15" s="276">
        <v>15</v>
      </c>
      <c r="BR15" s="280">
        <v>7</v>
      </c>
      <c r="BS15" s="277">
        <v>22</v>
      </c>
      <c r="BT15" s="279">
        <v>0</v>
      </c>
      <c r="BU15" s="280">
        <v>11</v>
      </c>
      <c r="BV15" s="280">
        <v>11</v>
      </c>
      <c r="BW15" s="280">
        <v>13</v>
      </c>
      <c r="BX15" s="280">
        <v>6</v>
      </c>
      <c r="BY15" s="280">
        <v>0</v>
      </c>
      <c r="BZ15" s="277">
        <v>41</v>
      </c>
      <c r="CA15" s="282">
        <v>63</v>
      </c>
      <c r="CB15" s="276">
        <v>0</v>
      </c>
      <c r="CC15" s="280">
        <v>0</v>
      </c>
      <c r="CD15" s="277">
        <v>0</v>
      </c>
      <c r="CE15" s="279">
        <v>0</v>
      </c>
      <c r="CF15" s="280">
        <v>5</v>
      </c>
      <c r="CG15" s="280">
        <v>2</v>
      </c>
      <c r="CH15" s="280">
        <v>9</v>
      </c>
      <c r="CI15" s="280">
        <v>5</v>
      </c>
      <c r="CJ15" s="280">
        <v>2</v>
      </c>
      <c r="CK15" s="277">
        <v>23</v>
      </c>
      <c r="CL15" s="282">
        <v>23</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3</v>
      </c>
      <c r="DU15" s="280">
        <v>42</v>
      </c>
      <c r="DV15" s="277">
        <v>65</v>
      </c>
      <c r="DW15" s="279">
        <v>0</v>
      </c>
      <c r="DX15" s="280">
        <v>38</v>
      </c>
      <c r="DY15" s="280">
        <v>49</v>
      </c>
      <c r="DZ15" s="280">
        <v>48</v>
      </c>
      <c r="EA15" s="280">
        <v>48</v>
      </c>
      <c r="EB15" s="280">
        <v>17</v>
      </c>
      <c r="EC15" s="277">
        <v>200</v>
      </c>
      <c r="ED15" s="282">
        <v>265</v>
      </c>
      <c r="EE15" s="276">
        <v>7</v>
      </c>
      <c r="EF15" s="280">
        <v>7</v>
      </c>
      <c r="EG15" s="277">
        <v>14</v>
      </c>
      <c r="EH15" s="279">
        <v>0</v>
      </c>
      <c r="EI15" s="280">
        <v>7</v>
      </c>
      <c r="EJ15" s="280">
        <v>9</v>
      </c>
      <c r="EK15" s="280">
        <v>7</v>
      </c>
      <c r="EL15" s="280">
        <v>14</v>
      </c>
      <c r="EM15" s="280">
        <v>5</v>
      </c>
      <c r="EN15" s="277">
        <v>42</v>
      </c>
      <c r="EO15" s="282">
        <v>56</v>
      </c>
      <c r="EP15" s="276">
        <v>41</v>
      </c>
      <c r="EQ15" s="280">
        <v>50</v>
      </c>
      <c r="ER15" s="277">
        <v>91</v>
      </c>
      <c r="ES15" s="279">
        <v>0</v>
      </c>
      <c r="ET15" s="280">
        <v>99</v>
      </c>
      <c r="EU15" s="280">
        <v>69</v>
      </c>
      <c r="EV15" s="280">
        <v>57</v>
      </c>
      <c r="EW15" s="280">
        <v>44</v>
      </c>
      <c r="EX15" s="280">
        <v>17</v>
      </c>
      <c r="EY15" s="277">
        <v>286</v>
      </c>
      <c r="EZ15" s="282">
        <v>377</v>
      </c>
    </row>
    <row r="16" spans="2:156" ht="21" customHeight="1" x14ac:dyDescent="0.2">
      <c r="B16" s="261" t="s">
        <v>13</v>
      </c>
      <c r="C16" s="276">
        <v>0</v>
      </c>
      <c r="D16" s="280">
        <v>0</v>
      </c>
      <c r="E16" s="384">
        <v>0</v>
      </c>
      <c r="F16" s="279">
        <v>0</v>
      </c>
      <c r="G16" s="280">
        <v>20</v>
      </c>
      <c r="H16" s="280">
        <v>23</v>
      </c>
      <c r="I16" s="280">
        <v>15</v>
      </c>
      <c r="J16" s="280">
        <v>12</v>
      </c>
      <c r="K16" s="280">
        <v>12</v>
      </c>
      <c r="L16" s="281">
        <v>82</v>
      </c>
      <c r="M16" s="282">
        <v>82</v>
      </c>
      <c r="N16" s="276">
        <v>0</v>
      </c>
      <c r="O16" s="280">
        <v>0</v>
      </c>
      <c r="P16" s="277">
        <v>0</v>
      </c>
      <c r="Q16" s="279">
        <v>0</v>
      </c>
      <c r="R16" s="280">
        <v>0</v>
      </c>
      <c r="S16" s="280">
        <v>0</v>
      </c>
      <c r="T16" s="280">
        <v>2</v>
      </c>
      <c r="U16" s="280">
        <v>2</v>
      </c>
      <c r="V16" s="280">
        <v>0</v>
      </c>
      <c r="W16" s="277">
        <v>4</v>
      </c>
      <c r="X16" s="282">
        <v>4</v>
      </c>
      <c r="Y16" s="276">
        <v>1</v>
      </c>
      <c r="Z16" s="280">
        <v>3</v>
      </c>
      <c r="AA16" s="277">
        <v>4</v>
      </c>
      <c r="AB16" s="279">
        <v>0</v>
      </c>
      <c r="AC16" s="280">
        <v>17</v>
      </c>
      <c r="AD16" s="280">
        <v>13</v>
      </c>
      <c r="AE16" s="280">
        <v>8</v>
      </c>
      <c r="AF16" s="280">
        <v>11</v>
      </c>
      <c r="AG16" s="280">
        <v>7</v>
      </c>
      <c r="AH16" s="277">
        <v>56</v>
      </c>
      <c r="AI16" s="282">
        <v>60</v>
      </c>
      <c r="AJ16" s="276">
        <v>0</v>
      </c>
      <c r="AK16" s="280">
        <v>1</v>
      </c>
      <c r="AL16" s="277">
        <v>1</v>
      </c>
      <c r="AM16" s="279">
        <v>0</v>
      </c>
      <c r="AN16" s="280">
        <v>1</v>
      </c>
      <c r="AO16" s="280">
        <v>4</v>
      </c>
      <c r="AP16" s="280">
        <v>0</v>
      </c>
      <c r="AQ16" s="280">
        <v>1</v>
      </c>
      <c r="AR16" s="280">
        <v>2</v>
      </c>
      <c r="AS16" s="277">
        <v>8</v>
      </c>
      <c r="AT16" s="282">
        <v>9</v>
      </c>
      <c r="AU16" s="276">
        <v>5</v>
      </c>
      <c r="AV16" s="280">
        <v>4</v>
      </c>
      <c r="AW16" s="277">
        <v>9</v>
      </c>
      <c r="AX16" s="279">
        <v>0</v>
      </c>
      <c r="AY16" s="280">
        <v>16</v>
      </c>
      <c r="AZ16" s="280">
        <v>29</v>
      </c>
      <c r="BA16" s="280">
        <v>17</v>
      </c>
      <c r="BB16" s="280">
        <v>17</v>
      </c>
      <c r="BC16" s="280">
        <v>15</v>
      </c>
      <c r="BD16" s="281">
        <v>94</v>
      </c>
      <c r="BE16" s="282">
        <v>103</v>
      </c>
      <c r="BF16" s="276">
        <v>0</v>
      </c>
      <c r="BG16" s="280">
        <v>0</v>
      </c>
      <c r="BH16" s="277">
        <v>0</v>
      </c>
      <c r="BI16" s="279">
        <v>0</v>
      </c>
      <c r="BJ16" s="280">
        <v>19</v>
      </c>
      <c r="BK16" s="280">
        <v>17</v>
      </c>
      <c r="BL16" s="280">
        <v>7</v>
      </c>
      <c r="BM16" s="280">
        <v>3</v>
      </c>
      <c r="BN16" s="280">
        <v>1</v>
      </c>
      <c r="BO16" s="277">
        <v>47</v>
      </c>
      <c r="BP16" s="282">
        <v>47</v>
      </c>
      <c r="BQ16" s="276">
        <v>0</v>
      </c>
      <c r="BR16" s="280">
        <v>0</v>
      </c>
      <c r="BS16" s="277">
        <v>0</v>
      </c>
      <c r="BT16" s="279">
        <v>0</v>
      </c>
      <c r="BU16" s="280">
        <v>2</v>
      </c>
      <c r="BV16" s="280">
        <v>3</v>
      </c>
      <c r="BW16" s="280">
        <v>4</v>
      </c>
      <c r="BX16" s="280">
        <v>2</v>
      </c>
      <c r="BY16" s="280">
        <v>0</v>
      </c>
      <c r="BZ16" s="277">
        <v>11</v>
      </c>
      <c r="CA16" s="282">
        <v>11</v>
      </c>
      <c r="CB16" s="276">
        <v>0</v>
      </c>
      <c r="CC16" s="280">
        <v>1</v>
      </c>
      <c r="CD16" s="277">
        <v>1</v>
      </c>
      <c r="CE16" s="279">
        <v>0</v>
      </c>
      <c r="CF16" s="280">
        <v>2</v>
      </c>
      <c r="CG16" s="280">
        <v>5</v>
      </c>
      <c r="CH16" s="280">
        <v>2</v>
      </c>
      <c r="CI16" s="280">
        <v>1</v>
      </c>
      <c r="CJ16" s="280">
        <v>0</v>
      </c>
      <c r="CK16" s="277">
        <v>10</v>
      </c>
      <c r="CL16" s="282">
        <v>11</v>
      </c>
      <c r="CM16" s="276">
        <v>0</v>
      </c>
      <c r="CN16" s="280">
        <v>0</v>
      </c>
      <c r="CO16" s="277">
        <v>0</v>
      </c>
      <c r="CP16" s="279">
        <v>0</v>
      </c>
      <c r="CQ16" s="280">
        <v>0</v>
      </c>
      <c r="CR16" s="280">
        <v>0</v>
      </c>
      <c r="CS16" s="280">
        <v>1</v>
      </c>
      <c r="CT16" s="280">
        <v>1</v>
      </c>
      <c r="CU16" s="280">
        <v>0</v>
      </c>
      <c r="CV16" s="277">
        <v>2</v>
      </c>
      <c r="CW16" s="282">
        <v>2</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6</v>
      </c>
      <c r="DU16" s="280">
        <v>15</v>
      </c>
      <c r="DV16" s="277">
        <v>21</v>
      </c>
      <c r="DW16" s="279">
        <v>0</v>
      </c>
      <c r="DX16" s="280">
        <v>23</v>
      </c>
      <c r="DY16" s="280">
        <v>33</v>
      </c>
      <c r="DZ16" s="280">
        <v>19</v>
      </c>
      <c r="EA16" s="280">
        <v>13</v>
      </c>
      <c r="EB16" s="280">
        <v>13</v>
      </c>
      <c r="EC16" s="277">
        <v>101</v>
      </c>
      <c r="ED16" s="282">
        <v>122</v>
      </c>
      <c r="EE16" s="276">
        <v>5</v>
      </c>
      <c r="EF16" s="280">
        <v>2</v>
      </c>
      <c r="EG16" s="277">
        <v>7</v>
      </c>
      <c r="EH16" s="279">
        <v>0</v>
      </c>
      <c r="EI16" s="280">
        <v>9</v>
      </c>
      <c r="EJ16" s="280">
        <v>13</v>
      </c>
      <c r="EK16" s="280">
        <v>6</v>
      </c>
      <c r="EL16" s="280">
        <v>6</v>
      </c>
      <c r="EM16" s="280">
        <v>4</v>
      </c>
      <c r="EN16" s="277">
        <v>38</v>
      </c>
      <c r="EO16" s="282">
        <v>45</v>
      </c>
      <c r="EP16" s="276">
        <v>6</v>
      </c>
      <c r="EQ16" s="280">
        <v>17</v>
      </c>
      <c r="ER16" s="277">
        <v>23</v>
      </c>
      <c r="ES16" s="279">
        <v>0</v>
      </c>
      <c r="ET16" s="280">
        <v>56</v>
      </c>
      <c r="EU16" s="280">
        <v>55</v>
      </c>
      <c r="EV16" s="280">
        <v>27</v>
      </c>
      <c r="EW16" s="280">
        <v>15</v>
      </c>
      <c r="EX16" s="280">
        <v>13</v>
      </c>
      <c r="EY16" s="277">
        <v>166</v>
      </c>
      <c r="EZ16" s="282">
        <v>189</v>
      </c>
    </row>
    <row r="17" spans="2:156" ht="21" customHeight="1" x14ac:dyDescent="0.2">
      <c r="B17" s="261" t="s">
        <v>15</v>
      </c>
      <c r="C17" s="276">
        <v>0</v>
      </c>
      <c r="D17" s="280">
        <v>0</v>
      </c>
      <c r="E17" s="384">
        <v>0</v>
      </c>
      <c r="F17" s="279">
        <v>0</v>
      </c>
      <c r="G17" s="280">
        <v>4</v>
      </c>
      <c r="H17" s="280">
        <v>3</v>
      </c>
      <c r="I17" s="280">
        <v>0</v>
      </c>
      <c r="J17" s="280">
        <v>3</v>
      </c>
      <c r="K17" s="280">
        <v>3</v>
      </c>
      <c r="L17" s="281">
        <v>13</v>
      </c>
      <c r="M17" s="282">
        <v>13</v>
      </c>
      <c r="N17" s="276">
        <v>0</v>
      </c>
      <c r="O17" s="280">
        <v>0</v>
      </c>
      <c r="P17" s="277">
        <v>0</v>
      </c>
      <c r="Q17" s="279">
        <v>0</v>
      </c>
      <c r="R17" s="280">
        <v>0</v>
      </c>
      <c r="S17" s="280">
        <v>0</v>
      </c>
      <c r="T17" s="280">
        <v>0</v>
      </c>
      <c r="U17" s="280">
        <v>0</v>
      </c>
      <c r="V17" s="280">
        <v>3</v>
      </c>
      <c r="W17" s="277">
        <v>3</v>
      </c>
      <c r="X17" s="282">
        <v>3</v>
      </c>
      <c r="Y17" s="276">
        <v>0</v>
      </c>
      <c r="Z17" s="280">
        <v>1</v>
      </c>
      <c r="AA17" s="277">
        <v>1</v>
      </c>
      <c r="AB17" s="279">
        <v>0</v>
      </c>
      <c r="AC17" s="280">
        <v>1</v>
      </c>
      <c r="AD17" s="280">
        <v>1</v>
      </c>
      <c r="AE17" s="280">
        <v>0</v>
      </c>
      <c r="AF17" s="280">
        <v>5</v>
      </c>
      <c r="AG17" s="280">
        <v>2</v>
      </c>
      <c r="AH17" s="277">
        <v>9</v>
      </c>
      <c r="AI17" s="282">
        <v>10</v>
      </c>
      <c r="AJ17" s="276">
        <v>0</v>
      </c>
      <c r="AK17" s="280">
        <v>0</v>
      </c>
      <c r="AL17" s="277">
        <v>0</v>
      </c>
      <c r="AM17" s="279">
        <v>0</v>
      </c>
      <c r="AN17" s="280">
        <v>0</v>
      </c>
      <c r="AO17" s="280">
        <v>0</v>
      </c>
      <c r="AP17" s="280">
        <v>0</v>
      </c>
      <c r="AQ17" s="280">
        <v>1</v>
      </c>
      <c r="AR17" s="280">
        <v>1</v>
      </c>
      <c r="AS17" s="277">
        <v>2</v>
      </c>
      <c r="AT17" s="282">
        <v>2</v>
      </c>
      <c r="AU17" s="276">
        <v>0</v>
      </c>
      <c r="AV17" s="280">
        <v>2</v>
      </c>
      <c r="AW17" s="277">
        <v>2</v>
      </c>
      <c r="AX17" s="279">
        <v>0</v>
      </c>
      <c r="AY17" s="280">
        <v>2</v>
      </c>
      <c r="AZ17" s="280">
        <v>7</v>
      </c>
      <c r="BA17" s="280">
        <v>3</v>
      </c>
      <c r="BB17" s="280">
        <v>6</v>
      </c>
      <c r="BC17" s="280">
        <v>3</v>
      </c>
      <c r="BD17" s="281">
        <v>21</v>
      </c>
      <c r="BE17" s="282">
        <v>23</v>
      </c>
      <c r="BF17" s="276">
        <v>0</v>
      </c>
      <c r="BG17" s="280">
        <v>0</v>
      </c>
      <c r="BH17" s="277">
        <v>0</v>
      </c>
      <c r="BI17" s="279">
        <v>0</v>
      </c>
      <c r="BJ17" s="280">
        <v>4</v>
      </c>
      <c r="BK17" s="280">
        <v>1</v>
      </c>
      <c r="BL17" s="280">
        <v>1</v>
      </c>
      <c r="BM17" s="280">
        <v>2</v>
      </c>
      <c r="BN17" s="280">
        <v>0</v>
      </c>
      <c r="BO17" s="277">
        <v>8</v>
      </c>
      <c r="BP17" s="282">
        <v>8</v>
      </c>
      <c r="BQ17" s="276">
        <v>0</v>
      </c>
      <c r="BR17" s="280">
        <v>0</v>
      </c>
      <c r="BS17" s="277">
        <v>0</v>
      </c>
      <c r="BT17" s="279">
        <v>0</v>
      </c>
      <c r="BU17" s="280">
        <v>3</v>
      </c>
      <c r="BV17" s="280">
        <v>2</v>
      </c>
      <c r="BW17" s="280">
        <v>1</v>
      </c>
      <c r="BX17" s="280">
        <v>2</v>
      </c>
      <c r="BY17" s="280">
        <v>2</v>
      </c>
      <c r="BZ17" s="277">
        <v>10</v>
      </c>
      <c r="CA17" s="282">
        <v>10</v>
      </c>
      <c r="CB17" s="276">
        <v>0</v>
      </c>
      <c r="CC17" s="280">
        <v>0</v>
      </c>
      <c r="CD17" s="277">
        <v>0</v>
      </c>
      <c r="CE17" s="279">
        <v>0</v>
      </c>
      <c r="CF17" s="280">
        <v>0</v>
      </c>
      <c r="CG17" s="280">
        <v>0</v>
      </c>
      <c r="CH17" s="280">
        <v>0</v>
      </c>
      <c r="CI17" s="280">
        <v>4</v>
      </c>
      <c r="CJ17" s="280">
        <v>2</v>
      </c>
      <c r="CK17" s="277">
        <v>6</v>
      </c>
      <c r="CL17" s="282">
        <v>6</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1</v>
      </c>
      <c r="DU17" s="280">
        <v>3</v>
      </c>
      <c r="DV17" s="277">
        <v>4</v>
      </c>
      <c r="DW17" s="279">
        <v>0</v>
      </c>
      <c r="DX17" s="280">
        <v>10</v>
      </c>
      <c r="DY17" s="280">
        <v>10</v>
      </c>
      <c r="DZ17" s="280">
        <v>3</v>
      </c>
      <c r="EA17" s="280">
        <v>9</v>
      </c>
      <c r="EB17" s="280">
        <v>4</v>
      </c>
      <c r="EC17" s="277">
        <v>36</v>
      </c>
      <c r="ED17" s="282">
        <v>40</v>
      </c>
      <c r="EE17" s="276">
        <v>1</v>
      </c>
      <c r="EF17" s="280">
        <v>1</v>
      </c>
      <c r="EG17" s="277">
        <v>2</v>
      </c>
      <c r="EH17" s="279">
        <v>0</v>
      </c>
      <c r="EI17" s="280">
        <v>6</v>
      </c>
      <c r="EJ17" s="280">
        <v>4</v>
      </c>
      <c r="EK17" s="280">
        <v>2</v>
      </c>
      <c r="EL17" s="280">
        <v>2</v>
      </c>
      <c r="EM17" s="280">
        <v>1</v>
      </c>
      <c r="EN17" s="277">
        <v>15</v>
      </c>
      <c r="EO17" s="282">
        <v>17</v>
      </c>
      <c r="EP17" s="276">
        <v>1</v>
      </c>
      <c r="EQ17" s="280">
        <v>4</v>
      </c>
      <c r="ER17" s="277">
        <v>5</v>
      </c>
      <c r="ES17" s="279">
        <v>0</v>
      </c>
      <c r="ET17" s="280">
        <v>16</v>
      </c>
      <c r="EU17" s="280">
        <v>12</v>
      </c>
      <c r="EV17" s="280">
        <v>4</v>
      </c>
      <c r="EW17" s="280">
        <v>9</v>
      </c>
      <c r="EX17" s="280">
        <v>6</v>
      </c>
      <c r="EY17" s="277">
        <v>47</v>
      </c>
      <c r="EZ17" s="282">
        <v>52</v>
      </c>
    </row>
    <row r="18" spans="2:156" ht="21" customHeight="1" x14ac:dyDescent="0.2">
      <c r="B18" s="261" t="s">
        <v>16</v>
      </c>
      <c r="C18" s="276">
        <v>0</v>
      </c>
      <c r="D18" s="280">
        <v>0</v>
      </c>
      <c r="E18" s="384">
        <v>0</v>
      </c>
      <c r="F18" s="279">
        <v>0</v>
      </c>
      <c r="G18" s="280">
        <v>8</v>
      </c>
      <c r="H18" s="280">
        <v>16</v>
      </c>
      <c r="I18" s="280">
        <v>5</v>
      </c>
      <c r="J18" s="280">
        <v>4</v>
      </c>
      <c r="K18" s="280">
        <v>2</v>
      </c>
      <c r="L18" s="281">
        <v>35</v>
      </c>
      <c r="M18" s="282">
        <v>35</v>
      </c>
      <c r="N18" s="276">
        <v>0</v>
      </c>
      <c r="O18" s="280">
        <v>0</v>
      </c>
      <c r="P18" s="277">
        <v>0</v>
      </c>
      <c r="Q18" s="279">
        <v>0</v>
      </c>
      <c r="R18" s="280">
        <v>0</v>
      </c>
      <c r="S18" s="280">
        <v>1</v>
      </c>
      <c r="T18" s="280">
        <v>2</v>
      </c>
      <c r="U18" s="280">
        <v>1</v>
      </c>
      <c r="V18" s="280">
        <v>1</v>
      </c>
      <c r="W18" s="277">
        <v>5</v>
      </c>
      <c r="X18" s="282">
        <v>5</v>
      </c>
      <c r="Y18" s="276">
        <v>4</v>
      </c>
      <c r="Z18" s="280">
        <v>2</v>
      </c>
      <c r="AA18" s="277">
        <v>6</v>
      </c>
      <c r="AB18" s="279">
        <v>0</v>
      </c>
      <c r="AC18" s="280">
        <v>5</v>
      </c>
      <c r="AD18" s="280">
        <v>16</v>
      </c>
      <c r="AE18" s="280">
        <v>9</v>
      </c>
      <c r="AF18" s="280">
        <v>7</v>
      </c>
      <c r="AG18" s="280">
        <v>5</v>
      </c>
      <c r="AH18" s="277">
        <v>42</v>
      </c>
      <c r="AI18" s="282">
        <v>48</v>
      </c>
      <c r="AJ18" s="276">
        <v>0</v>
      </c>
      <c r="AK18" s="280">
        <v>0</v>
      </c>
      <c r="AL18" s="277">
        <v>0</v>
      </c>
      <c r="AM18" s="279">
        <v>0</v>
      </c>
      <c r="AN18" s="280">
        <v>1</v>
      </c>
      <c r="AO18" s="280">
        <v>0</v>
      </c>
      <c r="AP18" s="280">
        <v>2</v>
      </c>
      <c r="AQ18" s="280">
        <v>1</v>
      </c>
      <c r="AR18" s="280">
        <v>0</v>
      </c>
      <c r="AS18" s="277">
        <v>4</v>
      </c>
      <c r="AT18" s="282">
        <v>4</v>
      </c>
      <c r="AU18" s="276">
        <v>2</v>
      </c>
      <c r="AV18" s="280">
        <v>1</v>
      </c>
      <c r="AW18" s="277">
        <v>3</v>
      </c>
      <c r="AX18" s="279">
        <v>0</v>
      </c>
      <c r="AY18" s="280">
        <v>15</v>
      </c>
      <c r="AZ18" s="280">
        <v>15</v>
      </c>
      <c r="BA18" s="280">
        <v>18</v>
      </c>
      <c r="BB18" s="280">
        <v>17</v>
      </c>
      <c r="BC18" s="280">
        <v>13</v>
      </c>
      <c r="BD18" s="281">
        <v>78</v>
      </c>
      <c r="BE18" s="282">
        <v>81</v>
      </c>
      <c r="BF18" s="276">
        <v>0</v>
      </c>
      <c r="BG18" s="280">
        <v>0</v>
      </c>
      <c r="BH18" s="277">
        <v>0</v>
      </c>
      <c r="BI18" s="279">
        <v>0</v>
      </c>
      <c r="BJ18" s="280">
        <v>22</v>
      </c>
      <c r="BK18" s="280">
        <v>21</v>
      </c>
      <c r="BL18" s="280">
        <v>9</v>
      </c>
      <c r="BM18" s="280">
        <v>4</v>
      </c>
      <c r="BN18" s="280">
        <v>3</v>
      </c>
      <c r="BO18" s="277">
        <v>59</v>
      </c>
      <c r="BP18" s="282">
        <v>59</v>
      </c>
      <c r="BQ18" s="276">
        <v>0</v>
      </c>
      <c r="BR18" s="280">
        <v>3</v>
      </c>
      <c r="BS18" s="277">
        <v>3</v>
      </c>
      <c r="BT18" s="279">
        <v>0</v>
      </c>
      <c r="BU18" s="280">
        <v>9</v>
      </c>
      <c r="BV18" s="280">
        <v>18</v>
      </c>
      <c r="BW18" s="280">
        <v>9</v>
      </c>
      <c r="BX18" s="280">
        <v>2</v>
      </c>
      <c r="BY18" s="280">
        <v>1</v>
      </c>
      <c r="BZ18" s="277">
        <v>39</v>
      </c>
      <c r="CA18" s="282">
        <v>42</v>
      </c>
      <c r="CB18" s="276">
        <v>0</v>
      </c>
      <c r="CC18" s="280">
        <v>0</v>
      </c>
      <c r="CD18" s="277">
        <v>0</v>
      </c>
      <c r="CE18" s="279">
        <v>0</v>
      </c>
      <c r="CF18" s="280">
        <v>1</v>
      </c>
      <c r="CG18" s="280">
        <v>7</v>
      </c>
      <c r="CH18" s="280">
        <v>5</v>
      </c>
      <c r="CI18" s="280">
        <v>0</v>
      </c>
      <c r="CJ18" s="280">
        <v>1</v>
      </c>
      <c r="CK18" s="277">
        <v>14</v>
      </c>
      <c r="CL18" s="282">
        <v>14</v>
      </c>
      <c r="CM18" s="276">
        <v>0</v>
      </c>
      <c r="CN18" s="280">
        <v>0</v>
      </c>
      <c r="CO18" s="277">
        <v>0</v>
      </c>
      <c r="CP18" s="279">
        <v>0</v>
      </c>
      <c r="CQ18" s="280">
        <v>2</v>
      </c>
      <c r="CR18" s="280">
        <v>0</v>
      </c>
      <c r="CS18" s="280">
        <v>1</v>
      </c>
      <c r="CT18" s="280">
        <v>0</v>
      </c>
      <c r="CU18" s="280">
        <v>1</v>
      </c>
      <c r="CV18" s="277">
        <v>4</v>
      </c>
      <c r="CW18" s="282">
        <v>4</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2</v>
      </c>
      <c r="DV18" s="277">
        <v>21</v>
      </c>
      <c r="DW18" s="279">
        <v>0</v>
      </c>
      <c r="DX18" s="280">
        <v>23</v>
      </c>
      <c r="DY18" s="280">
        <v>43</v>
      </c>
      <c r="DZ18" s="280">
        <v>28</v>
      </c>
      <c r="EA18" s="280">
        <v>14</v>
      </c>
      <c r="EB18" s="280">
        <v>12</v>
      </c>
      <c r="EC18" s="277">
        <v>120</v>
      </c>
      <c r="ED18" s="282">
        <v>141</v>
      </c>
      <c r="EE18" s="276">
        <v>2</v>
      </c>
      <c r="EF18" s="280">
        <v>1</v>
      </c>
      <c r="EG18" s="277">
        <v>3</v>
      </c>
      <c r="EH18" s="279">
        <v>0</v>
      </c>
      <c r="EI18" s="280">
        <v>10</v>
      </c>
      <c r="EJ18" s="280">
        <v>7</v>
      </c>
      <c r="EK18" s="280">
        <v>12</v>
      </c>
      <c r="EL18" s="280">
        <v>12</v>
      </c>
      <c r="EM18" s="280">
        <v>9</v>
      </c>
      <c r="EN18" s="277">
        <v>50</v>
      </c>
      <c r="EO18" s="282">
        <v>53</v>
      </c>
      <c r="EP18" s="276">
        <v>13</v>
      </c>
      <c r="EQ18" s="280">
        <v>15</v>
      </c>
      <c r="ER18" s="277">
        <v>28</v>
      </c>
      <c r="ES18" s="279">
        <v>0</v>
      </c>
      <c r="ET18" s="280">
        <v>46</v>
      </c>
      <c r="EU18" s="280">
        <v>63</v>
      </c>
      <c r="EV18" s="280">
        <v>32</v>
      </c>
      <c r="EW18" s="280">
        <v>15</v>
      </c>
      <c r="EX18" s="280">
        <v>11</v>
      </c>
      <c r="EY18" s="277">
        <v>167</v>
      </c>
      <c r="EZ18" s="282">
        <v>195</v>
      </c>
    </row>
    <row r="19" spans="2:156" ht="21" customHeight="1" x14ac:dyDescent="0.2">
      <c r="B19" s="261" t="s">
        <v>17</v>
      </c>
      <c r="C19" s="276">
        <v>0</v>
      </c>
      <c r="D19" s="280">
        <v>0</v>
      </c>
      <c r="E19" s="384">
        <v>0</v>
      </c>
      <c r="F19" s="279">
        <v>0</v>
      </c>
      <c r="G19" s="280">
        <v>10</v>
      </c>
      <c r="H19" s="280">
        <v>17</v>
      </c>
      <c r="I19" s="280">
        <v>16</v>
      </c>
      <c r="J19" s="280">
        <v>3</v>
      </c>
      <c r="K19" s="280">
        <v>6</v>
      </c>
      <c r="L19" s="281">
        <v>52</v>
      </c>
      <c r="M19" s="282">
        <v>52</v>
      </c>
      <c r="N19" s="276">
        <v>0</v>
      </c>
      <c r="O19" s="280">
        <v>0</v>
      </c>
      <c r="P19" s="277">
        <v>0</v>
      </c>
      <c r="Q19" s="279">
        <v>0</v>
      </c>
      <c r="R19" s="280">
        <v>1</v>
      </c>
      <c r="S19" s="280">
        <v>0</v>
      </c>
      <c r="T19" s="280">
        <v>2</v>
      </c>
      <c r="U19" s="280">
        <v>3</v>
      </c>
      <c r="V19" s="280">
        <v>6</v>
      </c>
      <c r="W19" s="277">
        <v>12</v>
      </c>
      <c r="X19" s="282">
        <v>12</v>
      </c>
      <c r="Y19" s="276">
        <v>3</v>
      </c>
      <c r="Z19" s="280">
        <v>7</v>
      </c>
      <c r="AA19" s="277">
        <v>10</v>
      </c>
      <c r="AB19" s="279">
        <v>0</v>
      </c>
      <c r="AC19" s="280">
        <v>15</v>
      </c>
      <c r="AD19" s="280">
        <v>14</v>
      </c>
      <c r="AE19" s="280">
        <v>16</v>
      </c>
      <c r="AF19" s="280">
        <v>3</v>
      </c>
      <c r="AG19" s="280">
        <v>12</v>
      </c>
      <c r="AH19" s="277">
        <v>60</v>
      </c>
      <c r="AI19" s="282">
        <v>70</v>
      </c>
      <c r="AJ19" s="276">
        <v>1</v>
      </c>
      <c r="AK19" s="280">
        <v>1</v>
      </c>
      <c r="AL19" s="277">
        <v>2</v>
      </c>
      <c r="AM19" s="279">
        <v>0</v>
      </c>
      <c r="AN19" s="280">
        <v>1</v>
      </c>
      <c r="AO19" s="280">
        <v>0</v>
      </c>
      <c r="AP19" s="280">
        <v>1</v>
      </c>
      <c r="AQ19" s="280">
        <v>4</v>
      </c>
      <c r="AR19" s="280">
        <v>0</v>
      </c>
      <c r="AS19" s="277">
        <v>6</v>
      </c>
      <c r="AT19" s="282">
        <v>8</v>
      </c>
      <c r="AU19" s="276">
        <v>5</v>
      </c>
      <c r="AV19" s="280">
        <v>4</v>
      </c>
      <c r="AW19" s="277">
        <v>9</v>
      </c>
      <c r="AX19" s="279">
        <v>0</v>
      </c>
      <c r="AY19" s="280">
        <v>14</v>
      </c>
      <c r="AZ19" s="280">
        <v>21</v>
      </c>
      <c r="BA19" s="280">
        <v>23</v>
      </c>
      <c r="BB19" s="280">
        <v>27</v>
      </c>
      <c r="BC19" s="280">
        <v>25</v>
      </c>
      <c r="BD19" s="281">
        <v>110</v>
      </c>
      <c r="BE19" s="282">
        <v>119</v>
      </c>
      <c r="BF19" s="276">
        <v>0</v>
      </c>
      <c r="BG19" s="280">
        <v>0</v>
      </c>
      <c r="BH19" s="277">
        <v>0</v>
      </c>
      <c r="BI19" s="279">
        <v>0</v>
      </c>
      <c r="BJ19" s="280">
        <v>18</v>
      </c>
      <c r="BK19" s="280">
        <v>31</v>
      </c>
      <c r="BL19" s="280">
        <v>12</v>
      </c>
      <c r="BM19" s="280">
        <v>8</v>
      </c>
      <c r="BN19" s="280">
        <v>4</v>
      </c>
      <c r="BO19" s="277">
        <v>73</v>
      </c>
      <c r="BP19" s="282">
        <v>73</v>
      </c>
      <c r="BQ19" s="276">
        <v>3</v>
      </c>
      <c r="BR19" s="280">
        <v>5</v>
      </c>
      <c r="BS19" s="277">
        <v>8</v>
      </c>
      <c r="BT19" s="279">
        <v>0</v>
      </c>
      <c r="BU19" s="280">
        <v>7</v>
      </c>
      <c r="BV19" s="280">
        <v>11</v>
      </c>
      <c r="BW19" s="280">
        <v>6</v>
      </c>
      <c r="BX19" s="280">
        <v>3</v>
      </c>
      <c r="BY19" s="280">
        <v>1</v>
      </c>
      <c r="BZ19" s="277">
        <v>28</v>
      </c>
      <c r="CA19" s="282">
        <v>36</v>
      </c>
      <c r="CB19" s="276">
        <v>0</v>
      </c>
      <c r="CC19" s="280">
        <v>0</v>
      </c>
      <c r="CD19" s="277">
        <v>0</v>
      </c>
      <c r="CE19" s="279">
        <v>0</v>
      </c>
      <c r="CF19" s="280">
        <v>1</v>
      </c>
      <c r="CG19" s="280">
        <v>3</v>
      </c>
      <c r="CH19" s="280">
        <v>6</v>
      </c>
      <c r="CI19" s="280">
        <v>3</v>
      </c>
      <c r="CJ19" s="280">
        <v>3</v>
      </c>
      <c r="CK19" s="277">
        <v>16</v>
      </c>
      <c r="CL19" s="282">
        <v>16</v>
      </c>
      <c r="CM19" s="276">
        <v>0</v>
      </c>
      <c r="CN19" s="280">
        <v>0</v>
      </c>
      <c r="CO19" s="277">
        <v>0</v>
      </c>
      <c r="CP19" s="279">
        <v>0</v>
      </c>
      <c r="CQ19" s="280">
        <v>2</v>
      </c>
      <c r="CR19" s="280">
        <v>0</v>
      </c>
      <c r="CS19" s="280">
        <v>1</v>
      </c>
      <c r="CT19" s="280">
        <v>1</v>
      </c>
      <c r="CU19" s="280">
        <v>0</v>
      </c>
      <c r="CV19" s="277">
        <v>4</v>
      </c>
      <c r="CW19" s="282">
        <v>4</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7</v>
      </c>
      <c r="DU19" s="280">
        <v>21</v>
      </c>
      <c r="DV19" s="277">
        <v>38</v>
      </c>
      <c r="DW19" s="279">
        <v>0</v>
      </c>
      <c r="DX19" s="280">
        <v>28</v>
      </c>
      <c r="DY19" s="280">
        <v>53</v>
      </c>
      <c r="DZ19" s="280">
        <v>48</v>
      </c>
      <c r="EA19" s="280">
        <v>20</v>
      </c>
      <c r="EB19" s="280">
        <v>20</v>
      </c>
      <c r="EC19" s="277">
        <v>169</v>
      </c>
      <c r="ED19" s="282">
        <v>207</v>
      </c>
      <c r="EE19" s="276">
        <v>2</v>
      </c>
      <c r="EF19" s="280">
        <v>2</v>
      </c>
      <c r="EG19" s="277">
        <v>4</v>
      </c>
      <c r="EH19" s="279">
        <v>0</v>
      </c>
      <c r="EI19" s="280">
        <v>10</v>
      </c>
      <c r="EJ19" s="280">
        <v>7</v>
      </c>
      <c r="EK19" s="280">
        <v>7</v>
      </c>
      <c r="EL19" s="280">
        <v>16</v>
      </c>
      <c r="EM19" s="280">
        <v>9</v>
      </c>
      <c r="EN19" s="277">
        <v>49</v>
      </c>
      <c r="EO19" s="282">
        <v>53</v>
      </c>
      <c r="EP19" s="276">
        <v>22</v>
      </c>
      <c r="EQ19" s="280">
        <v>27</v>
      </c>
      <c r="ER19" s="277">
        <v>49</v>
      </c>
      <c r="ES19" s="279">
        <v>0</v>
      </c>
      <c r="ET19" s="280">
        <v>58</v>
      </c>
      <c r="EU19" s="280">
        <v>76</v>
      </c>
      <c r="EV19" s="280">
        <v>55</v>
      </c>
      <c r="EW19" s="280">
        <v>21</v>
      </c>
      <c r="EX19" s="280">
        <v>19</v>
      </c>
      <c r="EY19" s="277">
        <v>229</v>
      </c>
      <c r="EZ19" s="282">
        <v>278</v>
      </c>
    </row>
    <row r="20" spans="2:156" ht="21" customHeight="1" x14ac:dyDescent="0.2">
      <c r="B20" s="261" t="s">
        <v>18</v>
      </c>
      <c r="C20" s="276">
        <v>0</v>
      </c>
      <c r="D20" s="280">
        <v>0</v>
      </c>
      <c r="E20" s="384">
        <v>0</v>
      </c>
      <c r="F20" s="279">
        <v>0</v>
      </c>
      <c r="G20" s="280">
        <v>27</v>
      </c>
      <c r="H20" s="280">
        <v>31</v>
      </c>
      <c r="I20" s="280">
        <v>13</v>
      </c>
      <c r="J20" s="280">
        <v>16</v>
      </c>
      <c r="K20" s="280">
        <v>12</v>
      </c>
      <c r="L20" s="281">
        <v>99</v>
      </c>
      <c r="M20" s="282">
        <v>99</v>
      </c>
      <c r="N20" s="276">
        <v>0</v>
      </c>
      <c r="O20" s="280">
        <v>0</v>
      </c>
      <c r="P20" s="277">
        <v>0</v>
      </c>
      <c r="Q20" s="279">
        <v>0</v>
      </c>
      <c r="R20" s="280">
        <v>0</v>
      </c>
      <c r="S20" s="280">
        <v>0</v>
      </c>
      <c r="T20" s="280">
        <v>3</v>
      </c>
      <c r="U20" s="280">
        <v>3</v>
      </c>
      <c r="V20" s="280">
        <v>3</v>
      </c>
      <c r="W20" s="277">
        <v>9</v>
      </c>
      <c r="X20" s="282">
        <v>9</v>
      </c>
      <c r="Y20" s="276">
        <v>7</v>
      </c>
      <c r="Z20" s="280">
        <v>6</v>
      </c>
      <c r="AA20" s="277">
        <v>13</v>
      </c>
      <c r="AB20" s="279">
        <v>0</v>
      </c>
      <c r="AC20" s="280">
        <v>20</v>
      </c>
      <c r="AD20" s="280">
        <v>33</v>
      </c>
      <c r="AE20" s="280">
        <v>13</v>
      </c>
      <c r="AF20" s="280">
        <v>12</v>
      </c>
      <c r="AG20" s="280">
        <v>13</v>
      </c>
      <c r="AH20" s="277">
        <v>91</v>
      </c>
      <c r="AI20" s="282">
        <v>104</v>
      </c>
      <c r="AJ20" s="276">
        <v>1</v>
      </c>
      <c r="AK20" s="280">
        <v>0</v>
      </c>
      <c r="AL20" s="277">
        <v>1</v>
      </c>
      <c r="AM20" s="279">
        <v>0</v>
      </c>
      <c r="AN20" s="280">
        <v>1</v>
      </c>
      <c r="AO20" s="280">
        <v>4</v>
      </c>
      <c r="AP20" s="280">
        <v>3</v>
      </c>
      <c r="AQ20" s="280">
        <v>1</v>
      </c>
      <c r="AR20" s="280">
        <v>1</v>
      </c>
      <c r="AS20" s="277">
        <v>10</v>
      </c>
      <c r="AT20" s="282">
        <v>11</v>
      </c>
      <c r="AU20" s="276">
        <v>4</v>
      </c>
      <c r="AV20" s="280">
        <v>4</v>
      </c>
      <c r="AW20" s="277">
        <v>8</v>
      </c>
      <c r="AX20" s="279">
        <v>0</v>
      </c>
      <c r="AY20" s="280">
        <v>32</v>
      </c>
      <c r="AZ20" s="280">
        <v>34</v>
      </c>
      <c r="BA20" s="280">
        <v>28</v>
      </c>
      <c r="BB20" s="280">
        <v>25</v>
      </c>
      <c r="BC20" s="280">
        <v>33</v>
      </c>
      <c r="BD20" s="281">
        <v>152</v>
      </c>
      <c r="BE20" s="282">
        <v>160</v>
      </c>
      <c r="BF20" s="276">
        <v>0</v>
      </c>
      <c r="BG20" s="280">
        <v>0</v>
      </c>
      <c r="BH20" s="277">
        <v>0</v>
      </c>
      <c r="BI20" s="279">
        <v>0</v>
      </c>
      <c r="BJ20" s="280">
        <v>32</v>
      </c>
      <c r="BK20" s="280">
        <v>49</v>
      </c>
      <c r="BL20" s="280">
        <v>13</v>
      </c>
      <c r="BM20" s="280">
        <v>10</v>
      </c>
      <c r="BN20" s="280">
        <v>6</v>
      </c>
      <c r="BO20" s="277">
        <v>110</v>
      </c>
      <c r="BP20" s="282">
        <v>110</v>
      </c>
      <c r="BQ20" s="276">
        <v>5</v>
      </c>
      <c r="BR20" s="280">
        <v>6</v>
      </c>
      <c r="BS20" s="277">
        <v>11</v>
      </c>
      <c r="BT20" s="279">
        <v>0</v>
      </c>
      <c r="BU20" s="280">
        <v>11</v>
      </c>
      <c r="BV20" s="280">
        <v>14</v>
      </c>
      <c r="BW20" s="280">
        <v>4</v>
      </c>
      <c r="BX20" s="280">
        <v>7</v>
      </c>
      <c r="BY20" s="280">
        <v>3</v>
      </c>
      <c r="BZ20" s="277">
        <v>39</v>
      </c>
      <c r="CA20" s="282">
        <v>50</v>
      </c>
      <c r="CB20" s="276">
        <v>0</v>
      </c>
      <c r="CC20" s="280">
        <v>0</v>
      </c>
      <c r="CD20" s="277">
        <v>0</v>
      </c>
      <c r="CE20" s="279">
        <v>0</v>
      </c>
      <c r="CF20" s="280">
        <v>0</v>
      </c>
      <c r="CG20" s="280">
        <v>9</v>
      </c>
      <c r="CH20" s="280">
        <v>7</v>
      </c>
      <c r="CI20" s="280">
        <v>8</v>
      </c>
      <c r="CJ20" s="280">
        <v>5</v>
      </c>
      <c r="CK20" s="277">
        <v>29</v>
      </c>
      <c r="CL20" s="282">
        <v>29</v>
      </c>
      <c r="CM20" s="276">
        <v>0</v>
      </c>
      <c r="CN20" s="280">
        <v>0</v>
      </c>
      <c r="CO20" s="277">
        <v>0</v>
      </c>
      <c r="CP20" s="279">
        <v>0</v>
      </c>
      <c r="CQ20" s="280">
        <v>0</v>
      </c>
      <c r="CR20" s="280">
        <v>1</v>
      </c>
      <c r="CS20" s="280">
        <v>0</v>
      </c>
      <c r="CT20" s="280">
        <v>0</v>
      </c>
      <c r="CU20" s="280">
        <v>0</v>
      </c>
      <c r="CV20" s="277">
        <v>1</v>
      </c>
      <c r="CW20" s="282">
        <v>1</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4</v>
      </c>
      <c r="DU20" s="280">
        <v>22</v>
      </c>
      <c r="DV20" s="277">
        <v>36</v>
      </c>
      <c r="DW20" s="279">
        <v>0</v>
      </c>
      <c r="DX20" s="280">
        <v>42</v>
      </c>
      <c r="DY20" s="280">
        <v>66</v>
      </c>
      <c r="DZ20" s="280">
        <v>42</v>
      </c>
      <c r="EA20" s="280">
        <v>33</v>
      </c>
      <c r="EB20" s="280">
        <v>28</v>
      </c>
      <c r="EC20" s="277">
        <v>211</v>
      </c>
      <c r="ED20" s="282">
        <v>247</v>
      </c>
      <c r="EE20" s="276">
        <v>3</v>
      </c>
      <c r="EF20" s="280">
        <v>2</v>
      </c>
      <c r="EG20" s="277">
        <v>5</v>
      </c>
      <c r="EH20" s="279">
        <v>0</v>
      </c>
      <c r="EI20" s="280">
        <v>15</v>
      </c>
      <c r="EJ20" s="280">
        <v>16</v>
      </c>
      <c r="EK20" s="280">
        <v>7</v>
      </c>
      <c r="EL20" s="280">
        <v>10</v>
      </c>
      <c r="EM20" s="280">
        <v>12</v>
      </c>
      <c r="EN20" s="277">
        <v>60</v>
      </c>
      <c r="EO20" s="282">
        <v>65</v>
      </c>
      <c r="EP20" s="276">
        <v>22</v>
      </c>
      <c r="EQ20" s="280">
        <v>27</v>
      </c>
      <c r="ER20" s="277">
        <v>49</v>
      </c>
      <c r="ES20" s="279">
        <v>0</v>
      </c>
      <c r="ET20" s="280">
        <v>94</v>
      </c>
      <c r="EU20" s="280">
        <v>104</v>
      </c>
      <c r="EV20" s="280">
        <v>53</v>
      </c>
      <c r="EW20" s="280">
        <v>38</v>
      </c>
      <c r="EX20" s="280">
        <v>26</v>
      </c>
      <c r="EY20" s="277">
        <v>315</v>
      </c>
      <c r="EZ20" s="282">
        <v>364</v>
      </c>
    </row>
    <row r="21" spans="2:156" ht="21" customHeight="1" x14ac:dyDescent="0.2">
      <c r="B21" s="261" t="s">
        <v>19</v>
      </c>
      <c r="C21" s="276">
        <v>0</v>
      </c>
      <c r="D21" s="280">
        <v>0</v>
      </c>
      <c r="E21" s="384">
        <v>0</v>
      </c>
      <c r="F21" s="279">
        <v>0</v>
      </c>
      <c r="G21" s="280">
        <v>6</v>
      </c>
      <c r="H21" s="280">
        <v>6</v>
      </c>
      <c r="I21" s="280">
        <v>3</v>
      </c>
      <c r="J21" s="280">
        <v>6</v>
      </c>
      <c r="K21" s="280">
        <v>4</v>
      </c>
      <c r="L21" s="281">
        <v>25</v>
      </c>
      <c r="M21" s="282">
        <v>25</v>
      </c>
      <c r="N21" s="276">
        <v>0</v>
      </c>
      <c r="O21" s="280">
        <v>0</v>
      </c>
      <c r="P21" s="277">
        <v>0</v>
      </c>
      <c r="Q21" s="279">
        <v>0</v>
      </c>
      <c r="R21" s="280">
        <v>0</v>
      </c>
      <c r="S21" s="280">
        <v>1</v>
      </c>
      <c r="T21" s="280">
        <v>1</v>
      </c>
      <c r="U21" s="280">
        <v>1</v>
      </c>
      <c r="V21" s="280">
        <v>2</v>
      </c>
      <c r="W21" s="277">
        <v>5</v>
      </c>
      <c r="X21" s="282">
        <v>5</v>
      </c>
      <c r="Y21" s="276">
        <v>3</v>
      </c>
      <c r="Z21" s="280">
        <v>2</v>
      </c>
      <c r="AA21" s="277">
        <v>5</v>
      </c>
      <c r="AB21" s="279">
        <v>0</v>
      </c>
      <c r="AC21" s="280">
        <v>12</v>
      </c>
      <c r="AD21" s="280">
        <v>8</v>
      </c>
      <c r="AE21" s="280">
        <v>5</v>
      </c>
      <c r="AF21" s="280">
        <v>11</v>
      </c>
      <c r="AG21" s="280">
        <v>4</v>
      </c>
      <c r="AH21" s="277">
        <v>40</v>
      </c>
      <c r="AI21" s="282">
        <v>45</v>
      </c>
      <c r="AJ21" s="276">
        <v>1</v>
      </c>
      <c r="AK21" s="280">
        <v>0</v>
      </c>
      <c r="AL21" s="277">
        <v>1</v>
      </c>
      <c r="AM21" s="279">
        <v>0</v>
      </c>
      <c r="AN21" s="280">
        <v>2</v>
      </c>
      <c r="AO21" s="280">
        <v>0</v>
      </c>
      <c r="AP21" s="280">
        <v>1</v>
      </c>
      <c r="AQ21" s="280">
        <v>0</v>
      </c>
      <c r="AR21" s="280">
        <v>0</v>
      </c>
      <c r="AS21" s="277">
        <v>3</v>
      </c>
      <c r="AT21" s="282">
        <v>4</v>
      </c>
      <c r="AU21" s="276">
        <v>1</v>
      </c>
      <c r="AV21" s="280">
        <v>3</v>
      </c>
      <c r="AW21" s="277">
        <v>4</v>
      </c>
      <c r="AX21" s="279">
        <v>0</v>
      </c>
      <c r="AY21" s="280">
        <v>14</v>
      </c>
      <c r="AZ21" s="280">
        <v>16</v>
      </c>
      <c r="BA21" s="280">
        <v>7</v>
      </c>
      <c r="BB21" s="280">
        <v>16</v>
      </c>
      <c r="BC21" s="280">
        <v>6</v>
      </c>
      <c r="BD21" s="281">
        <v>59</v>
      </c>
      <c r="BE21" s="282">
        <v>63</v>
      </c>
      <c r="BF21" s="276">
        <v>0</v>
      </c>
      <c r="BG21" s="280">
        <v>0</v>
      </c>
      <c r="BH21" s="277">
        <v>0</v>
      </c>
      <c r="BI21" s="279">
        <v>0</v>
      </c>
      <c r="BJ21" s="280">
        <v>11</v>
      </c>
      <c r="BK21" s="280">
        <v>9</v>
      </c>
      <c r="BL21" s="280">
        <v>4</v>
      </c>
      <c r="BM21" s="280">
        <v>4</v>
      </c>
      <c r="BN21" s="280">
        <v>3</v>
      </c>
      <c r="BO21" s="277">
        <v>31</v>
      </c>
      <c r="BP21" s="282">
        <v>31</v>
      </c>
      <c r="BQ21" s="276">
        <v>0</v>
      </c>
      <c r="BR21" s="280">
        <v>5</v>
      </c>
      <c r="BS21" s="277">
        <v>5</v>
      </c>
      <c r="BT21" s="279">
        <v>0</v>
      </c>
      <c r="BU21" s="280">
        <v>8</v>
      </c>
      <c r="BV21" s="280">
        <v>3</v>
      </c>
      <c r="BW21" s="280">
        <v>5</v>
      </c>
      <c r="BX21" s="280">
        <v>5</v>
      </c>
      <c r="BY21" s="280">
        <v>1</v>
      </c>
      <c r="BZ21" s="277">
        <v>22</v>
      </c>
      <c r="CA21" s="282">
        <v>27</v>
      </c>
      <c r="CB21" s="276">
        <v>0</v>
      </c>
      <c r="CC21" s="280">
        <v>1</v>
      </c>
      <c r="CD21" s="277">
        <v>1</v>
      </c>
      <c r="CE21" s="279">
        <v>0</v>
      </c>
      <c r="CF21" s="280">
        <v>1</v>
      </c>
      <c r="CG21" s="280">
        <v>3</v>
      </c>
      <c r="CH21" s="280">
        <v>1</v>
      </c>
      <c r="CI21" s="280">
        <v>1</v>
      </c>
      <c r="CJ21" s="280">
        <v>1</v>
      </c>
      <c r="CK21" s="277">
        <v>7</v>
      </c>
      <c r="CL21" s="282">
        <v>8</v>
      </c>
      <c r="CM21" s="276">
        <v>0</v>
      </c>
      <c r="CN21" s="280">
        <v>0</v>
      </c>
      <c r="CO21" s="277">
        <v>0</v>
      </c>
      <c r="CP21" s="279">
        <v>0</v>
      </c>
      <c r="CQ21" s="280">
        <v>0</v>
      </c>
      <c r="CR21" s="280">
        <v>0</v>
      </c>
      <c r="CS21" s="280">
        <v>1</v>
      </c>
      <c r="CT21" s="280">
        <v>1</v>
      </c>
      <c r="CU21" s="280">
        <v>0</v>
      </c>
      <c r="CV21" s="277">
        <v>2</v>
      </c>
      <c r="CW21" s="282">
        <v>2</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6</v>
      </c>
      <c r="DU21" s="280">
        <v>10</v>
      </c>
      <c r="DV21" s="277">
        <v>16</v>
      </c>
      <c r="DW21" s="279">
        <v>0</v>
      </c>
      <c r="DX21" s="280">
        <v>18</v>
      </c>
      <c r="DY21" s="280">
        <v>17</v>
      </c>
      <c r="DZ21" s="280">
        <v>16</v>
      </c>
      <c r="EA21" s="280">
        <v>16</v>
      </c>
      <c r="EB21" s="280">
        <v>5</v>
      </c>
      <c r="EC21" s="277">
        <v>72</v>
      </c>
      <c r="ED21" s="282">
        <v>88</v>
      </c>
      <c r="EE21" s="276">
        <v>0</v>
      </c>
      <c r="EF21" s="280">
        <v>3</v>
      </c>
      <c r="EG21" s="277">
        <v>3</v>
      </c>
      <c r="EH21" s="279">
        <v>0</v>
      </c>
      <c r="EI21" s="280">
        <v>8</v>
      </c>
      <c r="EJ21" s="280">
        <v>8</v>
      </c>
      <c r="EK21" s="280">
        <v>2</v>
      </c>
      <c r="EL21" s="280">
        <v>4</v>
      </c>
      <c r="EM21" s="280">
        <v>1</v>
      </c>
      <c r="EN21" s="277">
        <v>23</v>
      </c>
      <c r="EO21" s="282">
        <v>26</v>
      </c>
      <c r="EP21" s="276">
        <v>8</v>
      </c>
      <c r="EQ21" s="280">
        <v>14</v>
      </c>
      <c r="ER21" s="277">
        <v>22</v>
      </c>
      <c r="ES21" s="279">
        <v>0</v>
      </c>
      <c r="ET21" s="280">
        <v>39</v>
      </c>
      <c r="EU21" s="280">
        <v>28</v>
      </c>
      <c r="EV21" s="280">
        <v>16</v>
      </c>
      <c r="EW21" s="280">
        <v>16</v>
      </c>
      <c r="EX21" s="280">
        <v>7</v>
      </c>
      <c r="EY21" s="277">
        <v>106</v>
      </c>
      <c r="EZ21" s="282">
        <v>128</v>
      </c>
    </row>
    <row r="22" spans="2:156" ht="21" customHeight="1" x14ac:dyDescent="0.2">
      <c r="B22" s="261" t="s">
        <v>20</v>
      </c>
      <c r="C22" s="276">
        <v>0</v>
      </c>
      <c r="D22" s="280">
        <v>0</v>
      </c>
      <c r="E22" s="384">
        <v>0</v>
      </c>
      <c r="F22" s="279">
        <v>0</v>
      </c>
      <c r="G22" s="280">
        <v>13</v>
      </c>
      <c r="H22" s="280">
        <v>11</v>
      </c>
      <c r="I22" s="280">
        <v>8</v>
      </c>
      <c r="J22" s="280">
        <v>6</v>
      </c>
      <c r="K22" s="280">
        <v>5</v>
      </c>
      <c r="L22" s="281">
        <v>43</v>
      </c>
      <c r="M22" s="282">
        <v>43</v>
      </c>
      <c r="N22" s="276">
        <v>0</v>
      </c>
      <c r="O22" s="280">
        <v>0</v>
      </c>
      <c r="P22" s="277">
        <v>0</v>
      </c>
      <c r="Q22" s="279">
        <v>0</v>
      </c>
      <c r="R22" s="280">
        <v>0</v>
      </c>
      <c r="S22" s="280">
        <v>1</v>
      </c>
      <c r="T22" s="280">
        <v>0</v>
      </c>
      <c r="U22" s="280">
        <v>2</v>
      </c>
      <c r="V22" s="280">
        <v>2</v>
      </c>
      <c r="W22" s="277">
        <v>5</v>
      </c>
      <c r="X22" s="282">
        <v>5</v>
      </c>
      <c r="Y22" s="276">
        <v>4</v>
      </c>
      <c r="Z22" s="280">
        <v>4</v>
      </c>
      <c r="AA22" s="277">
        <v>8</v>
      </c>
      <c r="AB22" s="279">
        <v>0</v>
      </c>
      <c r="AC22" s="280">
        <v>16</v>
      </c>
      <c r="AD22" s="280">
        <v>16</v>
      </c>
      <c r="AE22" s="280">
        <v>10</v>
      </c>
      <c r="AF22" s="280">
        <v>2</v>
      </c>
      <c r="AG22" s="280">
        <v>1</v>
      </c>
      <c r="AH22" s="277">
        <v>45</v>
      </c>
      <c r="AI22" s="282">
        <v>53</v>
      </c>
      <c r="AJ22" s="276">
        <v>0</v>
      </c>
      <c r="AK22" s="280">
        <v>3</v>
      </c>
      <c r="AL22" s="277">
        <v>3</v>
      </c>
      <c r="AM22" s="279">
        <v>0</v>
      </c>
      <c r="AN22" s="280">
        <v>6</v>
      </c>
      <c r="AO22" s="280">
        <v>7</v>
      </c>
      <c r="AP22" s="280">
        <v>1</v>
      </c>
      <c r="AQ22" s="280">
        <v>2</v>
      </c>
      <c r="AR22" s="280">
        <v>1</v>
      </c>
      <c r="AS22" s="277">
        <v>17</v>
      </c>
      <c r="AT22" s="282">
        <v>20</v>
      </c>
      <c r="AU22" s="276">
        <v>2</v>
      </c>
      <c r="AV22" s="280">
        <v>2</v>
      </c>
      <c r="AW22" s="277">
        <v>4</v>
      </c>
      <c r="AX22" s="279">
        <v>0</v>
      </c>
      <c r="AY22" s="280">
        <v>11</v>
      </c>
      <c r="AZ22" s="280">
        <v>15</v>
      </c>
      <c r="BA22" s="280">
        <v>7</v>
      </c>
      <c r="BB22" s="280">
        <v>12</v>
      </c>
      <c r="BC22" s="280">
        <v>8</v>
      </c>
      <c r="BD22" s="281">
        <v>53</v>
      </c>
      <c r="BE22" s="282">
        <v>57</v>
      </c>
      <c r="BF22" s="276">
        <v>0</v>
      </c>
      <c r="BG22" s="280">
        <v>0</v>
      </c>
      <c r="BH22" s="277">
        <v>0</v>
      </c>
      <c r="BI22" s="279">
        <v>0</v>
      </c>
      <c r="BJ22" s="280">
        <v>13</v>
      </c>
      <c r="BK22" s="280">
        <v>10</v>
      </c>
      <c r="BL22" s="280">
        <v>9</v>
      </c>
      <c r="BM22" s="280">
        <v>3</v>
      </c>
      <c r="BN22" s="280">
        <v>2</v>
      </c>
      <c r="BO22" s="277">
        <v>37</v>
      </c>
      <c r="BP22" s="282">
        <v>37</v>
      </c>
      <c r="BQ22" s="276">
        <v>1</v>
      </c>
      <c r="BR22" s="280">
        <v>2</v>
      </c>
      <c r="BS22" s="277">
        <v>3</v>
      </c>
      <c r="BT22" s="279">
        <v>0</v>
      </c>
      <c r="BU22" s="280">
        <v>8</v>
      </c>
      <c r="BV22" s="280">
        <v>13</v>
      </c>
      <c r="BW22" s="280">
        <v>5</v>
      </c>
      <c r="BX22" s="280">
        <v>4</v>
      </c>
      <c r="BY22" s="280">
        <v>2</v>
      </c>
      <c r="BZ22" s="277">
        <v>32</v>
      </c>
      <c r="CA22" s="282">
        <v>35</v>
      </c>
      <c r="CB22" s="276">
        <v>0</v>
      </c>
      <c r="CC22" s="280">
        <v>1</v>
      </c>
      <c r="CD22" s="277">
        <v>1</v>
      </c>
      <c r="CE22" s="279">
        <v>0</v>
      </c>
      <c r="CF22" s="280">
        <v>4</v>
      </c>
      <c r="CG22" s="280">
        <v>1</v>
      </c>
      <c r="CH22" s="280">
        <v>6</v>
      </c>
      <c r="CI22" s="280">
        <v>6</v>
      </c>
      <c r="CJ22" s="280">
        <v>0</v>
      </c>
      <c r="CK22" s="277">
        <v>17</v>
      </c>
      <c r="CL22" s="282">
        <v>18</v>
      </c>
      <c r="CM22" s="276">
        <v>0</v>
      </c>
      <c r="CN22" s="280">
        <v>0</v>
      </c>
      <c r="CO22" s="277">
        <v>0</v>
      </c>
      <c r="CP22" s="279">
        <v>0</v>
      </c>
      <c r="CQ22" s="280">
        <v>0</v>
      </c>
      <c r="CR22" s="280">
        <v>1</v>
      </c>
      <c r="CS22" s="280">
        <v>1</v>
      </c>
      <c r="CT22" s="280">
        <v>1</v>
      </c>
      <c r="CU22" s="280">
        <v>0</v>
      </c>
      <c r="CV22" s="277">
        <v>3</v>
      </c>
      <c r="CW22" s="282">
        <v>3</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8</v>
      </c>
      <c r="DU22" s="280">
        <v>21</v>
      </c>
      <c r="DV22" s="277">
        <v>29</v>
      </c>
      <c r="DW22" s="279">
        <v>0</v>
      </c>
      <c r="DX22" s="280">
        <v>30</v>
      </c>
      <c r="DY22" s="280">
        <v>33</v>
      </c>
      <c r="DZ22" s="280">
        <v>21</v>
      </c>
      <c r="EA22" s="280">
        <v>12</v>
      </c>
      <c r="EB22" s="280">
        <v>7</v>
      </c>
      <c r="EC22" s="277">
        <v>103</v>
      </c>
      <c r="ED22" s="282">
        <v>132</v>
      </c>
      <c r="EE22" s="276">
        <v>2</v>
      </c>
      <c r="EF22" s="280">
        <v>1</v>
      </c>
      <c r="EG22" s="277">
        <v>3</v>
      </c>
      <c r="EH22" s="279">
        <v>0</v>
      </c>
      <c r="EI22" s="280">
        <v>1</v>
      </c>
      <c r="EJ22" s="280">
        <v>4</v>
      </c>
      <c r="EK22" s="280">
        <v>3</v>
      </c>
      <c r="EL22" s="280">
        <v>6</v>
      </c>
      <c r="EM22" s="280">
        <v>3</v>
      </c>
      <c r="EN22" s="277">
        <v>17</v>
      </c>
      <c r="EO22" s="282">
        <v>20</v>
      </c>
      <c r="EP22" s="276">
        <v>13</v>
      </c>
      <c r="EQ22" s="280">
        <v>27</v>
      </c>
      <c r="ER22" s="277">
        <v>40</v>
      </c>
      <c r="ES22" s="279">
        <v>0</v>
      </c>
      <c r="ET22" s="280">
        <v>53</v>
      </c>
      <c r="EU22" s="280">
        <v>45</v>
      </c>
      <c r="EV22" s="280">
        <v>24</v>
      </c>
      <c r="EW22" s="280">
        <v>15</v>
      </c>
      <c r="EX22" s="280">
        <v>7</v>
      </c>
      <c r="EY22" s="277">
        <v>144</v>
      </c>
      <c r="EZ22" s="282">
        <v>184</v>
      </c>
    </row>
    <row r="23" spans="2:156" ht="21" customHeight="1" x14ac:dyDescent="0.2">
      <c r="B23" s="261" t="s">
        <v>21</v>
      </c>
      <c r="C23" s="276">
        <v>0</v>
      </c>
      <c r="D23" s="280">
        <v>0</v>
      </c>
      <c r="E23" s="384">
        <v>0</v>
      </c>
      <c r="F23" s="279">
        <v>0</v>
      </c>
      <c r="G23" s="280">
        <v>12</v>
      </c>
      <c r="H23" s="280">
        <v>13</v>
      </c>
      <c r="I23" s="280">
        <v>6</v>
      </c>
      <c r="J23" s="280">
        <v>6</v>
      </c>
      <c r="K23" s="280">
        <v>7</v>
      </c>
      <c r="L23" s="281">
        <v>44</v>
      </c>
      <c r="M23" s="282">
        <v>44</v>
      </c>
      <c r="N23" s="276">
        <v>0</v>
      </c>
      <c r="O23" s="280">
        <v>0</v>
      </c>
      <c r="P23" s="277">
        <v>0</v>
      </c>
      <c r="Q23" s="279">
        <v>0</v>
      </c>
      <c r="R23" s="280">
        <v>0</v>
      </c>
      <c r="S23" s="280">
        <v>1</v>
      </c>
      <c r="T23" s="280">
        <v>1</v>
      </c>
      <c r="U23" s="280">
        <v>1</v>
      </c>
      <c r="V23" s="280">
        <v>3</v>
      </c>
      <c r="W23" s="277">
        <v>6</v>
      </c>
      <c r="X23" s="282">
        <v>6</v>
      </c>
      <c r="Y23" s="276">
        <v>4</v>
      </c>
      <c r="Z23" s="280">
        <v>2</v>
      </c>
      <c r="AA23" s="277">
        <v>6</v>
      </c>
      <c r="AB23" s="279">
        <v>0</v>
      </c>
      <c r="AC23" s="280">
        <v>9</v>
      </c>
      <c r="AD23" s="280">
        <v>8</v>
      </c>
      <c r="AE23" s="280">
        <v>6</v>
      </c>
      <c r="AF23" s="280">
        <v>4</v>
      </c>
      <c r="AG23" s="280">
        <v>6</v>
      </c>
      <c r="AH23" s="277">
        <v>33</v>
      </c>
      <c r="AI23" s="282">
        <v>39</v>
      </c>
      <c r="AJ23" s="276">
        <v>1</v>
      </c>
      <c r="AK23" s="280">
        <v>0</v>
      </c>
      <c r="AL23" s="277">
        <v>1</v>
      </c>
      <c r="AM23" s="279">
        <v>0</v>
      </c>
      <c r="AN23" s="280">
        <v>0</v>
      </c>
      <c r="AO23" s="280">
        <v>1</v>
      </c>
      <c r="AP23" s="280">
        <v>0</v>
      </c>
      <c r="AQ23" s="280">
        <v>2</v>
      </c>
      <c r="AR23" s="280">
        <v>1</v>
      </c>
      <c r="AS23" s="277">
        <v>4</v>
      </c>
      <c r="AT23" s="282">
        <v>5</v>
      </c>
      <c r="AU23" s="276">
        <v>4</v>
      </c>
      <c r="AV23" s="280">
        <v>2</v>
      </c>
      <c r="AW23" s="277">
        <v>6</v>
      </c>
      <c r="AX23" s="279">
        <v>0</v>
      </c>
      <c r="AY23" s="280">
        <v>15</v>
      </c>
      <c r="AZ23" s="280">
        <v>17</v>
      </c>
      <c r="BA23" s="280">
        <v>13</v>
      </c>
      <c r="BB23" s="280">
        <v>14</v>
      </c>
      <c r="BC23" s="280">
        <v>6</v>
      </c>
      <c r="BD23" s="281">
        <v>65</v>
      </c>
      <c r="BE23" s="282">
        <v>71</v>
      </c>
      <c r="BF23" s="276">
        <v>0</v>
      </c>
      <c r="BG23" s="280">
        <v>0</v>
      </c>
      <c r="BH23" s="277">
        <v>0</v>
      </c>
      <c r="BI23" s="279">
        <v>0</v>
      </c>
      <c r="BJ23" s="280">
        <v>18</v>
      </c>
      <c r="BK23" s="280">
        <v>11</v>
      </c>
      <c r="BL23" s="280">
        <v>5</v>
      </c>
      <c r="BM23" s="280">
        <v>6</v>
      </c>
      <c r="BN23" s="280">
        <v>4</v>
      </c>
      <c r="BO23" s="277">
        <v>44</v>
      </c>
      <c r="BP23" s="282">
        <v>44</v>
      </c>
      <c r="BQ23" s="276">
        <v>1</v>
      </c>
      <c r="BR23" s="280">
        <v>0</v>
      </c>
      <c r="BS23" s="277">
        <v>1</v>
      </c>
      <c r="BT23" s="279">
        <v>0</v>
      </c>
      <c r="BU23" s="280">
        <v>0</v>
      </c>
      <c r="BV23" s="280">
        <v>4</v>
      </c>
      <c r="BW23" s="280">
        <v>0</v>
      </c>
      <c r="BX23" s="280">
        <v>0</v>
      </c>
      <c r="BY23" s="280">
        <v>2</v>
      </c>
      <c r="BZ23" s="277">
        <v>6</v>
      </c>
      <c r="CA23" s="282">
        <v>7</v>
      </c>
      <c r="CB23" s="276">
        <v>0</v>
      </c>
      <c r="CC23" s="280">
        <v>1</v>
      </c>
      <c r="CD23" s="277">
        <v>1</v>
      </c>
      <c r="CE23" s="279">
        <v>0</v>
      </c>
      <c r="CF23" s="280">
        <v>4</v>
      </c>
      <c r="CG23" s="280">
        <v>1</v>
      </c>
      <c r="CH23" s="280">
        <v>4</v>
      </c>
      <c r="CI23" s="280">
        <v>2</v>
      </c>
      <c r="CJ23" s="280">
        <v>3</v>
      </c>
      <c r="CK23" s="277">
        <v>14</v>
      </c>
      <c r="CL23" s="282">
        <v>15</v>
      </c>
      <c r="CM23" s="276">
        <v>0</v>
      </c>
      <c r="CN23" s="280">
        <v>0</v>
      </c>
      <c r="CO23" s="277">
        <v>0</v>
      </c>
      <c r="CP23" s="279">
        <v>0</v>
      </c>
      <c r="CQ23" s="280">
        <v>0</v>
      </c>
      <c r="CR23" s="280">
        <v>0</v>
      </c>
      <c r="CS23" s="280">
        <v>0</v>
      </c>
      <c r="CT23" s="280">
        <v>1</v>
      </c>
      <c r="CU23" s="280">
        <v>0</v>
      </c>
      <c r="CV23" s="277">
        <v>1</v>
      </c>
      <c r="CW23" s="282">
        <v>1</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0</v>
      </c>
      <c r="DU23" s="280">
        <v>9</v>
      </c>
      <c r="DV23" s="277">
        <v>19</v>
      </c>
      <c r="DW23" s="279">
        <v>0</v>
      </c>
      <c r="DX23" s="280">
        <v>13</v>
      </c>
      <c r="DY23" s="280">
        <v>34</v>
      </c>
      <c r="DZ23" s="280">
        <v>9</v>
      </c>
      <c r="EA23" s="280">
        <v>15</v>
      </c>
      <c r="EB23" s="280">
        <v>6</v>
      </c>
      <c r="EC23" s="277">
        <v>77</v>
      </c>
      <c r="ED23" s="282">
        <v>96</v>
      </c>
      <c r="EE23" s="276">
        <v>2</v>
      </c>
      <c r="EF23" s="280">
        <v>1</v>
      </c>
      <c r="EG23" s="277">
        <v>3</v>
      </c>
      <c r="EH23" s="279">
        <v>0</v>
      </c>
      <c r="EI23" s="280">
        <v>7</v>
      </c>
      <c r="EJ23" s="280">
        <v>3</v>
      </c>
      <c r="EK23" s="280">
        <v>7</v>
      </c>
      <c r="EL23" s="280">
        <v>5</v>
      </c>
      <c r="EM23" s="280">
        <v>0</v>
      </c>
      <c r="EN23" s="277">
        <v>22</v>
      </c>
      <c r="EO23" s="282">
        <v>25</v>
      </c>
      <c r="EP23" s="276">
        <v>15</v>
      </c>
      <c r="EQ23" s="280">
        <v>12</v>
      </c>
      <c r="ER23" s="277">
        <v>27</v>
      </c>
      <c r="ES23" s="279">
        <v>0</v>
      </c>
      <c r="ET23" s="280">
        <v>46</v>
      </c>
      <c r="EU23" s="280">
        <v>41</v>
      </c>
      <c r="EV23" s="280">
        <v>17</v>
      </c>
      <c r="EW23" s="280">
        <v>13</v>
      </c>
      <c r="EX23" s="280">
        <v>10</v>
      </c>
      <c r="EY23" s="277">
        <v>127</v>
      </c>
      <c r="EZ23" s="282">
        <v>154</v>
      </c>
    </row>
    <row r="24" spans="2:156" ht="21" customHeight="1" x14ac:dyDescent="0.2">
      <c r="B24" s="261" t="s">
        <v>22</v>
      </c>
      <c r="C24" s="276">
        <v>0</v>
      </c>
      <c r="D24" s="280">
        <v>0</v>
      </c>
      <c r="E24" s="384">
        <v>0</v>
      </c>
      <c r="F24" s="279">
        <v>0</v>
      </c>
      <c r="G24" s="280">
        <v>4</v>
      </c>
      <c r="H24" s="280">
        <v>0</v>
      </c>
      <c r="I24" s="280">
        <v>3</v>
      </c>
      <c r="J24" s="280">
        <v>2</v>
      </c>
      <c r="K24" s="280">
        <v>2</v>
      </c>
      <c r="L24" s="281">
        <v>11</v>
      </c>
      <c r="M24" s="282">
        <v>11</v>
      </c>
      <c r="N24" s="276">
        <v>0</v>
      </c>
      <c r="O24" s="280">
        <v>0</v>
      </c>
      <c r="P24" s="277">
        <v>0</v>
      </c>
      <c r="Q24" s="279">
        <v>0</v>
      </c>
      <c r="R24" s="280">
        <v>0</v>
      </c>
      <c r="S24" s="280">
        <v>0</v>
      </c>
      <c r="T24" s="280">
        <v>0</v>
      </c>
      <c r="U24" s="280">
        <v>0</v>
      </c>
      <c r="V24" s="280">
        <v>3</v>
      </c>
      <c r="W24" s="277">
        <v>3</v>
      </c>
      <c r="X24" s="282">
        <v>3</v>
      </c>
      <c r="Y24" s="276">
        <v>0</v>
      </c>
      <c r="Z24" s="280">
        <v>1</v>
      </c>
      <c r="AA24" s="277">
        <v>1</v>
      </c>
      <c r="AB24" s="279">
        <v>0</v>
      </c>
      <c r="AC24" s="280">
        <v>5</v>
      </c>
      <c r="AD24" s="280">
        <v>2</v>
      </c>
      <c r="AE24" s="280">
        <v>1</v>
      </c>
      <c r="AF24" s="280">
        <v>4</v>
      </c>
      <c r="AG24" s="280">
        <v>3</v>
      </c>
      <c r="AH24" s="277">
        <v>15</v>
      </c>
      <c r="AI24" s="282">
        <v>16</v>
      </c>
      <c r="AJ24" s="276">
        <v>0</v>
      </c>
      <c r="AK24" s="280">
        <v>0</v>
      </c>
      <c r="AL24" s="277">
        <v>0</v>
      </c>
      <c r="AM24" s="279">
        <v>0</v>
      </c>
      <c r="AN24" s="280">
        <v>2</v>
      </c>
      <c r="AO24" s="280">
        <v>1</v>
      </c>
      <c r="AP24" s="280">
        <v>0</v>
      </c>
      <c r="AQ24" s="280">
        <v>1</v>
      </c>
      <c r="AR24" s="280">
        <v>0</v>
      </c>
      <c r="AS24" s="277">
        <v>4</v>
      </c>
      <c r="AT24" s="282">
        <v>4</v>
      </c>
      <c r="AU24" s="276">
        <v>0</v>
      </c>
      <c r="AV24" s="280">
        <v>0</v>
      </c>
      <c r="AW24" s="277">
        <v>0</v>
      </c>
      <c r="AX24" s="279">
        <v>0</v>
      </c>
      <c r="AY24" s="280">
        <v>6</v>
      </c>
      <c r="AZ24" s="280">
        <v>3</v>
      </c>
      <c r="BA24" s="280">
        <v>2</v>
      </c>
      <c r="BB24" s="280">
        <v>7</v>
      </c>
      <c r="BC24" s="280">
        <v>3</v>
      </c>
      <c r="BD24" s="281">
        <v>21</v>
      </c>
      <c r="BE24" s="282">
        <v>21</v>
      </c>
      <c r="BF24" s="276">
        <v>0</v>
      </c>
      <c r="BG24" s="280">
        <v>0</v>
      </c>
      <c r="BH24" s="277">
        <v>0</v>
      </c>
      <c r="BI24" s="279">
        <v>0</v>
      </c>
      <c r="BJ24" s="280">
        <v>10</v>
      </c>
      <c r="BK24" s="280">
        <v>4</v>
      </c>
      <c r="BL24" s="280">
        <v>1</v>
      </c>
      <c r="BM24" s="280">
        <v>2</v>
      </c>
      <c r="BN24" s="280">
        <v>3</v>
      </c>
      <c r="BO24" s="277">
        <v>20</v>
      </c>
      <c r="BP24" s="282">
        <v>20</v>
      </c>
      <c r="BQ24" s="276">
        <v>0</v>
      </c>
      <c r="BR24" s="280">
        <v>0</v>
      </c>
      <c r="BS24" s="277">
        <v>0</v>
      </c>
      <c r="BT24" s="279">
        <v>0</v>
      </c>
      <c r="BU24" s="280">
        <v>1</v>
      </c>
      <c r="BV24" s="280">
        <v>0</v>
      </c>
      <c r="BW24" s="280">
        <v>1</v>
      </c>
      <c r="BX24" s="280">
        <v>1</v>
      </c>
      <c r="BY24" s="280">
        <v>0</v>
      </c>
      <c r="BZ24" s="277">
        <v>3</v>
      </c>
      <c r="CA24" s="282">
        <v>3</v>
      </c>
      <c r="CB24" s="276">
        <v>0</v>
      </c>
      <c r="CC24" s="280">
        <v>0</v>
      </c>
      <c r="CD24" s="277">
        <v>0</v>
      </c>
      <c r="CE24" s="279">
        <v>0</v>
      </c>
      <c r="CF24" s="280">
        <v>2</v>
      </c>
      <c r="CG24" s="280">
        <v>0</v>
      </c>
      <c r="CH24" s="280">
        <v>1</v>
      </c>
      <c r="CI24" s="280">
        <v>1</v>
      </c>
      <c r="CJ24" s="280">
        <v>0</v>
      </c>
      <c r="CK24" s="277">
        <v>4</v>
      </c>
      <c r="CL24" s="282">
        <v>4</v>
      </c>
      <c r="CM24" s="276">
        <v>0</v>
      </c>
      <c r="CN24" s="280">
        <v>0</v>
      </c>
      <c r="CO24" s="277">
        <v>0</v>
      </c>
      <c r="CP24" s="279">
        <v>0</v>
      </c>
      <c r="CQ24" s="280">
        <v>0</v>
      </c>
      <c r="CR24" s="280">
        <v>0</v>
      </c>
      <c r="CS24" s="280">
        <v>1</v>
      </c>
      <c r="CT24" s="280">
        <v>0</v>
      </c>
      <c r="CU24" s="280">
        <v>0</v>
      </c>
      <c r="CV24" s="277">
        <v>1</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v>
      </c>
      <c r="DU24" s="280">
        <v>3</v>
      </c>
      <c r="DV24" s="277">
        <v>7</v>
      </c>
      <c r="DW24" s="279">
        <v>0</v>
      </c>
      <c r="DX24" s="280">
        <v>14</v>
      </c>
      <c r="DY24" s="280">
        <v>4</v>
      </c>
      <c r="DZ24" s="280">
        <v>5</v>
      </c>
      <c r="EA24" s="280">
        <v>6</v>
      </c>
      <c r="EB24" s="280">
        <v>4</v>
      </c>
      <c r="EC24" s="277">
        <v>33</v>
      </c>
      <c r="ED24" s="282">
        <v>40</v>
      </c>
      <c r="EE24" s="276">
        <v>1</v>
      </c>
      <c r="EF24" s="280">
        <v>0</v>
      </c>
      <c r="EG24" s="277">
        <v>1</v>
      </c>
      <c r="EH24" s="279">
        <v>0</v>
      </c>
      <c r="EI24" s="280">
        <v>3</v>
      </c>
      <c r="EJ24" s="280">
        <v>3</v>
      </c>
      <c r="EK24" s="280">
        <v>2</v>
      </c>
      <c r="EL24" s="280">
        <v>4</v>
      </c>
      <c r="EM24" s="280">
        <v>2</v>
      </c>
      <c r="EN24" s="277">
        <v>14</v>
      </c>
      <c r="EO24" s="282">
        <v>15</v>
      </c>
      <c r="EP24" s="276">
        <v>3</v>
      </c>
      <c r="EQ24" s="280">
        <v>3</v>
      </c>
      <c r="ER24" s="277">
        <v>6</v>
      </c>
      <c r="ES24" s="279">
        <v>0</v>
      </c>
      <c r="ET24" s="280">
        <v>24</v>
      </c>
      <c r="EU24" s="280">
        <v>6</v>
      </c>
      <c r="EV24" s="280">
        <v>7</v>
      </c>
      <c r="EW24" s="280">
        <v>7</v>
      </c>
      <c r="EX24" s="280">
        <v>6</v>
      </c>
      <c r="EY24" s="277">
        <v>50</v>
      </c>
      <c r="EZ24" s="282">
        <v>56</v>
      </c>
    </row>
    <row r="25" spans="2:156" ht="21" customHeight="1" x14ac:dyDescent="0.2">
      <c r="B25" s="261" t="s">
        <v>23</v>
      </c>
      <c r="C25" s="276">
        <v>0</v>
      </c>
      <c r="D25" s="280">
        <v>0</v>
      </c>
      <c r="E25" s="384">
        <v>0</v>
      </c>
      <c r="F25" s="279">
        <v>0</v>
      </c>
      <c r="G25" s="280">
        <v>1</v>
      </c>
      <c r="H25" s="280">
        <v>7</v>
      </c>
      <c r="I25" s="280">
        <v>3</v>
      </c>
      <c r="J25" s="280">
        <v>2</v>
      </c>
      <c r="K25" s="280">
        <v>0</v>
      </c>
      <c r="L25" s="281">
        <v>13</v>
      </c>
      <c r="M25" s="282">
        <v>13</v>
      </c>
      <c r="N25" s="276">
        <v>0</v>
      </c>
      <c r="O25" s="280">
        <v>0</v>
      </c>
      <c r="P25" s="277">
        <v>0</v>
      </c>
      <c r="Q25" s="279">
        <v>0</v>
      </c>
      <c r="R25" s="280">
        <v>1</v>
      </c>
      <c r="S25" s="280">
        <v>0</v>
      </c>
      <c r="T25" s="280">
        <v>0</v>
      </c>
      <c r="U25" s="280">
        <v>0</v>
      </c>
      <c r="V25" s="280">
        <v>1</v>
      </c>
      <c r="W25" s="277">
        <v>2</v>
      </c>
      <c r="X25" s="282">
        <v>2</v>
      </c>
      <c r="Y25" s="276">
        <v>3</v>
      </c>
      <c r="Z25" s="280">
        <v>1</v>
      </c>
      <c r="AA25" s="277">
        <v>4</v>
      </c>
      <c r="AB25" s="279">
        <v>0</v>
      </c>
      <c r="AC25" s="280">
        <v>5</v>
      </c>
      <c r="AD25" s="280">
        <v>6</v>
      </c>
      <c r="AE25" s="280">
        <v>3</v>
      </c>
      <c r="AF25" s="280">
        <v>2</v>
      </c>
      <c r="AG25" s="280">
        <v>1</v>
      </c>
      <c r="AH25" s="277">
        <v>17</v>
      </c>
      <c r="AI25" s="282">
        <v>21</v>
      </c>
      <c r="AJ25" s="276">
        <v>0</v>
      </c>
      <c r="AK25" s="280">
        <v>1</v>
      </c>
      <c r="AL25" s="277">
        <v>1</v>
      </c>
      <c r="AM25" s="279">
        <v>0</v>
      </c>
      <c r="AN25" s="280">
        <v>0</v>
      </c>
      <c r="AO25" s="280">
        <v>2</v>
      </c>
      <c r="AP25" s="280">
        <v>0</v>
      </c>
      <c r="AQ25" s="280">
        <v>1</v>
      </c>
      <c r="AR25" s="280">
        <v>0</v>
      </c>
      <c r="AS25" s="277">
        <v>3</v>
      </c>
      <c r="AT25" s="282">
        <v>4</v>
      </c>
      <c r="AU25" s="276">
        <v>0</v>
      </c>
      <c r="AV25" s="280">
        <v>0</v>
      </c>
      <c r="AW25" s="277">
        <v>0</v>
      </c>
      <c r="AX25" s="279">
        <v>0</v>
      </c>
      <c r="AY25" s="280">
        <v>4</v>
      </c>
      <c r="AZ25" s="280">
        <v>3</v>
      </c>
      <c r="BA25" s="280">
        <v>5</v>
      </c>
      <c r="BB25" s="280">
        <v>15</v>
      </c>
      <c r="BC25" s="280">
        <v>7</v>
      </c>
      <c r="BD25" s="281">
        <v>34</v>
      </c>
      <c r="BE25" s="282">
        <v>34</v>
      </c>
      <c r="BF25" s="276">
        <v>0</v>
      </c>
      <c r="BG25" s="280">
        <v>0</v>
      </c>
      <c r="BH25" s="277">
        <v>0</v>
      </c>
      <c r="BI25" s="279">
        <v>0</v>
      </c>
      <c r="BJ25" s="280">
        <v>7</v>
      </c>
      <c r="BK25" s="280">
        <v>16</v>
      </c>
      <c r="BL25" s="280">
        <v>3</v>
      </c>
      <c r="BM25" s="280">
        <v>4</v>
      </c>
      <c r="BN25" s="280">
        <v>0</v>
      </c>
      <c r="BO25" s="277">
        <v>30</v>
      </c>
      <c r="BP25" s="282">
        <v>30</v>
      </c>
      <c r="BQ25" s="276">
        <v>0</v>
      </c>
      <c r="BR25" s="280">
        <v>0</v>
      </c>
      <c r="BS25" s="277">
        <v>0</v>
      </c>
      <c r="BT25" s="279">
        <v>0</v>
      </c>
      <c r="BU25" s="280">
        <v>3</v>
      </c>
      <c r="BV25" s="280">
        <v>2</v>
      </c>
      <c r="BW25" s="280">
        <v>4</v>
      </c>
      <c r="BX25" s="280">
        <v>2</v>
      </c>
      <c r="BY25" s="280">
        <v>0</v>
      </c>
      <c r="BZ25" s="277">
        <v>11</v>
      </c>
      <c r="CA25" s="282">
        <v>11</v>
      </c>
      <c r="CB25" s="276">
        <v>0</v>
      </c>
      <c r="CC25" s="280">
        <v>0</v>
      </c>
      <c r="CD25" s="277">
        <v>0</v>
      </c>
      <c r="CE25" s="279">
        <v>0</v>
      </c>
      <c r="CF25" s="280">
        <v>1</v>
      </c>
      <c r="CG25" s="280">
        <v>2</v>
      </c>
      <c r="CH25" s="280">
        <v>0</v>
      </c>
      <c r="CI25" s="280">
        <v>1</v>
      </c>
      <c r="CJ25" s="280">
        <v>0</v>
      </c>
      <c r="CK25" s="277">
        <v>4</v>
      </c>
      <c r="CL25" s="282">
        <v>4</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5</v>
      </c>
      <c r="DV25" s="277">
        <v>9</v>
      </c>
      <c r="DW25" s="279">
        <v>0</v>
      </c>
      <c r="DX25" s="280">
        <v>12</v>
      </c>
      <c r="DY25" s="280">
        <v>18</v>
      </c>
      <c r="DZ25" s="280">
        <v>7</v>
      </c>
      <c r="EA25" s="280">
        <v>8</v>
      </c>
      <c r="EB25" s="280">
        <v>2</v>
      </c>
      <c r="EC25" s="277">
        <v>47</v>
      </c>
      <c r="ED25" s="282">
        <v>56</v>
      </c>
      <c r="EE25" s="276">
        <v>0</v>
      </c>
      <c r="EF25" s="280">
        <v>0</v>
      </c>
      <c r="EG25" s="277">
        <v>0</v>
      </c>
      <c r="EH25" s="279">
        <v>0</v>
      </c>
      <c r="EI25" s="280">
        <v>4</v>
      </c>
      <c r="EJ25" s="280">
        <v>0</v>
      </c>
      <c r="EK25" s="280">
        <v>1</v>
      </c>
      <c r="EL25" s="280">
        <v>13</v>
      </c>
      <c r="EM25" s="280">
        <v>5</v>
      </c>
      <c r="EN25" s="277">
        <v>23</v>
      </c>
      <c r="EO25" s="282">
        <v>23</v>
      </c>
      <c r="EP25" s="276">
        <v>5</v>
      </c>
      <c r="EQ25" s="280">
        <v>7</v>
      </c>
      <c r="ER25" s="277">
        <v>12</v>
      </c>
      <c r="ES25" s="279">
        <v>0</v>
      </c>
      <c r="ET25" s="280">
        <v>19</v>
      </c>
      <c r="EU25" s="280">
        <v>28</v>
      </c>
      <c r="EV25" s="280">
        <v>13</v>
      </c>
      <c r="EW25" s="280">
        <v>9</v>
      </c>
      <c r="EX25" s="280">
        <v>2</v>
      </c>
      <c r="EY25" s="277">
        <v>71</v>
      </c>
      <c r="EZ25" s="282">
        <v>83</v>
      </c>
    </row>
    <row r="26" spans="2:156" ht="21" customHeight="1" x14ac:dyDescent="0.2">
      <c r="B26" s="261" t="s">
        <v>24</v>
      </c>
      <c r="C26" s="276">
        <v>0</v>
      </c>
      <c r="D26" s="280">
        <v>0</v>
      </c>
      <c r="E26" s="384">
        <v>0</v>
      </c>
      <c r="F26" s="279">
        <v>0</v>
      </c>
      <c r="G26" s="280">
        <v>6</v>
      </c>
      <c r="H26" s="280">
        <v>6</v>
      </c>
      <c r="I26" s="280">
        <v>4</v>
      </c>
      <c r="J26" s="280">
        <v>2</v>
      </c>
      <c r="K26" s="280">
        <v>6</v>
      </c>
      <c r="L26" s="281">
        <v>24</v>
      </c>
      <c r="M26" s="282">
        <v>24</v>
      </c>
      <c r="N26" s="276">
        <v>0</v>
      </c>
      <c r="O26" s="280">
        <v>0</v>
      </c>
      <c r="P26" s="277">
        <v>0</v>
      </c>
      <c r="Q26" s="279">
        <v>0</v>
      </c>
      <c r="R26" s="280">
        <v>0</v>
      </c>
      <c r="S26" s="280">
        <v>0</v>
      </c>
      <c r="T26" s="280">
        <v>0</v>
      </c>
      <c r="U26" s="280">
        <v>0</v>
      </c>
      <c r="V26" s="280">
        <v>2</v>
      </c>
      <c r="W26" s="277">
        <v>2</v>
      </c>
      <c r="X26" s="282">
        <v>2</v>
      </c>
      <c r="Y26" s="276">
        <v>1</v>
      </c>
      <c r="Z26" s="280">
        <v>2</v>
      </c>
      <c r="AA26" s="277">
        <v>3</v>
      </c>
      <c r="AB26" s="279">
        <v>0</v>
      </c>
      <c r="AC26" s="280">
        <v>5</v>
      </c>
      <c r="AD26" s="280">
        <v>2</v>
      </c>
      <c r="AE26" s="280">
        <v>6</v>
      </c>
      <c r="AF26" s="280">
        <v>2</v>
      </c>
      <c r="AG26" s="280">
        <v>3</v>
      </c>
      <c r="AH26" s="277">
        <v>18</v>
      </c>
      <c r="AI26" s="282">
        <v>21</v>
      </c>
      <c r="AJ26" s="276">
        <v>0</v>
      </c>
      <c r="AK26" s="280">
        <v>0</v>
      </c>
      <c r="AL26" s="277">
        <v>0</v>
      </c>
      <c r="AM26" s="279">
        <v>0</v>
      </c>
      <c r="AN26" s="280">
        <v>0</v>
      </c>
      <c r="AO26" s="280">
        <v>0</v>
      </c>
      <c r="AP26" s="280">
        <v>0</v>
      </c>
      <c r="AQ26" s="280">
        <v>0</v>
      </c>
      <c r="AR26" s="280">
        <v>1</v>
      </c>
      <c r="AS26" s="277">
        <v>1</v>
      </c>
      <c r="AT26" s="282">
        <v>1</v>
      </c>
      <c r="AU26" s="276">
        <v>4</v>
      </c>
      <c r="AV26" s="280">
        <v>2</v>
      </c>
      <c r="AW26" s="277">
        <v>6</v>
      </c>
      <c r="AX26" s="279">
        <v>0</v>
      </c>
      <c r="AY26" s="280">
        <v>10</v>
      </c>
      <c r="AZ26" s="280">
        <v>8</v>
      </c>
      <c r="BA26" s="280">
        <v>8</v>
      </c>
      <c r="BB26" s="280">
        <v>8</v>
      </c>
      <c r="BC26" s="280">
        <v>13</v>
      </c>
      <c r="BD26" s="281">
        <v>47</v>
      </c>
      <c r="BE26" s="282">
        <v>53</v>
      </c>
      <c r="BF26" s="276">
        <v>0</v>
      </c>
      <c r="BG26" s="280">
        <v>0</v>
      </c>
      <c r="BH26" s="277">
        <v>0</v>
      </c>
      <c r="BI26" s="279">
        <v>0</v>
      </c>
      <c r="BJ26" s="280">
        <v>12</v>
      </c>
      <c r="BK26" s="280">
        <v>6</v>
      </c>
      <c r="BL26" s="280">
        <v>3</v>
      </c>
      <c r="BM26" s="280">
        <v>1</v>
      </c>
      <c r="BN26" s="280">
        <v>2</v>
      </c>
      <c r="BO26" s="277">
        <v>24</v>
      </c>
      <c r="BP26" s="282">
        <v>24</v>
      </c>
      <c r="BQ26" s="276">
        <v>1</v>
      </c>
      <c r="BR26" s="280">
        <v>0</v>
      </c>
      <c r="BS26" s="277">
        <v>1</v>
      </c>
      <c r="BT26" s="279">
        <v>0</v>
      </c>
      <c r="BU26" s="280">
        <v>4</v>
      </c>
      <c r="BV26" s="280">
        <v>6</v>
      </c>
      <c r="BW26" s="280">
        <v>2</v>
      </c>
      <c r="BX26" s="280">
        <v>0</v>
      </c>
      <c r="BY26" s="280">
        <v>2</v>
      </c>
      <c r="BZ26" s="277">
        <v>14</v>
      </c>
      <c r="CA26" s="282">
        <v>15</v>
      </c>
      <c r="CB26" s="276">
        <v>1</v>
      </c>
      <c r="CC26" s="280">
        <v>1</v>
      </c>
      <c r="CD26" s="277">
        <v>2</v>
      </c>
      <c r="CE26" s="279">
        <v>0</v>
      </c>
      <c r="CF26" s="280">
        <v>0</v>
      </c>
      <c r="CG26" s="280">
        <v>2</v>
      </c>
      <c r="CH26" s="280">
        <v>1</v>
      </c>
      <c r="CI26" s="280">
        <v>0</v>
      </c>
      <c r="CJ26" s="280">
        <v>1</v>
      </c>
      <c r="CK26" s="277">
        <v>4</v>
      </c>
      <c r="CL26" s="282">
        <v>6</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7</v>
      </c>
      <c r="DU26" s="280">
        <v>9</v>
      </c>
      <c r="DV26" s="277">
        <v>16</v>
      </c>
      <c r="DW26" s="279">
        <v>0</v>
      </c>
      <c r="DX26" s="280">
        <v>10</v>
      </c>
      <c r="DY26" s="280">
        <v>15</v>
      </c>
      <c r="DZ26" s="280">
        <v>10</v>
      </c>
      <c r="EA26" s="280">
        <v>4</v>
      </c>
      <c r="EB26" s="280">
        <v>8</v>
      </c>
      <c r="EC26" s="277">
        <v>47</v>
      </c>
      <c r="ED26" s="282">
        <v>63</v>
      </c>
      <c r="EE26" s="276">
        <v>2</v>
      </c>
      <c r="EF26" s="280">
        <v>3</v>
      </c>
      <c r="EG26" s="277">
        <v>5</v>
      </c>
      <c r="EH26" s="279">
        <v>0</v>
      </c>
      <c r="EI26" s="280">
        <v>7</v>
      </c>
      <c r="EJ26" s="280">
        <v>7</v>
      </c>
      <c r="EK26" s="280">
        <v>3</v>
      </c>
      <c r="EL26" s="280">
        <v>4</v>
      </c>
      <c r="EM26" s="280">
        <v>4</v>
      </c>
      <c r="EN26" s="277">
        <v>25</v>
      </c>
      <c r="EO26" s="282">
        <v>30</v>
      </c>
      <c r="EP26" s="276">
        <v>9</v>
      </c>
      <c r="EQ26" s="280">
        <v>11</v>
      </c>
      <c r="ER26" s="277">
        <v>20</v>
      </c>
      <c r="ES26" s="279">
        <v>0</v>
      </c>
      <c r="ET26" s="280">
        <v>22</v>
      </c>
      <c r="EU26" s="280">
        <v>19</v>
      </c>
      <c r="EV26" s="280">
        <v>11</v>
      </c>
      <c r="EW26" s="280">
        <v>4</v>
      </c>
      <c r="EX26" s="280">
        <v>8</v>
      </c>
      <c r="EY26" s="277">
        <v>64</v>
      </c>
      <c r="EZ26" s="282">
        <v>84</v>
      </c>
    </row>
    <row r="27" spans="2:156" ht="21" customHeight="1" x14ac:dyDescent="0.2">
      <c r="B27" s="261" t="s">
        <v>25</v>
      </c>
      <c r="C27" s="276">
        <v>0</v>
      </c>
      <c r="D27" s="280">
        <v>0</v>
      </c>
      <c r="E27" s="384">
        <v>0</v>
      </c>
      <c r="F27" s="279">
        <v>0</v>
      </c>
      <c r="G27" s="280">
        <v>2</v>
      </c>
      <c r="H27" s="280">
        <v>3</v>
      </c>
      <c r="I27" s="280">
        <v>2</v>
      </c>
      <c r="J27" s="280">
        <v>1</v>
      </c>
      <c r="K27" s="280">
        <v>1</v>
      </c>
      <c r="L27" s="281">
        <v>9</v>
      </c>
      <c r="M27" s="282">
        <v>9</v>
      </c>
      <c r="N27" s="276">
        <v>0</v>
      </c>
      <c r="O27" s="280">
        <v>0</v>
      </c>
      <c r="P27" s="277">
        <v>0</v>
      </c>
      <c r="Q27" s="279">
        <v>0</v>
      </c>
      <c r="R27" s="280">
        <v>0</v>
      </c>
      <c r="S27" s="280">
        <v>1</v>
      </c>
      <c r="T27" s="280">
        <v>0</v>
      </c>
      <c r="U27" s="280">
        <v>2</v>
      </c>
      <c r="V27" s="280">
        <v>2</v>
      </c>
      <c r="W27" s="277">
        <v>5</v>
      </c>
      <c r="X27" s="282">
        <v>5</v>
      </c>
      <c r="Y27" s="276">
        <v>0</v>
      </c>
      <c r="Z27" s="280">
        <v>5</v>
      </c>
      <c r="AA27" s="277">
        <v>5</v>
      </c>
      <c r="AB27" s="279">
        <v>0</v>
      </c>
      <c r="AC27" s="280">
        <v>1</v>
      </c>
      <c r="AD27" s="280">
        <v>3</v>
      </c>
      <c r="AE27" s="280">
        <v>3</v>
      </c>
      <c r="AF27" s="280">
        <v>1</v>
      </c>
      <c r="AG27" s="280">
        <v>1</v>
      </c>
      <c r="AH27" s="277">
        <v>9</v>
      </c>
      <c r="AI27" s="282">
        <v>14</v>
      </c>
      <c r="AJ27" s="276">
        <v>0</v>
      </c>
      <c r="AK27" s="280">
        <v>0</v>
      </c>
      <c r="AL27" s="277">
        <v>0</v>
      </c>
      <c r="AM27" s="279">
        <v>0</v>
      </c>
      <c r="AN27" s="280">
        <v>0</v>
      </c>
      <c r="AO27" s="280">
        <v>0</v>
      </c>
      <c r="AP27" s="280">
        <v>0</v>
      </c>
      <c r="AQ27" s="280">
        <v>0</v>
      </c>
      <c r="AR27" s="280">
        <v>0</v>
      </c>
      <c r="AS27" s="277">
        <v>0</v>
      </c>
      <c r="AT27" s="282">
        <v>0</v>
      </c>
      <c r="AU27" s="276">
        <v>2</v>
      </c>
      <c r="AV27" s="280">
        <v>2</v>
      </c>
      <c r="AW27" s="277">
        <v>4</v>
      </c>
      <c r="AX27" s="279">
        <v>0</v>
      </c>
      <c r="AY27" s="280">
        <v>1</v>
      </c>
      <c r="AZ27" s="280">
        <v>2</v>
      </c>
      <c r="BA27" s="280">
        <v>3</v>
      </c>
      <c r="BB27" s="280">
        <v>3</v>
      </c>
      <c r="BC27" s="280">
        <v>6</v>
      </c>
      <c r="BD27" s="281">
        <v>15</v>
      </c>
      <c r="BE27" s="282">
        <v>19</v>
      </c>
      <c r="BF27" s="276">
        <v>0</v>
      </c>
      <c r="BG27" s="280">
        <v>0</v>
      </c>
      <c r="BH27" s="277">
        <v>0</v>
      </c>
      <c r="BI27" s="279">
        <v>0</v>
      </c>
      <c r="BJ27" s="280">
        <v>4</v>
      </c>
      <c r="BK27" s="280">
        <v>4</v>
      </c>
      <c r="BL27" s="280">
        <v>5</v>
      </c>
      <c r="BM27" s="280">
        <v>2</v>
      </c>
      <c r="BN27" s="280">
        <v>0</v>
      </c>
      <c r="BO27" s="277">
        <v>15</v>
      </c>
      <c r="BP27" s="282">
        <v>15</v>
      </c>
      <c r="BQ27" s="276">
        <v>0</v>
      </c>
      <c r="BR27" s="280">
        <v>3</v>
      </c>
      <c r="BS27" s="277">
        <v>3</v>
      </c>
      <c r="BT27" s="279">
        <v>0</v>
      </c>
      <c r="BU27" s="280">
        <v>1</v>
      </c>
      <c r="BV27" s="280">
        <v>3</v>
      </c>
      <c r="BW27" s="280">
        <v>1</v>
      </c>
      <c r="BX27" s="280">
        <v>0</v>
      </c>
      <c r="BY27" s="280">
        <v>1</v>
      </c>
      <c r="BZ27" s="277">
        <v>6</v>
      </c>
      <c r="CA27" s="282">
        <v>9</v>
      </c>
      <c r="CB27" s="276">
        <v>0</v>
      </c>
      <c r="CC27" s="280">
        <v>0</v>
      </c>
      <c r="CD27" s="277">
        <v>0</v>
      </c>
      <c r="CE27" s="279">
        <v>0</v>
      </c>
      <c r="CF27" s="280">
        <v>1</v>
      </c>
      <c r="CG27" s="280">
        <v>2</v>
      </c>
      <c r="CH27" s="280">
        <v>3</v>
      </c>
      <c r="CI27" s="280">
        <v>0</v>
      </c>
      <c r="CJ27" s="280">
        <v>1</v>
      </c>
      <c r="CK27" s="277">
        <v>7</v>
      </c>
      <c r="CL27" s="282">
        <v>7</v>
      </c>
      <c r="CM27" s="276">
        <v>0</v>
      </c>
      <c r="CN27" s="280">
        <v>0</v>
      </c>
      <c r="CO27" s="277">
        <v>0</v>
      </c>
      <c r="CP27" s="279">
        <v>0</v>
      </c>
      <c r="CQ27" s="280">
        <v>0</v>
      </c>
      <c r="CR27" s="280">
        <v>0</v>
      </c>
      <c r="CS27" s="280">
        <v>0</v>
      </c>
      <c r="CT27" s="280">
        <v>0</v>
      </c>
      <c r="CU27" s="280">
        <v>1</v>
      </c>
      <c r="CV27" s="277">
        <v>1</v>
      </c>
      <c r="CW27" s="282">
        <v>1</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4</v>
      </c>
      <c r="DU27" s="280">
        <v>8</v>
      </c>
      <c r="DV27" s="277">
        <v>12</v>
      </c>
      <c r="DW27" s="279">
        <v>0</v>
      </c>
      <c r="DX27" s="280">
        <v>6</v>
      </c>
      <c r="DY27" s="280">
        <v>10</v>
      </c>
      <c r="DZ27" s="280">
        <v>5</v>
      </c>
      <c r="EA27" s="280">
        <v>5</v>
      </c>
      <c r="EB27" s="280">
        <v>4</v>
      </c>
      <c r="EC27" s="277">
        <v>30</v>
      </c>
      <c r="ED27" s="282">
        <v>42</v>
      </c>
      <c r="EE27" s="276">
        <v>0</v>
      </c>
      <c r="EF27" s="280">
        <v>0</v>
      </c>
      <c r="EG27" s="277">
        <v>0</v>
      </c>
      <c r="EH27" s="279">
        <v>0</v>
      </c>
      <c r="EI27" s="280">
        <v>0</v>
      </c>
      <c r="EJ27" s="280">
        <v>1</v>
      </c>
      <c r="EK27" s="280">
        <v>1</v>
      </c>
      <c r="EL27" s="280">
        <v>2</v>
      </c>
      <c r="EM27" s="280">
        <v>2</v>
      </c>
      <c r="EN27" s="277">
        <v>6</v>
      </c>
      <c r="EO27" s="282">
        <v>6</v>
      </c>
      <c r="EP27" s="276">
        <v>4</v>
      </c>
      <c r="EQ27" s="280">
        <v>14</v>
      </c>
      <c r="ER27" s="277">
        <v>18</v>
      </c>
      <c r="ES27" s="279">
        <v>0</v>
      </c>
      <c r="ET27" s="280">
        <v>11</v>
      </c>
      <c r="EU27" s="280">
        <v>12</v>
      </c>
      <c r="EV27" s="280">
        <v>6</v>
      </c>
      <c r="EW27" s="280">
        <v>5</v>
      </c>
      <c r="EX27" s="280">
        <v>5</v>
      </c>
      <c r="EY27" s="277">
        <v>39</v>
      </c>
      <c r="EZ27" s="282">
        <v>57</v>
      </c>
    </row>
    <row r="28" spans="2:156" ht="21" customHeight="1" x14ac:dyDescent="0.2">
      <c r="B28" s="261" t="s">
        <v>26</v>
      </c>
      <c r="C28" s="276">
        <v>0</v>
      </c>
      <c r="D28" s="280">
        <v>0</v>
      </c>
      <c r="E28" s="384">
        <v>0</v>
      </c>
      <c r="F28" s="279">
        <v>0</v>
      </c>
      <c r="G28" s="280">
        <v>5</v>
      </c>
      <c r="H28" s="280">
        <v>1</v>
      </c>
      <c r="I28" s="280">
        <v>3</v>
      </c>
      <c r="J28" s="280">
        <v>2</v>
      </c>
      <c r="K28" s="280">
        <v>1</v>
      </c>
      <c r="L28" s="281">
        <v>12</v>
      </c>
      <c r="M28" s="282">
        <v>12</v>
      </c>
      <c r="N28" s="276">
        <v>0</v>
      </c>
      <c r="O28" s="280">
        <v>0</v>
      </c>
      <c r="P28" s="277">
        <v>0</v>
      </c>
      <c r="Q28" s="279">
        <v>0</v>
      </c>
      <c r="R28" s="280">
        <v>0</v>
      </c>
      <c r="S28" s="280">
        <v>0</v>
      </c>
      <c r="T28" s="280">
        <v>0</v>
      </c>
      <c r="U28" s="280">
        <v>0</v>
      </c>
      <c r="V28" s="280">
        <v>1</v>
      </c>
      <c r="W28" s="277">
        <v>1</v>
      </c>
      <c r="X28" s="282">
        <v>1</v>
      </c>
      <c r="Y28" s="276">
        <v>0</v>
      </c>
      <c r="Z28" s="280">
        <v>3</v>
      </c>
      <c r="AA28" s="277">
        <v>3</v>
      </c>
      <c r="AB28" s="279">
        <v>0</v>
      </c>
      <c r="AC28" s="280">
        <v>6</v>
      </c>
      <c r="AD28" s="280">
        <v>4</v>
      </c>
      <c r="AE28" s="280">
        <v>2</v>
      </c>
      <c r="AF28" s="280">
        <v>4</v>
      </c>
      <c r="AG28" s="280">
        <v>2</v>
      </c>
      <c r="AH28" s="277">
        <v>18</v>
      </c>
      <c r="AI28" s="282">
        <v>21</v>
      </c>
      <c r="AJ28" s="276">
        <v>0</v>
      </c>
      <c r="AK28" s="280">
        <v>0</v>
      </c>
      <c r="AL28" s="277">
        <v>0</v>
      </c>
      <c r="AM28" s="279">
        <v>0</v>
      </c>
      <c r="AN28" s="280">
        <v>0</v>
      </c>
      <c r="AO28" s="280">
        <v>1</v>
      </c>
      <c r="AP28" s="280">
        <v>1</v>
      </c>
      <c r="AQ28" s="280">
        <v>0</v>
      </c>
      <c r="AR28" s="280">
        <v>0</v>
      </c>
      <c r="AS28" s="277">
        <v>2</v>
      </c>
      <c r="AT28" s="282">
        <v>2</v>
      </c>
      <c r="AU28" s="276">
        <v>3</v>
      </c>
      <c r="AV28" s="280">
        <v>1</v>
      </c>
      <c r="AW28" s="277">
        <v>4</v>
      </c>
      <c r="AX28" s="279">
        <v>0</v>
      </c>
      <c r="AY28" s="280">
        <v>4</v>
      </c>
      <c r="AZ28" s="280">
        <v>6</v>
      </c>
      <c r="BA28" s="280">
        <v>1</v>
      </c>
      <c r="BB28" s="280">
        <v>5</v>
      </c>
      <c r="BC28" s="280">
        <v>2</v>
      </c>
      <c r="BD28" s="281">
        <v>18</v>
      </c>
      <c r="BE28" s="282">
        <v>22</v>
      </c>
      <c r="BF28" s="276">
        <v>0</v>
      </c>
      <c r="BG28" s="280">
        <v>0</v>
      </c>
      <c r="BH28" s="277">
        <v>0</v>
      </c>
      <c r="BI28" s="279">
        <v>0</v>
      </c>
      <c r="BJ28" s="280">
        <v>5</v>
      </c>
      <c r="BK28" s="280">
        <v>2</v>
      </c>
      <c r="BL28" s="280">
        <v>4</v>
      </c>
      <c r="BM28" s="280">
        <v>1</v>
      </c>
      <c r="BN28" s="280">
        <v>0</v>
      </c>
      <c r="BO28" s="277">
        <v>12</v>
      </c>
      <c r="BP28" s="282">
        <v>12</v>
      </c>
      <c r="BQ28" s="276">
        <v>0</v>
      </c>
      <c r="BR28" s="280">
        <v>1</v>
      </c>
      <c r="BS28" s="277">
        <v>1</v>
      </c>
      <c r="BT28" s="279">
        <v>0</v>
      </c>
      <c r="BU28" s="280">
        <v>1</v>
      </c>
      <c r="BV28" s="280">
        <v>3</v>
      </c>
      <c r="BW28" s="280">
        <v>1</v>
      </c>
      <c r="BX28" s="280">
        <v>0</v>
      </c>
      <c r="BY28" s="280">
        <v>0</v>
      </c>
      <c r="BZ28" s="277">
        <v>5</v>
      </c>
      <c r="CA28" s="282">
        <v>6</v>
      </c>
      <c r="CB28" s="276">
        <v>0</v>
      </c>
      <c r="CC28" s="280">
        <v>1</v>
      </c>
      <c r="CD28" s="277">
        <v>1</v>
      </c>
      <c r="CE28" s="279">
        <v>0</v>
      </c>
      <c r="CF28" s="280">
        <v>0</v>
      </c>
      <c r="CG28" s="280">
        <v>2</v>
      </c>
      <c r="CH28" s="280">
        <v>1</v>
      </c>
      <c r="CI28" s="280">
        <v>0</v>
      </c>
      <c r="CJ28" s="280">
        <v>0</v>
      </c>
      <c r="CK28" s="277">
        <v>3</v>
      </c>
      <c r="CL28" s="282">
        <v>4</v>
      </c>
      <c r="CM28" s="276">
        <v>0</v>
      </c>
      <c r="CN28" s="280">
        <v>0</v>
      </c>
      <c r="CO28" s="277">
        <v>0</v>
      </c>
      <c r="CP28" s="279">
        <v>0</v>
      </c>
      <c r="CQ28" s="280">
        <v>1</v>
      </c>
      <c r="CR28" s="280">
        <v>0</v>
      </c>
      <c r="CS28" s="280">
        <v>0</v>
      </c>
      <c r="CT28" s="280">
        <v>0</v>
      </c>
      <c r="CU28" s="280">
        <v>0</v>
      </c>
      <c r="CV28" s="277">
        <v>1</v>
      </c>
      <c r="CW28" s="282">
        <v>1</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1</v>
      </c>
      <c r="DU28" s="280">
        <v>6</v>
      </c>
      <c r="DV28" s="277">
        <v>7</v>
      </c>
      <c r="DW28" s="279">
        <v>0</v>
      </c>
      <c r="DX28" s="280">
        <v>8</v>
      </c>
      <c r="DY28" s="280">
        <v>6</v>
      </c>
      <c r="DZ28" s="280">
        <v>6</v>
      </c>
      <c r="EA28" s="280">
        <v>4</v>
      </c>
      <c r="EB28" s="280">
        <v>2</v>
      </c>
      <c r="EC28" s="277">
        <v>26</v>
      </c>
      <c r="ED28" s="282">
        <v>33</v>
      </c>
      <c r="EE28" s="276">
        <v>3</v>
      </c>
      <c r="EF28" s="280">
        <v>1</v>
      </c>
      <c r="EG28" s="277">
        <v>4</v>
      </c>
      <c r="EH28" s="279">
        <v>0</v>
      </c>
      <c r="EI28" s="280">
        <v>2</v>
      </c>
      <c r="EJ28" s="280">
        <v>6</v>
      </c>
      <c r="EK28" s="280">
        <v>1</v>
      </c>
      <c r="EL28" s="280">
        <v>0</v>
      </c>
      <c r="EM28" s="280">
        <v>1</v>
      </c>
      <c r="EN28" s="277">
        <v>10</v>
      </c>
      <c r="EO28" s="282">
        <v>14</v>
      </c>
      <c r="EP28" s="276">
        <v>1</v>
      </c>
      <c r="EQ28" s="280">
        <v>8</v>
      </c>
      <c r="ER28" s="277">
        <v>9</v>
      </c>
      <c r="ES28" s="279">
        <v>0</v>
      </c>
      <c r="ET28" s="280">
        <v>17</v>
      </c>
      <c r="EU28" s="280">
        <v>10</v>
      </c>
      <c r="EV28" s="280">
        <v>7</v>
      </c>
      <c r="EW28" s="280">
        <v>4</v>
      </c>
      <c r="EX28" s="280">
        <v>2</v>
      </c>
      <c r="EY28" s="277">
        <v>40</v>
      </c>
      <c r="EZ28" s="282">
        <v>49</v>
      </c>
    </row>
    <row r="29" spans="2:156" ht="21" customHeight="1" x14ac:dyDescent="0.2">
      <c r="B29" s="261" t="s">
        <v>27</v>
      </c>
      <c r="C29" s="276">
        <v>0</v>
      </c>
      <c r="D29" s="280">
        <v>0</v>
      </c>
      <c r="E29" s="384">
        <v>0</v>
      </c>
      <c r="F29" s="279">
        <v>0</v>
      </c>
      <c r="G29" s="280">
        <v>0</v>
      </c>
      <c r="H29" s="280">
        <v>3</v>
      </c>
      <c r="I29" s="280">
        <v>2</v>
      </c>
      <c r="J29" s="280">
        <v>0</v>
      </c>
      <c r="K29" s="280">
        <v>1</v>
      </c>
      <c r="L29" s="281">
        <v>6</v>
      </c>
      <c r="M29" s="282">
        <v>6</v>
      </c>
      <c r="N29" s="276">
        <v>0</v>
      </c>
      <c r="O29" s="280">
        <v>0</v>
      </c>
      <c r="P29" s="277">
        <v>0</v>
      </c>
      <c r="Q29" s="279">
        <v>0</v>
      </c>
      <c r="R29" s="280">
        <v>0</v>
      </c>
      <c r="S29" s="280">
        <v>0</v>
      </c>
      <c r="T29" s="280">
        <v>0</v>
      </c>
      <c r="U29" s="280">
        <v>2</v>
      </c>
      <c r="V29" s="280">
        <v>0</v>
      </c>
      <c r="W29" s="277">
        <v>2</v>
      </c>
      <c r="X29" s="282">
        <v>2</v>
      </c>
      <c r="Y29" s="276">
        <v>4</v>
      </c>
      <c r="Z29" s="280">
        <v>2</v>
      </c>
      <c r="AA29" s="277">
        <v>6</v>
      </c>
      <c r="AB29" s="279">
        <v>0</v>
      </c>
      <c r="AC29" s="280">
        <v>1</v>
      </c>
      <c r="AD29" s="280">
        <v>3</v>
      </c>
      <c r="AE29" s="280">
        <v>4</v>
      </c>
      <c r="AF29" s="280">
        <v>3</v>
      </c>
      <c r="AG29" s="280">
        <v>1</v>
      </c>
      <c r="AH29" s="277">
        <v>12</v>
      </c>
      <c r="AI29" s="282">
        <v>18</v>
      </c>
      <c r="AJ29" s="276">
        <v>0</v>
      </c>
      <c r="AK29" s="280">
        <v>0</v>
      </c>
      <c r="AL29" s="277">
        <v>0</v>
      </c>
      <c r="AM29" s="279">
        <v>0</v>
      </c>
      <c r="AN29" s="280">
        <v>0</v>
      </c>
      <c r="AO29" s="280">
        <v>1</v>
      </c>
      <c r="AP29" s="280">
        <v>0</v>
      </c>
      <c r="AQ29" s="280">
        <v>0</v>
      </c>
      <c r="AR29" s="280">
        <v>0</v>
      </c>
      <c r="AS29" s="277">
        <v>1</v>
      </c>
      <c r="AT29" s="282">
        <v>1</v>
      </c>
      <c r="AU29" s="276">
        <v>0</v>
      </c>
      <c r="AV29" s="280">
        <v>1</v>
      </c>
      <c r="AW29" s="277">
        <v>1</v>
      </c>
      <c r="AX29" s="279">
        <v>0</v>
      </c>
      <c r="AY29" s="280">
        <v>2</v>
      </c>
      <c r="AZ29" s="280">
        <v>4</v>
      </c>
      <c r="BA29" s="280">
        <v>10</v>
      </c>
      <c r="BB29" s="280">
        <v>5</v>
      </c>
      <c r="BC29" s="280">
        <v>2</v>
      </c>
      <c r="BD29" s="281">
        <v>23</v>
      </c>
      <c r="BE29" s="282">
        <v>24</v>
      </c>
      <c r="BF29" s="276">
        <v>0</v>
      </c>
      <c r="BG29" s="280">
        <v>0</v>
      </c>
      <c r="BH29" s="277">
        <v>0</v>
      </c>
      <c r="BI29" s="279">
        <v>0</v>
      </c>
      <c r="BJ29" s="280">
        <v>1</v>
      </c>
      <c r="BK29" s="280">
        <v>1</v>
      </c>
      <c r="BL29" s="280">
        <v>2</v>
      </c>
      <c r="BM29" s="280">
        <v>1</v>
      </c>
      <c r="BN29" s="280">
        <v>0</v>
      </c>
      <c r="BO29" s="277">
        <v>5</v>
      </c>
      <c r="BP29" s="282">
        <v>5</v>
      </c>
      <c r="BQ29" s="276">
        <v>2</v>
      </c>
      <c r="BR29" s="280">
        <v>1</v>
      </c>
      <c r="BS29" s="277">
        <v>3</v>
      </c>
      <c r="BT29" s="279">
        <v>0</v>
      </c>
      <c r="BU29" s="280">
        <v>0</v>
      </c>
      <c r="BV29" s="280">
        <v>2</v>
      </c>
      <c r="BW29" s="280">
        <v>1</v>
      </c>
      <c r="BX29" s="280">
        <v>0</v>
      </c>
      <c r="BY29" s="280">
        <v>0</v>
      </c>
      <c r="BZ29" s="277">
        <v>3</v>
      </c>
      <c r="CA29" s="282">
        <v>6</v>
      </c>
      <c r="CB29" s="276">
        <v>0</v>
      </c>
      <c r="CC29" s="280">
        <v>0</v>
      </c>
      <c r="CD29" s="277">
        <v>0</v>
      </c>
      <c r="CE29" s="279">
        <v>0</v>
      </c>
      <c r="CF29" s="280">
        <v>1</v>
      </c>
      <c r="CG29" s="280">
        <v>0</v>
      </c>
      <c r="CH29" s="280">
        <v>1</v>
      </c>
      <c r="CI29" s="280">
        <v>1</v>
      </c>
      <c r="CJ29" s="280">
        <v>0</v>
      </c>
      <c r="CK29" s="277">
        <v>3</v>
      </c>
      <c r="CL29" s="282">
        <v>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5</v>
      </c>
      <c r="DU29" s="280">
        <v>9</v>
      </c>
      <c r="DV29" s="277">
        <v>14</v>
      </c>
      <c r="DW29" s="279">
        <v>0</v>
      </c>
      <c r="DX29" s="280">
        <v>3</v>
      </c>
      <c r="DY29" s="280">
        <v>8</v>
      </c>
      <c r="DZ29" s="280">
        <v>5</v>
      </c>
      <c r="EA29" s="280">
        <v>3</v>
      </c>
      <c r="EB29" s="280">
        <v>1</v>
      </c>
      <c r="EC29" s="277">
        <v>20</v>
      </c>
      <c r="ED29" s="282">
        <v>34</v>
      </c>
      <c r="EE29" s="276">
        <v>0</v>
      </c>
      <c r="EF29" s="280">
        <v>1</v>
      </c>
      <c r="EG29" s="277">
        <v>1</v>
      </c>
      <c r="EH29" s="279">
        <v>0</v>
      </c>
      <c r="EI29" s="280">
        <v>3</v>
      </c>
      <c r="EJ29" s="280">
        <v>4</v>
      </c>
      <c r="EK29" s="280">
        <v>6</v>
      </c>
      <c r="EL29" s="280">
        <v>3</v>
      </c>
      <c r="EM29" s="280">
        <v>1</v>
      </c>
      <c r="EN29" s="277">
        <v>17</v>
      </c>
      <c r="EO29" s="282">
        <v>18</v>
      </c>
      <c r="EP29" s="276">
        <v>9</v>
      </c>
      <c r="EQ29" s="280">
        <v>11</v>
      </c>
      <c r="ER29" s="277">
        <v>20</v>
      </c>
      <c r="ES29" s="279">
        <v>0</v>
      </c>
      <c r="ET29" s="280">
        <v>6</v>
      </c>
      <c r="EU29" s="280">
        <v>9</v>
      </c>
      <c r="EV29" s="280">
        <v>7</v>
      </c>
      <c r="EW29" s="280">
        <v>3</v>
      </c>
      <c r="EX29" s="280">
        <v>1</v>
      </c>
      <c r="EY29" s="277">
        <v>26</v>
      </c>
      <c r="EZ29" s="282">
        <v>46</v>
      </c>
    </row>
    <row r="30" spans="2:156" ht="21" customHeight="1" x14ac:dyDescent="0.2">
      <c r="B30" s="261" t="s">
        <v>28</v>
      </c>
      <c r="C30" s="276">
        <v>0</v>
      </c>
      <c r="D30" s="280">
        <v>0</v>
      </c>
      <c r="E30" s="384">
        <v>0</v>
      </c>
      <c r="F30" s="279">
        <v>0</v>
      </c>
      <c r="G30" s="280">
        <v>1</v>
      </c>
      <c r="H30" s="280">
        <v>1</v>
      </c>
      <c r="I30" s="280">
        <v>0</v>
      </c>
      <c r="J30" s="280">
        <v>0</v>
      </c>
      <c r="K30" s="280">
        <v>1</v>
      </c>
      <c r="L30" s="281">
        <v>3</v>
      </c>
      <c r="M30" s="282">
        <v>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1</v>
      </c>
      <c r="AD30" s="280">
        <v>1</v>
      </c>
      <c r="AE30" s="280">
        <v>1</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1</v>
      </c>
      <c r="AZ30" s="280">
        <v>2</v>
      </c>
      <c r="BA30" s="280">
        <v>1</v>
      </c>
      <c r="BB30" s="280">
        <v>1</v>
      </c>
      <c r="BC30" s="280">
        <v>1</v>
      </c>
      <c r="BD30" s="281">
        <v>6</v>
      </c>
      <c r="BE30" s="282">
        <v>6</v>
      </c>
      <c r="BF30" s="276">
        <v>0</v>
      </c>
      <c r="BG30" s="280">
        <v>0</v>
      </c>
      <c r="BH30" s="277">
        <v>0</v>
      </c>
      <c r="BI30" s="279">
        <v>0</v>
      </c>
      <c r="BJ30" s="280">
        <v>1</v>
      </c>
      <c r="BK30" s="280">
        <v>2</v>
      </c>
      <c r="BL30" s="280">
        <v>0</v>
      </c>
      <c r="BM30" s="280">
        <v>1</v>
      </c>
      <c r="BN30" s="280">
        <v>0</v>
      </c>
      <c r="BO30" s="277">
        <v>4</v>
      </c>
      <c r="BP30" s="282">
        <v>4</v>
      </c>
      <c r="BQ30" s="276">
        <v>0</v>
      </c>
      <c r="BR30" s="280">
        <v>0</v>
      </c>
      <c r="BS30" s="277">
        <v>0</v>
      </c>
      <c r="BT30" s="279">
        <v>0</v>
      </c>
      <c r="BU30" s="280">
        <v>0</v>
      </c>
      <c r="BV30" s="280">
        <v>0</v>
      </c>
      <c r="BW30" s="280">
        <v>1</v>
      </c>
      <c r="BX30" s="280">
        <v>0</v>
      </c>
      <c r="BY30" s="280">
        <v>1</v>
      </c>
      <c r="BZ30" s="277">
        <v>2</v>
      </c>
      <c r="CA30" s="282">
        <v>2</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1</v>
      </c>
      <c r="DU30" s="280">
        <v>1</v>
      </c>
      <c r="DV30" s="277">
        <v>2</v>
      </c>
      <c r="DW30" s="279">
        <v>0</v>
      </c>
      <c r="DX30" s="280">
        <v>3</v>
      </c>
      <c r="DY30" s="280">
        <v>3</v>
      </c>
      <c r="DZ30" s="280">
        <v>2</v>
      </c>
      <c r="EA30" s="280">
        <v>0</v>
      </c>
      <c r="EB30" s="280">
        <v>2</v>
      </c>
      <c r="EC30" s="277">
        <v>10</v>
      </c>
      <c r="ED30" s="282">
        <v>12</v>
      </c>
      <c r="EE30" s="276">
        <v>0</v>
      </c>
      <c r="EF30" s="280">
        <v>0</v>
      </c>
      <c r="EG30" s="277">
        <v>0</v>
      </c>
      <c r="EH30" s="279">
        <v>0</v>
      </c>
      <c r="EI30" s="280">
        <v>0</v>
      </c>
      <c r="EJ30" s="280">
        <v>0</v>
      </c>
      <c r="EK30" s="280">
        <v>1</v>
      </c>
      <c r="EL30" s="280">
        <v>1</v>
      </c>
      <c r="EM30" s="280">
        <v>0</v>
      </c>
      <c r="EN30" s="277">
        <v>2</v>
      </c>
      <c r="EO30" s="282">
        <v>2</v>
      </c>
      <c r="EP30" s="276">
        <v>1</v>
      </c>
      <c r="EQ30" s="280">
        <v>1</v>
      </c>
      <c r="ER30" s="277">
        <v>2</v>
      </c>
      <c r="ES30" s="279">
        <v>0</v>
      </c>
      <c r="ET30" s="280">
        <v>6</v>
      </c>
      <c r="EU30" s="280">
        <v>4</v>
      </c>
      <c r="EV30" s="280">
        <v>2</v>
      </c>
      <c r="EW30" s="280">
        <v>1</v>
      </c>
      <c r="EX30" s="280">
        <v>2</v>
      </c>
      <c r="EY30" s="277">
        <v>15</v>
      </c>
      <c r="EZ30" s="282">
        <v>17</v>
      </c>
    </row>
    <row r="31" spans="2:156" ht="21" customHeight="1" x14ac:dyDescent="0.2">
      <c r="B31" s="261" t="s">
        <v>29</v>
      </c>
      <c r="C31" s="276">
        <v>0</v>
      </c>
      <c r="D31" s="280">
        <v>0</v>
      </c>
      <c r="E31" s="384">
        <v>0</v>
      </c>
      <c r="F31" s="279">
        <v>0</v>
      </c>
      <c r="G31" s="280">
        <v>2</v>
      </c>
      <c r="H31" s="280">
        <v>1</v>
      </c>
      <c r="I31" s="280">
        <v>0</v>
      </c>
      <c r="J31" s="280">
        <v>3</v>
      </c>
      <c r="K31" s="280">
        <v>0</v>
      </c>
      <c r="L31" s="281">
        <v>6</v>
      </c>
      <c r="M31" s="282">
        <v>6</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5</v>
      </c>
      <c r="AF31" s="280">
        <v>0</v>
      </c>
      <c r="AG31" s="280">
        <v>0</v>
      </c>
      <c r="AH31" s="277">
        <v>6</v>
      </c>
      <c r="AI31" s="282">
        <v>6</v>
      </c>
      <c r="AJ31" s="276">
        <v>0</v>
      </c>
      <c r="AK31" s="280">
        <v>0</v>
      </c>
      <c r="AL31" s="277">
        <v>0</v>
      </c>
      <c r="AM31" s="279">
        <v>0</v>
      </c>
      <c r="AN31" s="280">
        <v>1</v>
      </c>
      <c r="AO31" s="280">
        <v>0</v>
      </c>
      <c r="AP31" s="280">
        <v>1</v>
      </c>
      <c r="AQ31" s="280">
        <v>1</v>
      </c>
      <c r="AR31" s="280">
        <v>0</v>
      </c>
      <c r="AS31" s="277">
        <v>3</v>
      </c>
      <c r="AT31" s="282">
        <v>3</v>
      </c>
      <c r="AU31" s="276">
        <v>0</v>
      </c>
      <c r="AV31" s="280">
        <v>0</v>
      </c>
      <c r="AW31" s="277">
        <v>0</v>
      </c>
      <c r="AX31" s="279">
        <v>0</v>
      </c>
      <c r="AY31" s="280">
        <v>1</v>
      </c>
      <c r="AZ31" s="280">
        <v>0</v>
      </c>
      <c r="BA31" s="280">
        <v>3</v>
      </c>
      <c r="BB31" s="280">
        <v>2</v>
      </c>
      <c r="BC31" s="280">
        <v>1</v>
      </c>
      <c r="BD31" s="281">
        <v>7</v>
      </c>
      <c r="BE31" s="282">
        <v>7</v>
      </c>
      <c r="BF31" s="276">
        <v>0</v>
      </c>
      <c r="BG31" s="280">
        <v>0</v>
      </c>
      <c r="BH31" s="277">
        <v>0</v>
      </c>
      <c r="BI31" s="279">
        <v>0</v>
      </c>
      <c r="BJ31" s="280">
        <v>1</v>
      </c>
      <c r="BK31" s="280">
        <v>0</v>
      </c>
      <c r="BL31" s="280">
        <v>2</v>
      </c>
      <c r="BM31" s="280">
        <v>1</v>
      </c>
      <c r="BN31" s="280">
        <v>0</v>
      </c>
      <c r="BO31" s="277">
        <v>4</v>
      </c>
      <c r="BP31" s="282">
        <v>4</v>
      </c>
      <c r="BQ31" s="276">
        <v>0</v>
      </c>
      <c r="BR31" s="280">
        <v>0</v>
      </c>
      <c r="BS31" s="277">
        <v>0</v>
      </c>
      <c r="BT31" s="279">
        <v>0</v>
      </c>
      <c r="BU31" s="280">
        <v>2</v>
      </c>
      <c r="BV31" s="280">
        <v>0</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1</v>
      </c>
      <c r="CR31" s="280">
        <v>0</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2</v>
      </c>
      <c r="DV31" s="277">
        <v>4</v>
      </c>
      <c r="DW31" s="279">
        <v>0</v>
      </c>
      <c r="DX31" s="280">
        <v>3</v>
      </c>
      <c r="DY31" s="280">
        <v>0</v>
      </c>
      <c r="DZ31" s="280">
        <v>6</v>
      </c>
      <c r="EA31" s="280">
        <v>3</v>
      </c>
      <c r="EB31" s="280">
        <v>1</v>
      </c>
      <c r="EC31" s="277">
        <v>13</v>
      </c>
      <c r="ED31" s="282">
        <v>17</v>
      </c>
      <c r="EE31" s="276">
        <v>0</v>
      </c>
      <c r="EF31" s="280">
        <v>0</v>
      </c>
      <c r="EG31" s="277">
        <v>0</v>
      </c>
      <c r="EH31" s="279">
        <v>0</v>
      </c>
      <c r="EI31" s="280">
        <v>1</v>
      </c>
      <c r="EJ31" s="280">
        <v>0</v>
      </c>
      <c r="EK31" s="280">
        <v>0</v>
      </c>
      <c r="EL31" s="280">
        <v>2</v>
      </c>
      <c r="EM31" s="280">
        <v>0</v>
      </c>
      <c r="EN31" s="277">
        <v>3</v>
      </c>
      <c r="EO31" s="282">
        <v>3</v>
      </c>
      <c r="EP31" s="276">
        <v>2</v>
      </c>
      <c r="EQ31" s="280">
        <v>2</v>
      </c>
      <c r="ER31" s="277">
        <v>4</v>
      </c>
      <c r="ES31" s="279">
        <v>0</v>
      </c>
      <c r="ET31" s="280">
        <v>4</v>
      </c>
      <c r="EU31" s="280">
        <v>1</v>
      </c>
      <c r="EV31" s="280">
        <v>6</v>
      </c>
      <c r="EW31" s="280">
        <v>3</v>
      </c>
      <c r="EX31" s="280">
        <v>1</v>
      </c>
      <c r="EY31" s="277">
        <v>15</v>
      </c>
      <c r="EZ31" s="282">
        <v>19</v>
      </c>
    </row>
    <row r="32" spans="2:156" ht="21" customHeight="1" x14ac:dyDescent="0.2">
      <c r="B32" s="261" t="s">
        <v>30</v>
      </c>
      <c r="C32" s="276">
        <v>0</v>
      </c>
      <c r="D32" s="280">
        <v>0</v>
      </c>
      <c r="E32" s="384">
        <v>0</v>
      </c>
      <c r="F32" s="279">
        <v>0</v>
      </c>
      <c r="G32" s="280">
        <v>1</v>
      </c>
      <c r="H32" s="280">
        <v>0</v>
      </c>
      <c r="I32" s="280">
        <v>1</v>
      </c>
      <c r="J32" s="280">
        <v>1</v>
      </c>
      <c r="K32" s="280">
        <v>0</v>
      </c>
      <c r="L32" s="281">
        <v>3</v>
      </c>
      <c r="M32" s="282">
        <v>3</v>
      </c>
      <c r="N32" s="276">
        <v>0</v>
      </c>
      <c r="O32" s="280">
        <v>0</v>
      </c>
      <c r="P32" s="277">
        <v>0</v>
      </c>
      <c r="Q32" s="279">
        <v>0</v>
      </c>
      <c r="R32" s="280">
        <v>1</v>
      </c>
      <c r="S32" s="280">
        <v>0</v>
      </c>
      <c r="T32" s="280">
        <v>0</v>
      </c>
      <c r="U32" s="280">
        <v>1</v>
      </c>
      <c r="V32" s="280">
        <v>0</v>
      </c>
      <c r="W32" s="277">
        <v>2</v>
      </c>
      <c r="X32" s="282">
        <v>2</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2</v>
      </c>
      <c r="AZ32" s="280">
        <v>1</v>
      </c>
      <c r="BA32" s="280">
        <v>2</v>
      </c>
      <c r="BB32" s="280">
        <v>1</v>
      </c>
      <c r="BC32" s="280">
        <v>0</v>
      </c>
      <c r="BD32" s="281">
        <v>6</v>
      </c>
      <c r="BE32" s="282">
        <v>6</v>
      </c>
      <c r="BF32" s="276">
        <v>0</v>
      </c>
      <c r="BG32" s="280">
        <v>0</v>
      </c>
      <c r="BH32" s="277">
        <v>0</v>
      </c>
      <c r="BI32" s="279">
        <v>0</v>
      </c>
      <c r="BJ32" s="280">
        <v>1</v>
      </c>
      <c r="BK32" s="280">
        <v>3</v>
      </c>
      <c r="BL32" s="280">
        <v>0</v>
      </c>
      <c r="BM32" s="280">
        <v>0</v>
      </c>
      <c r="BN32" s="280">
        <v>0</v>
      </c>
      <c r="BO32" s="277">
        <v>4</v>
      </c>
      <c r="BP32" s="282">
        <v>4</v>
      </c>
      <c r="BQ32" s="276">
        <v>0</v>
      </c>
      <c r="BR32" s="280">
        <v>0</v>
      </c>
      <c r="BS32" s="277">
        <v>0</v>
      </c>
      <c r="BT32" s="279">
        <v>0</v>
      </c>
      <c r="BU32" s="280">
        <v>0</v>
      </c>
      <c r="BV32" s="280">
        <v>2</v>
      </c>
      <c r="BW32" s="280">
        <v>0</v>
      </c>
      <c r="BX32" s="280">
        <v>0</v>
      </c>
      <c r="BY32" s="280">
        <v>0</v>
      </c>
      <c r="BZ32" s="277">
        <v>2</v>
      </c>
      <c r="CA32" s="282">
        <v>2</v>
      </c>
      <c r="CB32" s="276">
        <v>0</v>
      </c>
      <c r="CC32" s="280">
        <v>0</v>
      </c>
      <c r="CD32" s="277">
        <v>0</v>
      </c>
      <c r="CE32" s="279">
        <v>0</v>
      </c>
      <c r="CF32" s="280">
        <v>1</v>
      </c>
      <c r="CG32" s="280">
        <v>0</v>
      </c>
      <c r="CH32" s="280">
        <v>0</v>
      </c>
      <c r="CI32" s="280">
        <v>0</v>
      </c>
      <c r="CJ32" s="280">
        <v>0</v>
      </c>
      <c r="CK32" s="277">
        <v>1</v>
      </c>
      <c r="CL32" s="282">
        <v>1</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v>
      </c>
      <c r="DU32" s="280">
        <v>1</v>
      </c>
      <c r="DV32" s="277">
        <v>4</v>
      </c>
      <c r="DW32" s="279">
        <v>0</v>
      </c>
      <c r="DX32" s="280">
        <v>2</v>
      </c>
      <c r="DY32" s="280">
        <v>4</v>
      </c>
      <c r="DZ32" s="280">
        <v>2</v>
      </c>
      <c r="EA32" s="280">
        <v>4</v>
      </c>
      <c r="EB32" s="280">
        <v>0</v>
      </c>
      <c r="EC32" s="277">
        <v>12</v>
      </c>
      <c r="ED32" s="282">
        <v>16</v>
      </c>
      <c r="EE32" s="276">
        <v>0</v>
      </c>
      <c r="EF32" s="280">
        <v>0</v>
      </c>
      <c r="EG32" s="277">
        <v>0</v>
      </c>
      <c r="EH32" s="279">
        <v>0</v>
      </c>
      <c r="EI32" s="280">
        <v>2</v>
      </c>
      <c r="EJ32" s="280">
        <v>1</v>
      </c>
      <c r="EK32" s="280">
        <v>1</v>
      </c>
      <c r="EL32" s="280">
        <v>0</v>
      </c>
      <c r="EM32" s="280">
        <v>0</v>
      </c>
      <c r="EN32" s="277">
        <v>4</v>
      </c>
      <c r="EO32" s="282">
        <v>4</v>
      </c>
      <c r="EP32" s="276">
        <v>3</v>
      </c>
      <c r="EQ32" s="280">
        <v>1</v>
      </c>
      <c r="ER32" s="277">
        <v>4</v>
      </c>
      <c r="ES32" s="279">
        <v>0</v>
      </c>
      <c r="ET32" s="280">
        <v>4</v>
      </c>
      <c r="EU32" s="280">
        <v>5</v>
      </c>
      <c r="EV32" s="280">
        <v>2</v>
      </c>
      <c r="EW32" s="280">
        <v>4</v>
      </c>
      <c r="EX32" s="280">
        <v>0</v>
      </c>
      <c r="EY32" s="277">
        <v>15</v>
      </c>
      <c r="EZ32" s="282">
        <v>19</v>
      </c>
    </row>
    <row r="33" spans="2:156" ht="21" customHeight="1" x14ac:dyDescent="0.2">
      <c r="B33" s="261" t="s">
        <v>31</v>
      </c>
      <c r="C33" s="276">
        <v>0</v>
      </c>
      <c r="D33" s="280">
        <v>0</v>
      </c>
      <c r="E33" s="384">
        <v>0</v>
      </c>
      <c r="F33" s="279">
        <v>0</v>
      </c>
      <c r="G33" s="280">
        <v>0</v>
      </c>
      <c r="H33" s="280">
        <v>0</v>
      </c>
      <c r="I33" s="280">
        <v>0</v>
      </c>
      <c r="J33" s="280">
        <v>1</v>
      </c>
      <c r="K33" s="280">
        <v>0</v>
      </c>
      <c r="L33" s="281">
        <v>1</v>
      </c>
      <c r="M33" s="282">
        <v>1</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1</v>
      </c>
      <c r="AD33" s="280">
        <v>1</v>
      </c>
      <c r="AE33" s="280">
        <v>0</v>
      </c>
      <c r="AF33" s="280">
        <v>3</v>
      </c>
      <c r="AG33" s="280">
        <v>1</v>
      </c>
      <c r="AH33" s="277">
        <v>6</v>
      </c>
      <c r="AI33" s="282">
        <v>6</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1</v>
      </c>
      <c r="BA33" s="280">
        <v>0</v>
      </c>
      <c r="BB33" s="280">
        <v>0</v>
      </c>
      <c r="BC33" s="280">
        <v>2</v>
      </c>
      <c r="BD33" s="281">
        <v>4</v>
      </c>
      <c r="BE33" s="282">
        <v>4</v>
      </c>
      <c r="BF33" s="276">
        <v>0</v>
      </c>
      <c r="BG33" s="280">
        <v>0</v>
      </c>
      <c r="BH33" s="277">
        <v>0</v>
      </c>
      <c r="BI33" s="279">
        <v>0</v>
      </c>
      <c r="BJ33" s="280">
        <v>0</v>
      </c>
      <c r="BK33" s="280">
        <v>1</v>
      </c>
      <c r="BL33" s="280">
        <v>3</v>
      </c>
      <c r="BM33" s="280">
        <v>1</v>
      </c>
      <c r="BN33" s="280">
        <v>0</v>
      </c>
      <c r="BO33" s="277">
        <v>5</v>
      </c>
      <c r="BP33" s="282">
        <v>5</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v>
      </c>
      <c r="DU33" s="280">
        <v>0</v>
      </c>
      <c r="DV33" s="277">
        <v>2</v>
      </c>
      <c r="DW33" s="279">
        <v>0</v>
      </c>
      <c r="DX33" s="280">
        <v>3</v>
      </c>
      <c r="DY33" s="280">
        <v>2</v>
      </c>
      <c r="DZ33" s="280">
        <v>1</v>
      </c>
      <c r="EA33" s="280">
        <v>3</v>
      </c>
      <c r="EB33" s="280">
        <v>1</v>
      </c>
      <c r="EC33" s="277">
        <v>10</v>
      </c>
      <c r="ED33" s="282">
        <v>12</v>
      </c>
      <c r="EE33" s="276">
        <v>0</v>
      </c>
      <c r="EF33" s="280">
        <v>0</v>
      </c>
      <c r="EG33" s="277">
        <v>0</v>
      </c>
      <c r="EH33" s="279">
        <v>0</v>
      </c>
      <c r="EI33" s="280">
        <v>1</v>
      </c>
      <c r="EJ33" s="280">
        <v>0</v>
      </c>
      <c r="EK33" s="280">
        <v>0</v>
      </c>
      <c r="EL33" s="280">
        <v>0</v>
      </c>
      <c r="EM33" s="280">
        <v>0</v>
      </c>
      <c r="EN33" s="277">
        <v>1</v>
      </c>
      <c r="EO33" s="282">
        <v>1</v>
      </c>
      <c r="EP33" s="276">
        <v>2</v>
      </c>
      <c r="EQ33" s="280">
        <v>0</v>
      </c>
      <c r="ER33" s="277">
        <v>2</v>
      </c>
      <c r="ES33" s="279">
        <v>0</v>
      </c>
      <c r="ET33" s="280">
        <v>4</v>
      </c>
      <c r="EU33" s="280">
        <v>2</v>
      </c>
      <c r="EV33" s="280">
        <v>3</v>
      </c>
      <c r="EW33" s="280">
        <v>3</v>
      </c>
      <c r="EX33" s="280">
        <v>1</v>
      </c>
      <c r="EY33" s="277">
        <v>13</v>
      </c>
      <c r="EZ33" s="282">
        <v>15</v>
      </c>
    </row>
    <row r="34" spans="2:156" ht="21" customHeight="1" x14ac:dyDescent="0.2">
      <c r="B34" s="261" t="s">
        <v>32</v>
      </c>
      <c r="C34" s="276">
        <v>0</v>
      </c>
      <c r="D34" s="280">
        <v>0</v>
      </c>
      <c r="E34" s="384">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3</v>
      </c>
      <c r="AE34" s="280">
        <v>0</v>
      </c>
      <c r="AF34" s="280">
        <v>0</v>
      </c>
      <c r="AG34" s="280">
        <v>0</v>
      </c>
      <c r="AH34" s="277">
        <v>3</v>
      </c>
      <c r="AI34" s="282">
        <v>3</v>
      </c>
      <c r="AJ34" s="276">
        <v>1</v>
      </c>
      <c r="AK34" s="280">
        <v>0</v>
      </c>
      <c r="AL34" s="277">
        <v>1</v>
      </c>
      <c r="AM34" s="279">
        <v>0</v>
      </c>
      <c r="AN34" s="280">
        <v>0</v>
      </c>
      <c r="AO34" s="280">
        <v>0</v>
      </c>
      <c r="AP34" s="280">
        <v>0</v>
      </c>
      <c r="AQ34" s="280">
        <v>1</v>
      </c>
      <c r="AR34" s="280">
        <v>0</v>
      </c>
      <c r="AS34" s="277">
        <v>1</v>
      </c>
      <c r="AT34" s="282">
        <v>2</v>
      </c>
      <c r="AU34" s="276">
        <v>0</v>
      </c>
      <c r="AV34" s="280">
        <v>0</v>
      </c>
      <c r="AW34" s="277">
        <v>0</v>
      </c>
      <c r="AX34" s="279">
        <v>0</v>
      </c>
      <c r="AY34" s="280">
        <v>0</v>
      </c>
      <c r="AZ34" s="280">
        <v>1</v>
      </c>
      <c r="BA34" s="280">
        <v>2</v>
      </c>
      <c r="BB34" s="280">
        <v>3</v>
      </c>
      <c r="BC34" s="280">
        <v>2</v>
      </c>
      <c r="BD34" s="281">
        <v>8</v>
      </c>
      <c r="BE34" s="282">
        <v>8</v>
      </c>
      <c r="BF34" s="276">
        <v>0</v>
      </c>
      <c r="BG34" s="280">
        <v>0</v>
      </c>
      <c r="BH34" s="277">
        <v>0</v>
      </c>
      <c r="BI34" s="279">
        <v>0</v>
      </c>
      <c r="BJ34" s="280">
        <v>3</v>
      </c>
      <c r="BK34" s="280">
        <v>2</v>
      </c>
      <c r="BL34" s="280">
        <v>0</v>
      </c>
      <c r="BM34" s="280">
        <v>0</v>
      </c>
      <c r="BN34" s="280">
        <v>0</v>
      </c>
      <c r="BO34" s="277">
        <v>5</v>
      </c>
      <c r="BP34" s="282">
        <v>5</v>
      </c>
      <c r="BQ34" s="276">
        <v>1</v>
      </c>
      <c r="BR34" s="280">
        <v>0</v>
      </c>
      <c r="BS34" s="277">
        <v>1</v>
      </c>
      <c r="BT34" s="279">
        <v>0</v>
      </c>
      <c r="BU34" s="280">
        <v>0</v>
      </c>
      <c r="BV34" s="280">
        <v>0</v>
      </c>
      <c r="BW34" s="280">
        <v>1</v>
      </c>
      <c r="BX34" s="280">
        <v>1</v>
      </c>
      <c r="BY34" s="280">
        <v>0</v>
      </c>
      <c r="BZ34" s="277">
        <v>2</v>
      </c>
      <c r="CA34" s="282">
        <v>3</v>
      </c>
      <c r="CB34" s="276">
        <v>0</v>
      </c>
      <c r="CC34" s="280">
        <v>0</v>
      </c>
      <c r="CD34" s="277">
        <v>0</v>
      </c>
      <c r="CE34" s="279">
        <v>0</v>
      </c>
      <c r="CF34" s="280">
        <v>0</v>
      </c>
      <c r="CG34" s="280">
        <v>0</v>
      </c>
      <c r="CH34" s="280">
        <v>0</v>
      </c>
      <c r="CI34" s="280">
        <v>0</v>
      </c>
      <c r="CJ34" s="280">
        <v>1</v>
      </c>
      <c r="CK34" s="277">
        <v>1</v>
      </c>
      <c r="CL34" s="282">
        <v>1</v>
      </c>
      <c r="CM34" s="276">
        <v>0</v>
      </c>
      <c r="CN34" s="280">
        <v>0</v>
      </c>
      <c r="CO34" s="277">
        <v>0</v>
      </c>
      <c r="CP34" s="279">
        <v>0</v>
      </c>
      <c r="CQ34" s="280">
        <v>0</v>
      </c>
      <c r="CR34" s="280">
        <v>0</v>
      </c>
      <c r="CS34" s="280">
        <v>1</v>
      </c>
      <c r="CT34" s="280">
        <v>0</v>
      </c>
      <c r="CU34" s="280">
        <v>1</v>
      </c>
      <c r="CV34" s="277">
        <v>2</v>
      </c>
      <c r="CW34" s="282">
        <v>2</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2</v>
      </c>
      <c r="DY34" s="280">
        <v>4</v>
      </c>
      <c r="DZ34" s="280">
        <v>1</v>
      </c>
      <c r="EA34" s="280">
        <v>3</v>
      </c>
      <c r="EB34" s="280">
        <v>0</v>
      </c>
      <c r="EC34" s="277">
        <v>10</v>
      </c>
      <c r="ED34" s="282">
        <v>11</v>
      </c>
      <c r="EE34" s="276">
        <v>0</v>
      </c>
      <c r="EF34" s="280">
        <v>0</v>
      </c>
      <c r="EG34" s="277">
        <v>0</v>
      </c>
      <c r="EH34" s="279">
        <v>0</v>
      </c>
      <c r="EI34" s="280">
        <v>0</v>
      </c>
      <c r="EJ34" s="280">
        <v>1</v>
      </c>
      <c r="EK34" s="280">
        <v>1</v>
      </c>
      <c r="EL34" s="280">
        <v>0</v>
      </c>
      <c r="EM34" s="280">
        <v>1</v>
      </c>
      <c r="EN34" s="277">
        <v>3</v>
      </c>
      <c r="EO34" s="282">
        <v>3</v>
      </c>
      <c r="EP34" s="276">
        <v>3</v>
      </c>
      <c r="EQ34" s="280">
        <v>0</v>
      </c>
      <c r="ER34" s="277">
        <v>3</v>
      </c>
      <c r="ES34" s="279">
        <v>0</v>
      </c>
      <c r="ET34" s="280">
        <v>5</v>
      </c>
      <c r="EU34" s="280">
        <v>5</v>
      </c>
      <c r="EV34" s="280">
        <v>1</v>
      </c>
      <c r="EW34" s="280">
        <v>3</v>
      </c>
      <c r="EX34" s="280">
        <v>1</v>
      </c>
      <c r="EY34" s="277">
        <v>15</v>
      </c>
      <c r="EZ34" s="282">
        <v>18</v>
      </c>
    </row>
    <row r="35" spans="2:156" ht="21" customHeight="1" x14ac:dyDescent="0.2">
      <c r="B35" s="261" t="s">
        <v>33</v>
      </c>
      <c r="C35" s="276">
        <v>0</v>
      </c>
      <c r="D35" s="280">
        <v>0</v>
      </c>
      <c r="E35" s="384">
        <v>0</v>
      </c>
      <c r="F35" s="279">
        <v>0</v>
      </c>
      <c r="G35" s="280">
        <v>1</v>
      </c>
      <c r="H35" s="280">
        <v>0</v>
      </c>
      <c r="I35" s="280">
        <v>0</v>
      </c>
      <c r="J35" s="280">
        <v>1</v>
      </c>
      <c r="K35" s="280">
        <v>0</v>
      </c>
      <c r="L35" s="281">
        <v>2</v>
      </c>
      <c r="M35" s="282">
        <v>2</v>
      </c>
      <c r="N35" s="276">
        <v>0</v>
      </c>
      <c r="O35" s="280">
        <v>0</v>
      </c>
      <c r="P35" s="277">
        <v>0</v>
      </c>
      <c r="Q35" s="279">
        <v>0</v>
      </c>
      <c r="R35" s="280">
        <v>0</v>
      </c>
      <c r="S35" s="280">
        <v>0</v>
      </c>
      <c r="T35" s="280">
        <v>1</v>
      </c>
      <c r="U35" s="280">
        <v>0</v>
      </c>
      <c r="V35" s="280">
        <v>0</v>
      </c>
      <c r="W35" s="277">
        <v>1</v>
      </c>
      <c r="X35" s="282">
        <v>1</v>
      </c>
      <c r="Y35" s="276">
        <v>0</v>
      </c>
      <c r="Z35" s="280">
        <v>0</v>
      </c>
      <c r="AA35" s="277">
        <v>0</v>
      </c>
      <c r="AB35" s="279">
        <v>0</v>
      </c>
      <c r="AC35" s="280">
        <v>0</v>
      </c>
      <c r="AD35" s="280">
        <v>1</v>
      </c>
      <c r="AE35" s="280">
        <v>1</v>
      </c>
      <c r="AF35" s="280">
        <v>1</v>
      </c>
      <c r="AG35" s="280">
        <v>0</v>
      </c>
      <c r="AH35" s="277">
        <v>3</v>
      </c>
      <c r="AI35" s="282">
        <v>3</v>
      </c>
      <c r="AJ35" s="276">
        <v>0</v>
      </c>
      <c r="AK35" s="280">
        <v>1</v>
      </c>
      <c r="AL35" s="277">
        <v>1</v>
      </c>
      <c r="AM35" s="279">
        <v>0</v>
      </c>
      <c r="AN35" s="280">
        <v>2</v>
      </c>
      <c r="AO35" s="280">
        <v>2</v>
      </c>
      <c r="AP35" s="280">
        <v>1</v>
      </c>
      <c r="AQ35" s="280">
        <v>1</v>
      </c>
      <c r="AR35" s="280">
        <v>0</v>
      </c>
      <c r="AS35" s="277">
        <v>6</v>
      </c>
      <c r="AT35" s="282">
        <v>7</v>
      </c>
      <c r="AU35" s="276">
        <v>0</v>
      </c>
      <c r="AV35" s="280">
        <v>0</v>
      </c>
      <c r="AW35" s="277">
        <v>0</v>
      </c>
      <c r="AX35" s="279">
        <v>0</v>
      </c>
      <c r="AY35" s="280">
        <v>1</v>
      </c>
      <c r="AZ35" s="280">
        <v>0</v>
      </c>
      <c r="BA35" s="280">
        <v>2</v>
      </c>
      <c r="BB35" s="280">
        <v>0</v>
      </c>
      <c r="BC35" s="280">
        <v>0</v>
      </c>
      <c r="BD35" s="281">
        <v>3</v>
      </c>
      <c r="BE35" s="282">
        <v>3</v>
      </c>
      <c r="BF35" s="276">
        <v>0</v>
      </c>
      <c r="BG35" s="280">
        <v>0</v>
      </c>
      <c r="BH35" s="277">
        <v>0</v>
      </c>
      <c r="BI35" s="279">
        <v>0</v>
      </c>
      <c r="BJ35" s="280">
        <v>2</v>
      </c>
      <c r="BK35" s="280">
        <v>0</v>
      </c>
      <c r="BL35" s="280">
        <v>0</v>
      </c>
      <c r="BM35" s="280">
        <v>0</v>
      </c>
      <c r="BN35" s="280">
        <v>0</v>
      </c>
      <c r="BO35" s="277">
        <v>2</v>
      </c>
      <c r="BP35" s="282">
        <v>2</v>
      </c>
      <c r="BQ35" s="276">
        <v>1</v>
      </c>
      <c r="BR35" s="280">
        <v>0</v>
      </c>
      <c r="BS35" s="277">
        <v>1</v>
      </c>
      <c r="BT35" s="279">
        <v>0</v>
      </c>
      <c r="BU35" s="280">
        <v>2</v>
      </c>
      <c r="BV35" s="280">
        <v>0</v>
      </c>
      <c r="BW35" s="280">
        <v>0</v>
      </c>
      <c r="BX35" s="280">
        <v>1</v>
      </c>
      <c r="BY35" s="280">
        <v>0</v>
      </c>
      <c r="BZ35" s="277">
        <v>3</v>
      </c>
      <c r="CA35" s="282">
        <v>4</v>
      </c>
      <c r="CB35" s="276">
        <v>0</v>
      </c>
      <c r="CC35" s="280">
        <v>0</v>
      </c>
      <c r="CD35" s="277">
        <v>0</v>
      </c>
      <c r="CE35" s="279">
        <v>0</v>
      </c>
      <c r="CF35" s="280">
        <v>0</v>
      </c>
      <c r="CG35" s="280">
        <v>0</v>
      </c>
      <c r="CH35" s="280">
        <v>0</v>
      </c>
      <c r="CI35" s="280">
        <v>1</v>
      </c>
      <c r="CJ35" s="280">
        <v>0</v>
      </c>
      <c r="CK35" s="277">
        <v>1</v>
      </c>
      <c r="CL35" s="282">
        <v>1</v>
      </c>
      <c r="CM35" s="276">
        <v>0</v>
      </c>
      <c r="CN35" s="280">
        <v>0</v>
      </c>
      <c r="CO35" s="277">
        <v>0</v>
      </c>
      <c r="CP35" s="279">
        <v>0</v>
      </c>
      <c r="CQ35" s="280">
        <v>0</v>
      </c>
      <c r="CR35" s="280">
        <v>0</v>
      </c>
      <c r="CS35" s="280">
        <v>1</v>
      </c>
      <c r="CT35" s="280">
        <v>0</v>
      </c>
      <c r="CU35" s="280">
        <v>0</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0</v>
      </c>
      <c r="DU35" s="280">
        <v>1</v>
      </c>
      <c r="DV35" s="277">
        <v>1</v>
      </c>
      <c r="DW35" s="279">
        <v>0</v>
      </c>
      <c r="DX35" s="280">
        <v>1</v>
      </c>
      <c r="DY35" s="280">
        <v>2</v>
      </c>
      <c r="DZ35" s="280">
        <v>2</v>
      </c>
      <c r="EA35" s="280">
        <v>1</v>
      </c>
      <c r="EB35" s="280">
        <v>1</v>
      </c>
      <c r="EC35" s="277">
        <v>7</v>
      </c>
      <c r="ED35" s="282">
        <v>8</v>
      </c>
      <c r="EE35" s="276">
        <v>1</v>
      </c>
      <c r="EF35" s="280">
        <v>0</v>
      </c>
      <c r="EG35" s="277">
        <v>1</v>
      </c>
      <c r="EH35" s="279">
        <v>0</v>
      </c>
      <c r="EI35" s="280">
        <v>1</v>
      </c>
      <c r="EJ35" s="280">
        <v>0</v>
      </c>
      <c r="EK35" s="280">
        <v>1</v>
      </c>
      <c r="EL35" s="280">
        <v>1</v>
      </c>
      <c r="EM35" s="280">
        <v>0</v>
      </c>
      <c r="EN35" s="277">
        <v>3</v>
      </c>
      <c r="EO35" s="282">
        <v>4</v>
      </c>
      <c r="EP35" s="276">
        <v>2</v>
      </c>
      <c r="EQ35" s="280">
        <v>2</v>
      </c>
      <c r="ER35" s="277">
        <v>4</v>
      </c>
      <c r="ES35" s="279">
        <v>0</v>
      </c>
      <c r="ET35" s="280">
        <v>5</v>
      </c>
      <c r="EU35" s="280">
        <v>2</v>
      </c>
      <c r="EV35" s="280">
        <v>3</v>
      </c>
      <c r="EW35" s="280">
        <v>2</v>
      </c>
      <c r="EX35" s="280">
        <v>0</v>
      </c>
      <c r="EY35" s="277">
        <v>12</v>
      </c>
      <c r="EZ35" s="282">
        <v>16</v>
      </c>
    </row>
    <row r="36" spans="2:156" ht="21" customHeight="1" x14ac:dyDescent="0.2">
      <c r="B36" s="261" t="s">
        <v>34</v>
      </c>
      <c r="C36" s="276">
        <v>0</v>
      </c>
      <c r="D36" s="280">
        <v>0</v>
      </c>
      <c r="E36" s="384">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2</v>
      </c>
      <c r="AZ36" s="280">
        <v>2</v>
      </c>
      <c r="BA36" s="280">
        <v>0</v>
      </c>
      <c r="BB36" s="280">
        <v>0</v>
      </c>
      <c r="BC36" s="280">
        <v>0</v>
      </c>
      <c r="BD36" s="281">
        <v>4</v>
      </c>
      <c r="BE36" s="282">
        <v>4</v>
      </c>
      <c r="BF36" s="276">
        <v>0</v>
      </c>
      <c r="BG36" s="280">
        <v>0</v>
      </c>
      <c r="BH36" s="277">
        <v>0</v>
      </c>
      <c r="BI36" s="279">
        <v>0</v>
      </c>
      <c r="BJ36" s="280">
        <v>0</v>
      </c>
      <c r="BK36" s="280">
        <v>1</v>
      </c>
      <c r="BL36" s="280">
        <v>1</v>
      </c>
      <c r="BM36" s="280">
        <v>0</v>
      </c>
      <c r="BN36" s="280">
        <v>0</v>
      </c>
      <c r="BO36" s="277">
        <v>2</v>
      </c>
      <c r="BP36" s="282">
        <v>2</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1</v>
      </c>
      <c r="DZ36" s="280">
        <v>0</v>
      </c>
      <c r="EA36" s="280">
        <v>0</v>
      </c>
      <c r="EB36" s="280">
        <v>1</v>
      </c>
      <c r="EC36" s="277">
        <v>3</v>
      </c>
      <c r="ED36" s="282">
        <v>3</v>
      </c>
      <c r="EE36" s="276">
        <v>0</v>
      </c>
      <c r="EF36" s="280">
        <v>0</v>
      </c>
      <c r="EG36" s="277">
        <v>0</v>
      </c>
      <c r="EH36" s="279">
        <v>0</v>
      </c>
      <c r="EI36" s="280">
        <v>0</v>
      </c>
      <c r="EJ36" s="280">
        <v>1</v>
      </c>
      <c r="EK36" s="280">
        <v>0</v>
      </c>
      <c r="EL36" s="280">
        <v>0</v>
      </c>
      <c r="EM36" s="280">
        <v>0</v>
      </c>
      <c r="EN36" s="277">
        <v>1</v>
      </c>
      <c r="EO36" s="282">
        <v>1</v>
      </c>
      <c r="EP36" s="276">
        <v>0</v>
      </c>
      <c r="EQ36" s="280">
        <v>0</v>
      </c>
      <c r="ER36" s="277">
        <v>0</v>
      </c>
      <c r="ES36" s="279">
        <v>0</v>
      </c>
      <c r="ET36" s="280">
        <v>1</v>
      </c>
      <c r="EU36" s="280">
        <v>2</v>
      </c>
      <c r="EV36" s="280">
        <v>1</v>
      </c>
      <c r="EW36" s="280">
        <v>0</v>
      </c>
      <c r="EX36" s="280">
        <v>0</v>
      </c>
      <c r="EY36" s="277">
        <v>4</v>
      </c>
      <c r="EZ36" s="282">
        <v>4</v>
      </c>
    </row>
    <row r="37" spans="2:156" ht="21" customHeight="1" x14ac:dyDescent="0.2">
      <c r="B37" s="261" t="s">
        <v>35</v>
      </c>
      <c r="C37" s="276">
        <v>0</v>
      </c>
      <c r="D37" s="280">
        <v>0</v>
      </c>
      <c r="E37" s="384">
        <v>0</v>
      </c>
      <c r="F37" s="279">
        <v>0</v>
      </c>
      <c r="G37" s="280">
        <v>4</v>
      </c>
      <c r="H37" s="280">
        <v>3</v>
      </c>
      <c r="I37" s="280">
        <v>3</v>
      </c>
      <c r="J37" s="280">
        <v>2</v>
      </c>
      <c r="K37" s="280">
        <v>0</v>
      </c>
      <c r="L37" s="281">
        <v>12</v>
      </c>
      <c r="M37" s="282">
        <v>12</v>
      </c>
      <c r="N37" s="276">
        <v>0</v>
      </c>
      <c r="O37" s="280">
        <v>0</v>
      </c>
      <c r="P37" s="277">
        <v>0</v>
      </c>
      <c r="Q37" s="279">
        <v>0</v>
      </c>
      <c r="R37" s="280">
        <v>0</v>
      </c>
      <c r="S37" s="280">
        <v>0</v>
      </c>
      <c r="T37" s="280">
        <v>0</v>
      </c>
      <c r="U37" s="280">
        <v>0</v>
      </c>
      <c r="V37" s="280">
        <v>0</v>
      </c>
      <c r="W37" s="277">
        <v>0</v>
      </c>
      <c r="X37" s="282">
        <v>0</v>
      </c>
      <c r="Y37" s="276">
        <v>0</v>
      </c>
      <c r="Z37" s="280">
        <v>1</v>
      </c>
      <c r="AA37" s="277">
        <v>1</v>
      </c>
      <c r="AB37" s="279">
        <v>0</v>
      </c>
      <c r="AC37" s="280">
        <v>2</v>
      </c>
      <c r="AD37" s="280">
        <v>1</v>
      </c>
      <c r="AE37" s="280">
        <v>1</v>
      </c>
      <c r="AF37" s="280">
        <v>4</v>
      </c>
      <c r="AG37" s="280">
        <v>0</v>
      </c>
      <c r="AH37" s="277">
        <v>8</v>
      </c>
      <c r="AI37" s="282">
        <v>9</v>
      </c>
      <c r="AJ37" s="276">
        <v>0</v>
      </c>
      <c r="AK37" s="280">
        <v>0</v>
      </c>
      <c r="AL37" s="277">
        <v>0</v>
      </c>
      <c r="AM37" s="279">
        <v>0</v>
      </c>
      <c r="AN37" s="280">
        <v>2</v>
      </c>
      <c r="AO37" s="280">
        <v>0</v>
      </c>
      <c r="AP37" s="280">
        <v>0</v>
      </c>
      <c r="AQ37" s="280">
        <v>0</v>
      </c>
      <c r="AR37" s="280">
        <v>0</v>
      </c>
      <c r="AS37" s="277">
        <v>2</v>
      </c>
      <c r="AT37" s="282">
        <v>2</v>
      </c>
      <c r="AU37" s="276">
        <v>3</v>
      </c>
      <c r="AV37" s="280">
        <v>2</v>
      </c>
      <c r="AW37" s="277">
        <v>5</v>
      </c>
      <c r="AX37" s="279">
        <v>0</v>
      </c>
      <c r="AY37" s="280">
        <v>3</v>
      </c>
      <c r="AZ37" s="280">
        <v>3</v>
      </c>
      <c r="BA37" s="280">
        <v>5</v>
      </c>
      <c r="BB37" s="280">
        <v>11</v>
      </c>
      <c r="BC37" s="280">
        <v>0</v>
      </c>
      <c r="BD37" s="281">
        <v>22</v>
      </c>
      <c r="BE37" s="282">
        <v>27</v>
      </c>
      <c r="BF37" s="276">
        <v>0</v>
      </c>
      <c r="BG37" s="280">
        <v>0</v>
      </c>
      <c r="BH37" s="277">
        <v>0</v>
      </c>
      <c r="BI37" s="279">
        <v>0</v>
      </c>
      <c r="BJ37" s="280">
        <v>5</v>
      </c>
      <c r="BK37" s="280">
        <v>3</v>
      </c>
      <c r="BL37" s="280">
        <v>1</v>
      </c>
      <c r="BM37" s="280">
        <v>1</v>
      </c>
      <c r="BN37" s="280">
        <v>0</v>
      </c>
      <c r="BO37" s="277">
        <v>10</v>
      </c>
      <c r="BP37" s="282">
        <v>10</v>
      </c>
      <c r="BQ37" s="276">
        <v>0</v>
      </c>
      <c r="BR37" s="280">
        <v>2</v>
      </c>
      <c r="BS37" s="277">
        <v>2</v>
      </c>
      <c r="BT37" s="279">
        <v>0</v>
      </c>
      <c r="BU37" s="280">
        <v>1</v>
      </c>
      <c r="BV37" s="280">
        <v>2</v>
      </c>
      <c r="BW37" s="280">
        <v>0</v>
      </c>
      <c r="BX37" s="280">
        <v>1</v>
      </c>
      <c r="BY37" s="280">
        <v>0</v>
      </c>
      <c r="BZ37" s="277">
        <v>4</v>
      </c>
      <c r="CA37" s="282">
        <v>6</v>
      </c>
      <c r="CB37" s="276">
        <v>0</v>
      </c>
      <c r="CC37" s="280">
        <v>0</v>
      </c>
      <c r="CD37" s="277">
        <v>0</v>
      </c>
      <c r="CE37" s="279">
        <v>0</v>
      </c>
      <c r="CF37" s="280">
        <v>1</v>
      </c>
      <c r="CG37" s="280">
        <v>0</v>
      </c>
      <c r="CH37" s="280">
        <v>0</v>
      </c>
      <c r="CI37" s="280">
        <v>2</v>
      </c>
      <c r="CJ37" s="280">
        <v>0</v>
      </c>
      <c r="CK37" s="277">
        <v>3</v>
      </c>
      <c r="CL37" s="282">
        <v>3</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1</v>
      </c>
      <c r="DU37" s="280">
        <v>1</v>
      </c>
      <c r="DV37" s="277">
        <v>2</v>
      </c>
      <c r="DW37" s="279">
        <v>0</v>
      </c>
      <c r="DX37" s="280">
        <v>4</v>
      </c>
      <c r="DY37" s="280">
        <v>7</v>
      </c>
      <c r="DZ37" s="280">
        <v>3</v>
      </c>
      <c r="EA37" s="280">
        <v>4</v>
      </c>
      <c r="EB37" s="280">
        <v>0</v>
      </c>
      <c r="EC37" s="277">
        <v>18</v>
      </c>
      <c r="ED37" s="282">
        <v>20</v>
      </c>
      <c r="EE37" s="276">
        <v>3</v>
      </c>
      <c r="EF37" s="280">
        <v>0</v>
      </c>
      <c r="EG37" s="277">
        <v>3</v>
      </c>
      <c r="EH37" s="279">
        <v>0</v>
      </c>
      <c r="EI37" s="280">
        <v>2</v>
      </c>
      <c r="EJ37" s="280">
        <v>2</v>
      </c>
      <c r="EK37" s="280">
        <v>4</v>
      </c>
      <c r="EL37" s="280">
        <v>5</v>
      </c>
      <c r="EM37" s="280">
        <v>0</v>
      </c>
      <c r="EN37" s="277">
        <v>13</v>
      </c>
      <c r="EO37" s="282">
        <v>16</v>
      </c>
      <c r="EP37" s="276">
        <v>1</v>
      </c>
      <c r="EQ37" s="280">
        <v>3</v>
      </c>
      <c r="ER37" s="277">
        <v>4</v>
      </c>
      <c r="ES37" s="279">
        <v>0</v>
      </c>
      <c r="ET37" s="280">
        <v>12</v>
      </c>
      <c r="EU37" s="280">
        <v>8</v>
      </c>
      <c r="EV37" s="280">
        <v>3</v>
      </c>
      <c r="EW37" s="280">
        <v>6</v>
      </c>
      <c r="EX37" s="280">
        <v>0</v>
      </c>
      <c r="EY37" s="277">
        <v>29</v>
      </c>
      <c r="EZ37" s="282">
        <v>33</v>
      </c>
    </row>
    <row r="38" spans="2:156" ht="21" customHeight="1" x14ac:dyDescent="0.2">
      <c r="B38" s="261" t="s">
        <v>36</v>
      </c>
      <c r="C38" s="276">
        <v>0</v>
      </c>
      <c r="D38" s="280">
        <v>0</v>
      </c>
      <c r="E38" s="384">
        <v>0</v>
      </c>
      <c r="F38" s="279">
        <v>0</v>
      </c>
      <c r="G38" s="280">
        <v>1</v>
      </c>
      <c r="H38" s="280">
        <v>1</v>
      </c>
      <c r="I38" s="280">
        <v>1</v>
      </c>
      <c r="J38" s="280">
        <v>0</v>
      </c>
      <c r="K38" s="280">
        <v>0</v>
      </c>
      <c r="L38" s="281">
        <v>3</v>
      </c>
      <c r="M38" s="282">
        <v>3</v>
      </c>
      <c r="N38" s="276">
        <v>0</v>
      </c>
      <c r="O38" s="280">
        <v>0</v>
      </c>
      <c r="P38" s="277">
        <v>0</v>
      </c>
      <c r="Q38" s="279">
        <v>0</v>
      </c>
      <c r="R38" s="280">
        <v>1</v>
      </c>
      <c r="S38" s="280">
        <v>0</v>
      </c>
      <c r="T38" s="280">
        <v>0</v>
      </c>
      <c r="U38" s="280">
        <v>0</v>
      </c>
      <c r="V38" s="280">
        <v>0</v>
      </c>
      <c r="W38" s="277">
        <v>1</v>
      </c>
      <c r="X38" s="282">
        <v>1</v>
      </c>
      <c r="Y38" s="276">
        <v>0</v>
      </c>
      <c r="Z38" s="280">
        <v>3</v>
      </c>
      <c r="AA38" s="277">
        <v>3</v>
      </c>
      <c r="AB38" s="279">
        <v>0</v>
      </c>
      <c r="AC38" s="280">
        <v>3</v>
      </c>
      <c r="AD38" s="280">
        <v>2</v>
      </c>
      <c r="AE38" s="280">
        <v>3</v>
      </c>
      <c r="AF38" s="280">
        <v>1</v>
      </c>
      <c r="AG38" s="280">
        <v>0</v>
      </c>
      <c r="AH38" s="277">
        <v>9</v>
      </c>
      <c r="AI38" s="282">
        <v>12</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1</v>
      </c>
      <c r="AZ38" s="280">
        <v>1</v>
      </c>
      <c r="BA38" s="280">
        <v>2</v>
      </c>
      <c r="BB38" s="280">
        <v>3</v>
      </c>
      <c r="BC38" s="280">
        <v>1</v>
      </c>
      <c r="BD38" s="281">
        <v>8</v>
      </c>
      <c r="BE38" s="282">
        <v>8</v>
      </c>
      <c r="BF38" s="276">
        <v>0</v>
      </c>
      <c r="BG38" s="280">
        <v>0</v>
      </c>
      <c r="BH38" s="277">
        <v>0</v>
      </c>
      <c r="BI38" s="279">
        <v>0</v>
      </c>
      <c r="BJ38" s="280">
        <v>3</v>
      </c>
      <c r="BK38" s="280">
        <v>1</v>
      </c>
      <c r="BL38" s="280">
        <v>2</v>
      </c>
      <c r="BM38" s="280">
        <v>2</v>
      </c>
      <c r="BN38" s="280">
        <v>1</v>
      </c>
      <c r="BO38" s="277">
        <v>9</v>
      </c>
      <c r="BP38" s="282">
        <v>9</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5</v>
      </c>
      <c r="DY38" s="280">
        <v>3</v>
      </c>
      <c r="DZ38" s="280">
        <v>3</v>
      </c>
      <c r="EA38" s="280">
        <v>1</v>
      </c>
      <c r="EB38" s="280">
        <v>1</v>
      </c>
      <c r="EC38" s="277">
        <v>13</v>
      </c>
      <c r="ED38" s="282">
        <v>14</v>
      </c>
      <c r="EE38" s="276">
        <v>0</v>
      </c>
      <c r="EF38" s="280">
        <v>0</v>
      </c>
      <c r="EG38" s="277">
        <v>0</v>
      </c>
      <c r="EH38" s="279">
        <v>0</v>
      </c>
      <c r="EI38" s="280">
        <v>0</v>
      </c>
      <c r="EJ38" s="280">
        <v>1</v>
      </c>
      <c r="EK38" s="280">
        <v>2</v>
      </c>
      <c r="EL38" s="280">
        <v>3</v>
      </c>
      <c r="EM38" s="280">
        <v>0</v>
      </c>
      <c r="EN38" s="277">
        <v>6</v>
      </c>
      <c r="EO38" s="282">
        <v>6</v>
      </c>
      <c r="EP38" s="276">
        <v>0</v>
      </c>
      <c r="EQ38" s="280">
        <v>4</v>
      </c>
      <c r="ER38" s="277">
        <v>4</v>
      </c>
      <c r="ES38" s="279">
        <v>0</v>
      </c>
      <c r="ET38" s="280">
        <v>7</v>
      </c>
      <c r="EU38" s="280">
        <v>4</v>
      </c>
      <c r="EV38" s="280">
        <v>3</v>
      </c>
      <c r="EW38" s="280">
        <v>2</v>
      </c>
      <c r="EX38" s="280">
        <v>1</v>
      </c>
      <c r="EY38" s="277">
        <v>17</v>
      </c>
      <c r="EZ38" s="282">
        <v>21</v>
      </c>
    </row>
    <row r="39" spans="2:156" ht="21" customHeight="1" thickBot="1" x14ac:dyDescent="0.25">
      <c r="B39" s="262" t="s">
        <v>37</v>
      </c>
      <c r="C39" s="283">
        <v>0</v>
      </c>
      <c r="D39" s="287">
        <v>0</v>
      </c>
      <c r="E39" s="385">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1</v>
      </c>
      <c r="CV39" s="284">
        <v>1</v>
      </c>
      <c r="CW39" s="289">
        <v>1</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0</v>
      </c>
      <c r="ER39" s="284">
        <v>0</v>
      </c>
      <c r="ES39" s="286">
        <v>0</v>
      </c>
      <c r="ET39" s="287">
        <v>0</v>
      </c>
      <c r="EU39" s="287">
        <v>0</v>
      </c>
      <c r="EV39" s="287">
        <v>0</v>
      </c>
      <c r="EW39" s="287">
        <v>0</v>
      </c>
      <c r="EX39" s="287">
        <v>1</v>
      </c>
      <c r="EY39" s="284">
        <v>1</v>
      </c>
      <c r="EZ39" s="289">
        <v>1</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26">
        <f>第１表!F2</f>
        <v>5</v>
      </c>
      <c r="K1" s="526"/>
      <c r="L1" s="248">
        <f>第１表!G2</f>
        <v>3</v>
      </c>
      <c r="M1" s="530">
        <f>IF(L1&lt;3,L1+12-2,L1-2)</f>
        <v>1</v>
      </c>
      <c r="N1" s="530"/>
    </row>
    <row r="2" spans="2:112" ht="24" customHeight="1" thickBot="1" x14ac:dyDescent="0.25">
      <c r="B2" s="290" t="s">
        <v>139</v>
      </c>
    </row>
    <row r="3" spans="2:112" ht="21" customHeight="1" thickBot="1" x14ac:dyDescent="0.25">
      <c r="B3" s="550"/>
      <c r="C3" s="553" t="s">
        <v>112</v>
      </c>
      <c r="D3" s="553"/>
      <c r="E3" s="553"/>
      <c r="F3" s="553"/>
      <c r="G3" s="553"/>
      <c r="H3" s="553"/>
      <c r="I3" s="553"/>
      <c r="J3" s="553"/>
      <c r="K3" s="553"/>
      <c r="L3" s="553"/>
      <c r="M3" s="554"/>
      <c r="N3" s="548" t="s">
        <v>111</v>
      </c>
      <c r="O3" s="548"/>
      <c r="P3" s="548"/>
      <c r="Q3" s="548"/>
      <c r="R3" s="548"/>
      <c r="S3" s="548"/>
      <c r="T3" s="548"/>
      <c r="U3" s="548"/>
      <c r="V3" s="548"/>
      <c r="W3" s="548"/>
      <c r="X3" s="549"/>
      <c r="Y3" s="547" t="s">
        <v>110</v>
      </c>
      <c r="Z3" s="548"/>
      <c r="AA3" s="548"/>
      <c r="AB3" s="548"/>
      <c r="AC3" s="548"/>
      <c r="AD3" s="548"/>
      <c r="AE3" s="548"/>
      <c r="AF3" s="548"/>
      <c r="AG3" s="548"/>
      <c r="AH3" s="548"/>
      <c r="AI3" s="549"/>
      <c r="AJ3" s="547" t="s">
        <v>109</v>
      </c>
      <c r="AK3" s="548"/>
      <c r="AL3" s="548"/>
      <c r="AM3" s="548"/>
      <c r="AN3" s="548"/>
      <c r="AO3" s="548"/>
      <c r="AP3" s="548"/>
      <c r="AQ3" s="548"/>
      <c r="AR3" s="548"/>
      <c r="AS3" s="548"/>
      <c r="AT3" s="549"/>
      <c r="AU3" s="547" t="s">
        <v>108</v>
      </c>
      <c r="AV3" s="548"/>
      <c r="AW3" s="548"/>
      <c r="AX3" s="548"/>
      <c r="AY3" s="548"/>
      <c r="AZ3" s="548"/>
      <c r="BA3" s="548"/>
      <c r="BB3" s="548"/>
      <c r="BC3" s="548"/>
      <c r="BD3" s="548"/>
      <c r="BE3" s="549"/>
      <c r="BF3" s="547" t="s">
        <v>107</v>
      </c>
      <c r="BG3" s="548"/>
      <c r="BH3" s="548"/>
      <c r="BI3" s="548"/>
      <c r="BJ3" s="548"/>
      <c r="BK3" s="548"/>
      <c r="BL3" s="548"/>
      <c r="BM3" s="548"/>
      <c r="BN3" s="548"/>
      <c r="BO3" s="548"/>
      <c r="BP3" s="549"/>
      <c r="BQ3" s="547" t="s">
        <v>106</v>
      </c>
      <c r="BR3" s="548"/>
      <c r="BS3" s="548"/>
      <c r="BT3" s="548"/>
      <c r="BU3" s="548"/>
      <c r="BV3" s="548"/>
      <c r="BW3" s="548"/>
      <c r="BX3" s="548"/>
      <c r="BY3" s="548"/>
      <c r="BZ3" s="548"/>
      <c r="CA3" s="549"/>
      <c r="CB3" s="547" t="s">
        <v>128</v>
      </c>
      <c r="CC3" s="548"/>
      <c r="CD3" s="548"/>
      <c r="CE3" s="548"/>
      <c r="CF3" s="548"/>
      <c r="CG3" s="548"/>
      <c r="CH3" s="548"/>
      <c r="CI3" s="548"/>
      <c r="CJ3" s="548"/>
      <c r="CK3" s="548"/>
      <c r="CL3" s="549"/>
      <c r="CM3" s="547" t="s">
        <v>105</v>
      </c>
      <c r="CN3" s="548"/>
      <c r="CO3" s="548"/>
      <c r="CP3" s="548"/>
      <c r="CQ3" s="548"/>
      <c r="CR3" s="548"/>
      <c r="CS3" s="548"/>
      <c r="CT3" s="548"/>
      <c r="CU3" s="548"/>
      <c r="CV3" s="548"/>
      <c r="CW3" s="549"/>
      <c r="CX3" s="547" t="s">
        <v>160</v>
      </c>
      <c r="CY3" s="548"/>
      <c r="CZ3" s="548"/>
      <c r="DA3" s="548"/>
      <c r="DB3" s="548"/>
      <c r="DC3" s="548"/>
      <c r="DD3" s="548"/>
      <c r="DE3" s="548"/>
      <c r="DF3" s="548"/>
      <c r="DG3" s="548"/>
      <c r="DH3" s="549"/>
    </row>
    <row r="4" spans="2:112" ht="21" customHeight="1" x14ac:dyDescent="0.2">
      <c r="B4" s="551"/>
      <c r="C4" s="555" t="s">
        <v>61</v>
      </c>
      <c r="D4" s="538"/>
      <c r="E4" s="539"/>
      <c r="F4" s="537" t="s">
        <v>62</v>
      </c>
      <c r="G4" s="538"/>
      <c r="H4" s="538"/>
      <c r="I4" s="538"/>
      <c r="J4" s="538"/>
      <c r="K4" s="538"/>
      <c r="L4" s="546"/>
      <c r="M4" s="540" t="s">
        <v>52</v>
      </c>
      <c r="N4" s="555" t="s">
        <v>61</v>
      </c>
      <c r="O4" s="538"/>
      <c r="P4" s="539"/>
      <c r="Q4" s="537" t="s">
        <v>62</v>
      </c>
      <c r="R4" s="538"/>
      <c r="S4" s="538"/>
      <c r="T4" s="538"/>
      <c r="U4" s="538"/>
      <c r="V4" s="538"/>
      <c r="W4" s="539"/>
      <c r="X4" s="540" t="s">
        <v>52</v>
      </c>
      <c r="Y4" s="542" t="s">
        <v>61</v>
      </c>
      <c r="Z4" s="538"/>
      <c r="AA4" s="546"/>
      <c r="AB4" s="537" t="s">
        <v>62</v>
      </c>
      <c r="AC4" s="538"/>
      <c r="AD4" s="538"/>
      <c r="AE4" s="538"/>
      <c r="AF4" s="538"/>
      <c r="AG4" s="538"/>
      <c r="AH4" s="539"/>
      <c r="AI4" s="540" t="s">
        <v>52</v>
      </c>
      <c r="AJ4" s="542" t="s">
        <v>61</v>
      </c>
      <c r="AK4" s="538"/>
      <c r="AL4" s="539"/>
      <c r="AM4" s="537" t="s">
        <v>62</v>
      </c>
      <c r="AN4" s="538"/>
      <c r="AO4" s="538"/>
      <c r="AP4" s="538"/>
      <c r="AQ4" s="538"/>
      <c r="AR4" s="538"/>
      <c r="AS4" s="539"/>
      <c r="AT4" s="540" t="s">
        <v>52</v>
      </c>
      <c r="AU4" s="542" t="s">
        <v>61</v>
      </c>
      <c r="AV4" s="538"/>
      <c r="AW4" s="546"/>
      <c r="AX4" s="537" t="s">
        <v>62</v>
      </c>
      <c r="AY4" s="538"/>
      <c r="AZ4" s="538"/>
      <c r="BA4" s="538"/>
      <c r="BB4" s="538"/>
      <c r="BC4" s="538"/>
      <c r="BD4" s="546"/>
      <c r="BE4" s="540" t="s">
        <v>52</v>
      </c>
      <c r="BF4" s="542" t="s">
        <v>61</v>
      </c>
      <c r="BG4" s="538"/>
      <c r="BH4" s="539"/>
      <c r="BI4" s="537" t="s">
        <v>62</v>
      </c>
      <c r="BJ4" s="538"/>
      <c r="BK4" s="538"/>
      <c r="BL4" s="538"/>
      <c r="BM4" s="538"/>
      <c r="BN4" s="538"/>
      <c r="BO4" s="539"/>
      <c r="BP4" s="540" t="s">
        <v>52</v>
      </c>
      <c r="BQ4" s="542" t="s">
        <v>61</v>
      </c>
      <c r="BR4" s="538"/>
      <c r="BS4" s="539"/>
      <c r="BT4" s="537" t="s">
        <v>62</v>
      </c>
      <c r="BU4" s="538"/>
      <c r="BV4" s="538"/>
      <c r="BW4" s="538"/>
      <c r="BX4" s="538"/>
      <c r="BY4" s="538"/>
      <c r="BZ4" s="539"/>
      <c r="CA4" s="540" t="s">
        <v>52</v>
      </c>
      <c r="CB4" s="542" t="s">
        <v>61</v>
      </c>
      <c r="CC4" s="538"/>
      <c r="CD4" s="539"/>
      <c r="CE4" s="537" t="s">
        <v>62</v>
      </c>
      <c r="CF4" s="538"/>
      <c r="CG4" s="538"/>
      <c r="CH4" s="538"/>
      <c r="CI4" s="538"/>
      <c r="CJ4" s="538"/>
      <c r="CK4" s="539"/>
      <c r="CL4" s="540" t="s">
        <v>52</v>
      </c>
      <c r="CM4" s="542" t="s">
        <v>61</v>
      </c>
      <c r="CN4" s="538"/>
      <c r="CO4" s="539"/>
      <c r="CP4" s="537" t="s">
        <v>62</v>
      </c>
      <c r="CQ4" s="538"/>
      <c r="CR4" s="538"/>
      <c r="CS4" s="538"/>
      <c r="CT4" s="538"/>
      <c r="CU4" s="538"/>
      <c r="CV4" s="539"/>
      <c r="CW4" s="540" t="s">
        <v>52</v>
      </c>
      <c r="CX4" s="542" t="s">
        <v>61</v>
      </c>
      <c r="CY4" s="538"/>
      <c r="CZ4" s="539"/>
      <c r="DA4" s="537" t="s">
        <v>62</v>
      </c>
      <c r="DB4" s="538"/>
      <c r="DC4" s="538"/>
      <c r="DD4" s="538"/>
      <c r="DE4" s="538"/>
      <c r="DF4" s="538"/>
      <c r="DG4" s="539"/>
      <c r="DH4" s="540" t="s">
        <v>52</v>
      </c>
    </row>
    <row r="5" spans="2:112" ht="30" customHeight="1" thickBot="1" x14ac:dyDescent="0.25">
      <c r="B5" s="552"/>
      <c r="C5" s="264" t="s">
        <v>43</v>
      </c>
      <c r="D5" s="259" t="s">
        <v>44</v>
      </c>
      <c r="E5" s="382" t="s">
        <v>45</v>
      </c>
      <c r="F5" s="267" t="s">
        <v>83</v>
      </c>
      <c r="G5" s="259" t="s">
        <v>47</v>
      </c>
      <c r="H5" s="259" t="s">
        <v>48</v>
      </c>
      <c r="I5" s="259" t="s">
        <v>49</v>
      </c>
      <c r="J5" s="259" t="s">
        <v>50</v>
      </c>
      <c r="K5" s="259" t="s">
        <v>51</v>
      </c>
      <c r="L5" s="268" t="s">
        <v>45</v>
      </c>
      <c r="M5" s="541"/>
      <c r="N5" s="264" t="s">
        <v>43</v>
      </c>
      <c r="O5" s="259" t="s">
        <v>44</v>
      </c>
      <c r="P5" s="265" t="s">
        <v>45</v>
      </c>
      <c r="Q5" s="267" t="s">
        <v>83</v>
      </c>
      <c r="R5" s="259" t="s">
        <v>47</v>
      </c>
      <c r="S5" s="259" t="s">
        <v>48</v>
      </c>
      <c r="T5" s="259" t="s">
        <v>49</v>
      </c>
      <c r="U5" s="259" t="s">
        <v>50</v>
      </c>
      <c r="V5" s="259" t="s">
        <v>51</v>
      </c>
      <c r="W5" s="265" t="s">
        <v>45</v>
      </c>
      <c r="X5" s="541"/>
      <c r="Y5" s="311" t="s">
        <v>43</v>
      </c>
      <c r="Z5" s="259" t="s">
        <v>44</v>
      </c>
      <c r="AA5" s="268" t="s">
        <v>45</v>
      </c>
      <c r="AB5" s="267" t="s">
        <v>83</v>
      </c>
      <c r="AC5" s="259" t="s">
        <v>47</v>
      </c>
      <c r="AD5" s="259" t="s">
        <v>48</v>
      </c>
      <c r="AE5" s="259" t="s">
        <v>49</v>
      </c>
      <c r="AF5" s="259" t="s">
        <v>50</v>
      </c>
      <c r="AG5" s="259" t="s">
        <v>51</v>
      </c>
      <c r="AH5" s="265" t="s">
        <v>45</v>
      </c>
      <c r="AI5" s="541"/>
      <c r="AJ5" s="263" t="s">
        <v>43</v>
      </c>
      <c r="AK5" s="259" t="s">
        <v>44</v>
      </c>
      <c r="AL5" s="265" t="s">
        <v>45</v>
      </c>
      <c r="AM5" s="267" t="s">
        <v>83</v>
      </c>
      <c r="AN5" s="259" t="s">
        <v>47</v>
      </c>
      <c r="AO5" s="259" t="s">
        <v>48</v>
      </c>
      <c r="AP5" s="259" t="s">
        <v>49</v>
      </c>
      <c r="AQ5" s="259" t="s">
        <v>50</v>
      </c>
      <c r="AR5" s="259" t="s">
        <v>51</v>
      </c>
      <c r="AS5" s="265" t="s">
        <v>45</v>
      </c>
      <c r="AT5" s="541"/>
      <c r="AU5" s="311" t="s">
        <v>43</v>
      </c>
      <c r="AV5" s="259" t="s">
        <v>44</v>
      </c>
      <c r="AW5" s="268" t="s">
        <v>45</v>
      </c>
      <c r="AX5" s="267" t="s">
        <v>83</v>
      </c>
      <c r="AY5" s="259" t="s">
        <v>47</v>
      </c>
      <c r="AZ5" s="259" t="s">
        <v>48</v>
      </c>
      <c r="BA5" s="259" t="s">
        <v>49</v>
      </c>
      <c r="BB5" s="259" t="s">
        <v>50</v>
      </c>
      <c r="BC5" s="259" t="s">
        <v>51</v>
      </c>
      <c r="BD5" s="268" t="s">
        <v>45</v>
      </c>
      <c r="BE5" s="541"/>
      <c r="BF5" s="311" t="s">
        <v>43</v>
      </c>
      <c r="BG5" s="259" t="s">
        <v>44</v>
      </c>
      <c r="BH5" s="265" t="s">
        <v>45</v>
      </c>
      <c r="BI5" s="267" t="s">
        <v>83</v>
      </c>
      <c r="BJ5" s="259" t="s">
        <v>47</v>
      </c>
      <c r="BK5" s="259" t="s">
        <v>48</v>
      </c>
      <c r="BL5" s="259" t="s">
        <v>49</v>
      </c>
      <c r="BM5" s="259" t="s">
        <v>50</v>
      </c>
      <c r="BN5" s="259" t="s">
        <v>51</v>
      </c>
      <c r="BO5" s="265" t="s">
        <v>45</v>
      </c>
      <c r="BP5" s="541"/>
      <c r="BQ5" s="311" t="s">
        <v>43</v>
      </c>
      <c r="BR5" s="259" t="s">
        <v>44</v>
      </c>
      <c r="BS5" s="265" t="s">
        <v>45</v>
      </c>
      <c r="BT5" s="267" t="s">
        <v>83</v>
      </c>
      <c r="BU5" s="259" t="s">
        <v>47</v>
      </c>
      <c r="BV5" s="259" t="s">
        <v>48</v>
      </c>
      <c r="BW5" s="259" t="s">
        <v>49</v>
      </c>
      <c r="BX5" s="259" t="s">
        <v>50</v>
      </c>
      <c r="BY5" s="259" t="s">
        <v>51</v>
      </c>
      <c r="BZ5" s="265" t="s">
        <v>45</v>
      </c>
      <c r="CA5" s="541"/>
      <c r="CB5" s="311" t="s">
        <v>43</v>
      </c>
      <c r="CC5" s="259" t="s">
        <v>44</v>
      </c>
      <c r="CD5" s="265" t="s">
        <v>45</v>
      </c>
      <c r="CE5" s="267" t="s">
        <v>83</v>
      </c>
      <c r="CF5" s="259" t="s">
        <v>47</v>
      </c>
      <c r="CG5" s="259" t="s">
        <v>48</v>
      </c>
      <c r="CH5" s="259" t="s">
        <v>49</v>
      </c>
      <c r="CI5" s="259" t="s">
        <v>50</v>
      </c>
      <c r="CJ5" s="259" t="s">
        <v>51</v>
      </c>
      <c r="CK5" s="265" t="s">
        <v>45</v>
      </c>
      <c r="CL5" s="541"/>
      <c r="CM5" s="311" t="s">
        <v>43</v>
      </c>
      <c r="CN5" s="259" t="s">
        <v>44</v>
      </c>
      <c r="CO5" s="265" t="s">
        <v>45</v>
      </c>
      <c r="CP5" s="267" t="s">
        <v>83</v>
      </c>
      <c r="CQ5" s="259" t="s">
        <v>47</v>
      </c>
      <c r="CR5" s="259" t="s">
        <v>48</v>
      </c>
      <c r="CS5" s="259" t="s">
        <v>49</v>
      </c>
      <c r="CT5" s="259" t="s">
        <v>50</v>
      </c>
      <c r="CU5" s="259" t="s">
        <v>51</v>
      </c>
      <c r="CV5" s="265" t="s">
        <v>45</v>
      </c>
      <c r="CW5" s="541"/>
      <c r="CX5" s="365" t="s">
        <v>43</v>
      </c>
      <c r="CY5" s="259" t="s">
        <v>44</v>
      </c>
      <c r="CZ5" s="265" t="s">
        <v>45</v>
      </c>
      <c r="DA5" s="267" t="s">
        <v>83</v>
      </c>
      <c r="DB5" s="259" t="s">
        <v>47</v>
      </c>
      <c r="DC5" s="259" t="s">
        <v>48</v>
      </c>
      <c r="DD5" s="259" t="s">
        <v>49</v>
      </c>
      <c r="DE5" s="259" t="s">
        <v>50</v>
      </c>
      <c r="DF5" s="259" t="s">
        <v>51</v>
      </c>
      <c r="DG5" s="265" t="s">
        <v>45</v>
      </c>
      <c r="DH5" s="541"/>
    </row>
    <row r="6" spans="2:112" ht="21" customHeight="1" x14ac:dyDescent="0.2">
      <c r="B6" s="260" t="s">
        <v>4</v>
      </c>
      <c r="C6" s="269">
        <v>0</v>
      </c>
      <c r="D6" s="273">
        <v>0</v>
      </c>
      <c r="E6" s="383">
        <v>0</v>
      </c>
      <c r="F6" s="272">
        <v>0</v>
      </c>
      <c r="G6" s="273">
        <v>203308</v>
      </c>
      <c r="H6" s="273">
        <v>322046</v>
      </c>
      <c r="I6" s="273">
        <v>345997</v>
      </c>
      <c r="J6" s="273">
        <v>419989</v>
      </c>
      <c r="K6" s="273">
        <v>396572</v>
      </c>
      <c r="L6" s="274">
        <v>1687912</v>
      </c>
      <c r="M6" s="275">
        <v>1687912</v>
      </c>
      <c r="N6" s="269">
        <v>5</v>
      </c>
      <c r="O6" s="273">
        <v>80</v>
      </c>
      <c r="P6" s="270">
        <v>85</v>
      </c>
      <c r="Q6" s="272">
        <v>0</v>
      </c>
      <c r="R6" s="273">
        <v>452</v>
      </c>
      <c r="S6" s="273">
        <v>1914</v>
      </c>
      <c r="T6" s="273">
        <v>3711</v>
      </c>
      <c r="U6" s="273">
        <v>8804</v>
      </c>
      <c r="V6" s="273">
        <v>16681</v>
      </c>
      <c r="W6" s="270">
        <v>31562</v>
      </c>
      <c r="X6" s="275">
        <v>31647</v>
      </c>
      <c r="Y6" s="269">
        <v>11730</v>
      </c>
      <c r="Z6" s="273">
        <v>36961</v>
      </c>
      <c r="AA6" s="270">
        <v>48691</v>
      </c>
      <c r="AB6" s="272">
        <v>0</v>
      </c>
      <c r="AC6" s="273">
        <v>96549</v>
      </c>
      <c r="AD6" s="273">
        <v>150799</v>
      </c>
      <c r="AE6" s="273">
        <v>97019</v>
      </c>
      <c r="AF6" s="273">
        <v>88702</v>
      </c>
      <c r="AG6" s="273">
        <v>72147</v>
      </c>
      <c r="AH6" s="270">
        <v>505216</v>
      </c>
      <c r="AI6" s="275">
        <v>553907</v>
      </c>
      <c r="AJ6" s="269">
        <v>2136</v>
      </c>
      <c r="AK6" s="273">
        <v>7944</v>
      </c>
      <c r="AL6" s="270">
        <v>10080</v>
      </c>
      <c r="AM6" s="272">
        <v>0</v>
      </c>
      <c r="AN6" s="273">
        <v>11593</v>
      </c>
      <c r="AO6" s="273">
        <v>19151</v>
      </c>
      <c r="AP6" s="273">
        <v>12811</v>
      </c>
      <c r="AQ6" s="273">
        <v>11662</v>
      </c>
      <c r="AR6" s="273">
        <v>7116</v>
      </c>
      <c r="AS6" s="270">
        <v>62333</v>
      </c>
      <c r="AT6" s="275">
        <v>72413</v>
      </c>
      <c r="AU6" s="269">
        <v>0</v>
      </c>
      <c r="AV6" s="273">
        <v>5</v>
      </c>
      <c r="AW6" s="270">
        <v>5</v>
      </c>
      <c r="AX6" s="272">
        <v>0</v>
      </c>
      <c r="AY6" s="273">
        <v>169488</v>
      </c>
      <c r="AZ6" s="273">
        <v>169831</v>
      </c>
      <c r="BA6" s="273">
        <v>105889</v>
      </c>
      <c r="BB6" s="273">
        <v>63483</v>
      </c>
      <c r="BC6" s="273">
        <v>29561</v>
      </c>
      <c r="BD6" s="274">
        <v>538252</v>
      </c>
      <c r="BE6" s="275">
        <v>538257</v>
      </c>
      <c r="BF6" s="269">
        <v>0</v>
      </c>
      <c r="BG6" s="273">
        <v>0</v>
      </c>
      <c r="BH6" s="270">
        <v>0</v>
      </c>
      <c r="BI6" s="272">
        <v>0</v>
      </c>
      <c r="BJ6" s="273">
        <v>27416</v>
      </c>
      <c r="BK6" s="273">
        <v>42128</v>
      </c>
      <c r="BL6" s="273">
        <v>25772</v>
      </c>
      <c r="BM6" s="273">
        <v>16190</v>
      </c>
      <c r="BN6" s="273">
        <v>5901</v>
      </c>
      <c r="BO6" s="270">
        <v>117407</v>
      </c>
      <c r="BP6" s="275">
        <v>117407</v>
      </c>
      <c r="BQ6" s="269">
        <v>331</v>
      </c>
      <c r="BR6" s="273">
        <v>1034</v>
      </c>
      <c r="BS6" s="270">
        <v>1365</v>
      </c>
      <c r="BT6" s="272">
        <v>0</v>
      </c>
      <c r="BU6" s="273">
        <v>15705</v>
      </c>
      <c r="BV6" s="273">
        <v>30338</v>
      </c>
      <c r="BW6" s="273">
        <v>52768</v>
      </c>
      <c r="BX6" s="273">
        <v>40021</v>
      </c>
      <c r="BY6" s="273">
        <v>19990</v>
      </c>
      <c r="BZ6" s="270">
        <v>158822</v>
      </c>
      <c r="CA6" s="275">
        <v>160187</v>
      </c>
      <c r="CB6" s="269">
        <v>21</v>
      </c>
      <c r="CC6" s="273">
        <v>100</v>
      </c>
      <c r="CD6" s="270">
        <v>121</v>
      </c>
      <c r="CE6" s="272">
        <v>0</v>
      </c>
      <c r="CF6" s="273">
        <v>1125</v>
      </c>
      <c r="CG6" s="273">
        <v>2771</v>
      </c>
      <c r="CH6" s="273">
        <v>3905</v>
      </c>
      <c r="CI6" s="273">
        <v>4013</v>
      </c>
      <c r="CJ6" s="273">
        <v>2484</v>
      </c>
      <c r="CK6" s="270">
        <v>14298</v>
      </c>
      <c r="CL6" s="275">
        <v>14419</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5</v>
      </c>
      <c r="DE6" s="273">
        <v>0</v>
      </c>
      <c r="DF6" s="273">
        <v>0</v>
      </c>
      <c r="DG6" s="270">
        <v>5</v>
      </c>
      <c r="DH6" s="275">
        <v>5</v>
      </c>
    </row>
    <row r="7" spans="2:112" ht="21" customHeight="1" x14ac:dyDescent="0.2">
      <c r="B7" s="261" t="s">
        <v>5</v>
      </c>
      <c r="C7" s="276">
        <v>0</v>
      </c>
      <c r="D7" s="280">
        <v>0</v>
      </c>
      <c r="E7" s="384">
        <v>0</v>
      </c>
      <c r="F7" s="279">
        <v>0</v>
      </c>
      <c r="G7" s="280">
        <v>68862</v>
      </c>
      <c r="H7" s="280">
        <v>136866</v>
      </c>
      <c r="I7" s="280">
        <v>124238</v>
      </c>
      <c r="J7" s="280">
        <v>145364</v>
      </c>
      <c r="K7" s="280">
        <v>149244</v>
      </c>
      <c r="L7" s="281">
        <v>624574</v>
      </c>
      <c r="M7" s="282">
        <v>624574</v>
      </c>
      <c r="N7" s="276">
        <v>4</v>
      </c>
      <c r="O7" s="280">
        <v>27</v>
      </c>
      <c r="P7" s="277">
        <v>31</v>
      </c>
      <c r="Q7" s="279">
        <v>0</v>
      </c>
      <c r="R7" s="280">
        <v>91</v>
      </c>
      <c r="S7" s="280">
        <v>656</v>
      </c>
      <c r="T7" s="280">
        <v>1458</v>
      </c>
      <c r="U7" s="280">
        <v>3484</v>
      </c>
      <c r="V7" s="280">
        <v>7446</v>
      </c>
      <c r="W7" s="277">
        <v>13135</v>
      </c>
      <c r="X7" s="282">
        <v>13166</v>
      </c>
      <c r="Y7" s="276">
        <v>5243</v>
      </c>
      <c r="Z7" s="280">
        <v>18969</v>
      </c>
      <c r="AA7" s="277">
        <v>24212</v>
      </c>
      <c r="AB7" s="279">
        <v>0</v>
      </c>
      <c r="AC7" s="280">
        <v>35652</v>
      </c>
      <c r="AD7" s="280">
        <v>79850</v>
      </c>
      <c r="AE7" s="280">
        <v>47967</v>
      </c>
      <c r="AF7" s="280">
        <v>41317</v>
      </c>
      <c r="AG7" s="280">
        <v>33278</v>
      </c>
      <c r="AH7" s="277">
        <v>238064</v>
      </c>
      <c r="AI7" s="282">
        <v>262276</v>
      </c>
      <c r="AJ7" s="276">
        <v>890</v>
      </c>
      <c r="AK7" s="280">
        <v>4295</v>
      </c>
      <c r="AL7" s="277">
        <v>5185</v>
      </c>
      <c r="AM7" s="279">
        <v>0</v>
      </c>
      <c r="AN7" s="280">
        <v>2886</v>
      </c>
      <c r="AO7" s="280">
        <v>7811</v>
      </c>
      <c r="AP7" s="280">
        <v>5534</v>
      </c>
      <c r="AQ7" s="280">
        <v>4952</v>
      </c>
      <c r="AR7" s="280">
        <v>2679</v>
      </c>
      <c r="AS7" s="277">
        <v>23862</v>
      </c>
      <c r="AT7" s="282">
        <v>29047</v>
      </c>
      <c r="AU7" s="276">
        <v>0</v>
      </c>
      <c r="AV7" s="280">
        <v>0</v>
      </c>
      <c r="AW7" s="277">
        <v>0</v>
      </c>
      <c r="AX7" s="279">
        <v>0</v>
      </c>
      <c r="AY7" s="280">
        <v>53223</v>
      </c>
      <c r="AZ7" s="280">
        <v>67365</v>
      </c>
      <c r="BA7" s="280">
        <v>37338</v>
      </c>
      <c r="BB7" s="280">
        <v>20657</v>
      </c>
      <c r="BC7" s="280">
        <v>10257</v>
      </c>
      <c r="BD7" s="281">
        <v>188840</v>
      </c>
      <c r="BE7" s="282">
        <v>188840</v>
      </c>
      <c r="BF7" s="276">
        <v>0</v>
      </c>
      <c r="BG7" s="280">
        <v>0</v>
      </c>
      <c r="BH7" s="277">
        <v>0</v>
      </c>
      <c r="BI7" s="279">
        <v>0</v>
      </c>
      <c r="BJ7" s="280">
        <v>7955</v>
      </c>
      <c r="BK7" s="280">
        <v>18810</v>
      </c>
      <c r="BL7" s="280">
        <v>11217</v>
      </c>
      <c r="BM7" s="280">
        <v>6989</v>
      </c>
      <c r="BN7" s="280">
        <v>2683</v>
      </c>
      <c r="BO7" s="277">
        <v>47654</v>
      </c>
      <c r="BP7" s="282">
        <v>47654</v>
      </c>
      <c r="BQ7" s="276">
        <v>100</v>
      </c>
      <c r="BR7" s="280">
        <v>457</v>
      </c>
      <c r="BS7" s="277">
        <v>557</v>
      </c>
      <c r="BT7" s="279">
        <v>0</v>
      </c>
      <c r="BU7" s="280">
        <v>4740</v>
      </c>
      <c r="BV7" s="280">
        <v>12292</v>
      </c>
      <c r="BW7" s="280">
        <v>20300</v>
      </c>
      <c r="BX7" s="280">
        <v>15003</v>
      </c>
      <c r="BY7" s="280">
        <v>7854</v>
      </c>
      <c r="BZ7" s="277">
        <v>60189</v>
      </c>
      <c r="CA7" s="282">
        <v>60746</v>
      </c>
      <c r="CB7" s="276">
        <v>9</v>
      </c>
      <c r="CC7" s="280">
        <v>86</v>
      </c>
      <c r="CD7" s="277">
        <v>95</v>
      </c>
      <c r="CE7" s="279">
        <v>0</v>
      </c>
      <c r="CF7" s="280">
        <v>484</v>
      </c>
      <c r="CG7" s="280">
        <v>1550</v>
      </c>
      <c r="CH7" s="280">
        <v>2323</v>
      </c>
      <c r="CI7" s="280">
        <v>2291</v>
      </c>
      <c r="CJ7" s="280">
        <v>1575</v>
      </c>
      <c r="CK7" s="277">
        <v>8223</v>
      </c>
      <c r="CL7" s="282">
        <v>8318</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35291</v>
      </c>
      <c r="H8" s="280">
        <v>44369</v>
      </c>
      <c r="I8" s="280">
        <v>55090</v>
      </c>
      <c r="J8" s="280">
        <v>66243</v>
      </c>
      <c r="K8" s="280">
        <v>64628</v>
      </c>
      <c r="L8" s="281">
        <v>265621</v>
      </c>
      <c r="M8" s="282">
        <v>265621</v>
      </c>
      <c r="N8" s="276">
        <v>0</v>
      </c>
      <c r="O8" s="280">
        <v>15</v>
      </c>
      <c r="P8" s="277">
        <v>15</v>
      </c>
      <c r="Q8" s="279">
        <v>0</v>
      </c>
      <c r="R8" s="280">
        <v>53</v>
      </c>
      <c r="S8" s="280">
        <v>274</v>
      </c>
      <c r="T8" s="280">
        <v>479</v>
      </c>
      <c r="U8" s="280">
        <v>1263</v>
      </c>
      <c r="V8" s="280">
        <v>2213</v>
      </c>
      <c r="W8" s="277">
        <v>4282</v>
      </c>
      <c r="X8" s="282">
        <v>4297</v>
      </c>
      <c r="Y8" s="276">
        <v>1904</v>
      </c>
      <c r="Z8" s="280">
        <v>5638</v>
      </c>
      <c r="AA8" s="277">
        <v>7542</v>
      </c>
      <c r="AB8" s="279">
        <v>0</v>
      </c>
      <c r="AC8" s="280">
        <v>20552</v>
      </c>
      <c r="AD8" s="280">
        <v>20736</v>
      </c>
      <c r="AE8" s="280">
        <v>15269</v>
      </c>
      <c r="AF8" s="280">
        <v>14914</v>
      </c>
      <c r="AG8" s="280">
        <v>12347</v>
      </c>
      <c r="AH8" s="277">
        <v>83818</v>
      </c>
      <c r="AI8" s="282">
        <v>91360</v>
      </c>
      <c r="AJ8" s="276">
        <v>116</v>
      </c>
      <c r="AK8" s="280">
        <v>566</v>
      </c>
      <c r="AL8" s="277">
        <v>682</v>
      </c>
      <c r="AM8" s="279">
        <v>0</v>
      </c>
      <c r="AN8" s="280">
        <v>1718</v>
      </c>
      <c r="AO8" s="280">
        <v>2308</v>
      </c>
      <c r="AP8" s="280">
        <v>1247</v>
      </c>
      <c r="AQ8" s="280">
        <v>1386</v>
      </c>
      <c r="AR8" s="280">
        <v>851</v>
      </c>
      <c r="AS8" s="277">
        <v>7510</v>
      </c>
      <c r="AT8" s="282">
        <v>8192</v>
      </c>
      <c r="AU8" s="276">
        <v>0</v>
      </c>
      <c r="AV8" s="280">
        <v>0</v>
      </c>
      <c r="AW8" s="277">
        <v>0</v>
      </c>
      <c r="AX8" s="279">
        <v>0</v>
      </c>
      <c r="AY8" s="280">
        <v>29321</v>
      </c>
      <c r="AZ8" s="280">
        <v>22066</v>
      </c>
      <c r="BA8" s="280">
        <v>14788</v>
      </c>
      <c r="BB8" s="280">
        <v>10115</v>
      </c>
      <c r="BC8" s="280">
        <v>4822</v>
      </c>
      <c r="BD8" s="281">
        <v>81112</v>
      </c>
      <c r="BE8" s="282">
        <v>81112</v>
      </c>
      <c r="BF8" s="276">
        <v>0</v>
      </c>
      <c r="BG8" s="280">
        <v>0</v>
      </c>
      <c r="BH8" s="277">
        <v>0</v>
      </c>
      <c r="BI8" s="279">
        <v>0</v>
      </c>
      <c r="BJ8" s="280">
        <v>3830</v>
      </c>
      <c r="BK8" s="280">
        <v>4686</v>
      </c>
      <c r="BL8" s="280">
        <v>3416</v>
      </c>
      <c r="BM8" s="280">
        <v>2375</v>
      </c>
      <c r="BN8" s="280">
        <v>846</v>
      </c>
      <c r="BO8" s="277">
        <v>15153</v>
      </c>
      <c r="BP8" s="282">
        <v>15153</v>
      </c>
      <c r="BQ8" s="276">
        <v>36</v>
      </c>
      <c r="BR8" s="280">
        <v>86</v>
      </c>
      <c r="BS8" s="277">
        <v>122</v>
      </c>
      <c r="BT8" s="279">
        <v>0</v>
      </c>
      <c r="BU8" s="280">
        <v>1970</v>
      </c>
      <c r="BV8" s="280">
        <v>2881</v>
      </c>
      <c r="BW8" s="280">
        <v>5105</v>
      </c>
      <c r="BX8" s="280">
        <v>4884</v>
      </c>
      <c r="BY8" s="280">
        <v>2506</v>
      </c>
      <c r="BZ8" s="277">
        <v>17346</v>
      </c>
      <c r="CA8" s="282">
        <v>17468</v>
      </c>
      <c r="CB8" s="276">
        <v>10</v>
      </c>
      <c r="CC8" s="280">
        <v>0</v>
      </c>
      <c r="CD8" s="277">
        <v>10</v>
      </c>
      <c r="CE8" s="279">
        <v>0</v>
      </c>
      <c r="CF8" s="280">
        <v>114</v>
      </c>
      <c r="CG8" s="280">
        <v>269</v>
      </c>
      <c r="CH8" s="280">
        <v>415</v>
      </c>
      <c r="CI8" s="280">
        <v>644</v>
      </c>
      <c r="CJ8" s="280">
        <v>287</v>
      </c>
      <c r="CK8" s="277">
        <v>1729</v>
      </c>
      <c r="CL8" s="282">
        <v>1739</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12758</v>
      </c>
      <c r="H9" s="280">
        <v>24068</v>
      </c>
      <c r="I9" s="280">
        <v>29002</v>
      </c>
      <c r="J9" s="280">
        <v>27922</v>
      </c>
      <c r="K9" s="280">
        <v>23883</v>
      </c>
      <c r="L9" s="281">
        <v>117633</v>
      </c>
      <c r="M9" s="282">
        <v>117633</v>
      </c>
      <c r="N9" s="276">
        <v>0</v>
      </c>
      <c r="O9" s="280">
        <v>8</v>
      </c>
      <c r="P9" s="277">
        <v>8</v>
      </c>
      <c r="Q9" s="279">
        <v>0</v>
      </c>
      <c r="R9" s="280">
        <v>21</v>
      </c>
      <c r="S9" s="280">
        <v>94</v>
      </c>
      <c r="T9" s="280">
        <v>268</v>
      </c>
      <c r="U9" s="280">
        <v>578</v>
      </c>
      <c r="V9" s="280">
        <v>1154</v>
      </c>
      <c r="W9" s="277">
        <v>2115</v>
      </c>
      <c r="X9" s="282">
        <v>2123</v>
      </c>
      <c r="Y9" s="276">
        <v>590</v>
      </c>
      <c r="Z9" s="280">
        <v>3051</v>
      </c>
      <c r="AA9" s="277">
        <v>3641</v>
      </c>
      <c r="AB9" s="279">
        <v>0</v>
      </c>
      <c r="AC9" s="280">
        <v>4953</v>
      </c>
      <c r="AD9" s="280">
        <v>10813</v>
      </c>
      <c r="AE9" s="280">
        <v>7135</v>
      </c>
      <c r="AF9" s="280">
        <v>6371</v>
      </c>
      <c r="AG9" s="280">
        <v>5067</v>
      </c>
      <c r="AH9" s="277">
        <v>34339</v>
      </c>
      <c r="AI9" s="282">
        <v>37980</v>
      </c>
      <c r="AJ9" s="276">
        <v>55</v>
      </c>
      <c r="AK9" s="280">
        <v>409</v>
      </c>
      <c r="AL9" s="277">
        <v>464</v>
      </c>
      <c r="AM9" s="279">
        <v>0</v>
      </c>
      <c r="AN9" s="280">
        <v>274</v>
      </c>
      <c r="AO9" s="280">
        <v>873</v>
      </c>
      <c r="AP9" s="280">
        <v>610</v>
      </c>
      <c r="AQ9" s="280">
        <v>530</v>
      </c>
      <c r="AR9" s="280">
        <v>244</v>
      </c>
      <c r="AS9" s="277">
        <v>2531</v>
      </c>
      <c r="AT9" s="282">
        <v>2995</v>
      </c>
      <c r="AU9" s="276">
        <v>0</v>
      </c>
      <c r="AV9" s="280">
        <v>0</v>
      </c>
      <c r="AW9" s="277">
        <v>0</v>
      </c>
      <c r="AX9" s="279">
        <v>0</v>
      </c>
      <c r="AY9" s="280">
        <v>12407</v>
      </c>
      <c r="AZ9" s="280">
        <v>15542</v>
      </c>
      <c r="BA9" s="280">
        <v>11534</v>
      </c>
      <c r="BB9" s="280">
        <v>6332</v>
      </c>
      <c r="BC9" s="280">
        <v>3097</v>
      </c>
      <c r="BD9" s="281">
        <v>48912</v>
      </c>
      <c r="BE9" s="282">
        <v>48912</v>
      </c>
      <c r="BF9" s="276">
        <v>0</v>
      </c>
      <c r="BG9" s="280">
        <v>0</v>
      </c>
      <c r="BH9" s="277">
        <v>0</v>
      </c>
      <c r="BI9" s="279">
        <v>0</v>
      </c>
      <c r="BJ9" s="280">
        <v>908</v>
      </c>
      <c r="BK9" s="280">
        <v>2614</v>
      </c>
      <c r="BL9" s="280">
        <v>1671</v>
      </c>
      <c r="BM9" s="280">
        <v>1106</v>
      </c>
      <c r="BN9" s="280">
        <v>394</v>
      </c>
      <c r="BO9" s="277">
        <v>6693</v>
      </c>
      <c r="BP9" s="282">
        <v>6693</v>
      </c>
      <c r="BQ9" s="276">
        <v>23</v>
      </c>
      <c r="BR9" s="280">
        <v>49</v>
      </c>
      <c r="BS9" s="277">
        <v>72</v>
      </c>
      <c r="BT9" s="279">
        <v>0</v>
      </c>
      <c r="BU9" s="280">
        <v>819</v>
      </c>
      <c r="BV9" s="280">
        <v>2279</v>
      </c>
      <c r="BW9" s="280">
        <v>4720</v>
      </c>
      <c r="BX9" s="280">
        <v>3735</v>
      </c>
      <c r="BY9" s="280">
        <v>1934</v>
      </c>
      <c r="BZ9" s="277">
        <v>13487</v>
      </c>
      <c r="CA9" s="282">
        <v>13559</v>
      </c>
      <c r="CB9" s="276">
        <v>0</v>
      </c>
      <c r="CC9" s="280">
        <v>0</v>
      </c>
      <c r="CD9" s="277">
        <v>0</v>
      </c>
      <c r="CE9" s="279">
        <v>0</v>
      </c>
      <c r="CF9" s="280">
        <v>11</v>
      </c>
      <c r="CG9" s="280">
        <v>59</v>
      </c>
      <c r="CH9" s="280">
        <v>49</v>
      </c>
      <c r="CI9" s="280">
        <v>45</v>
      </c>
      <c r="CJ9" s="280">
        <v>12</v>
      </c>
      <c r="CK9" s="277">
        <v>176</v>
      </c>
      <c r="CL9" s="282">
        <v>176</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6806</v>
      </c>
      <c r="H10" s="280">
        <v>18406</v>
      </c>
      <c r="I10" s="280">
        <v>20017</v>
      </c>
      <c r="J10" s="280">
        <v>28859</v>
      </c>
      <c r="K10" s="280">
        <v>24049</v>
      </c>
      <c r="L10" s="281">
        <v>108137</v>
      </c>
      <c r="M10" s="282">
        <v>108137</v>
      </c>
      <c r="N10" s="276">
        <v>0</v>
      </c>
      <c r="O10" s="280">
        <v>0</v>
      </c>
      <c r="P10" s="277">
        <v>0</v>
      </c>
      <c r="Q10" s="279">
        <v>0</v>
      </c>
      <c r="R10" s="280">
        <v>47</v>
      </c>
      <c r="S10" s="280">
        <v>182</v>
      </c>
      <c r="T10" s="280">
        <v>268</v>
      </c>
      <c r="U10" s="280">
        <v>554</v>
      </c>
      <c r="V10" s="280">
        <v>864</v>
      </c>
      <c r="W10" s="277">
        <v>1915</v>
      </c>
      <c r="X10" s="282">
        <v>1915</v>
      </c>
      <c r="Y10" s="276">
        <v>117</v>
      </c>
      <c r="Z10" s="280">
        <v>132</v>
      </c>
      <c r="AA10" s="277">
        <v>249</v>
      </c>
      <c r="AB10" s="279">
        <v>0</v>
      </c>
      <c r="AC10" s="280">
        <v>4018</v>
      </c>
      <c r="AD10" s="280">
        <v>4654</v>
      </c>
      <c r="AE10" s="280">
        <v>2773</v>
      </c>
      <c r="AF10" s="280">
        <v>3805</v>
      </c>
      <c r="AG10" s="280">
        <v>2690</v>
      </c>
      <c r="AH10" s="277">
        <v>17940</v>
      </c>
      <c r="AI10" s="282">
        <v>18189</v>
      </c>
      <c r="AJ10" s="276">
        <v>48</v>
      </c>
      <c r="AK10" s="280">
        <v>66</v>
      </c>
      <c r="AL10" s="277">
        <v>114</v>
      </c>
      <c r="AM10" s="279">
        <v>0</v>
      </c>
      <c r="AN10" s="280">
        <v>666</v>
      </c>
      <c r="AO10" s="280">
        <v>823</v>
      </c>
      <c r="AP10" s="280">
        <v>669</v>
      </c>
      <c r="AQ10" s="280">
        <v>600</v>
      </c>
      <c r="AR10" s="280">
        <v>362</v>
      </c>
      <c r="AS10" s="277">
        <v>3120</v>
      </c>
      <c r="AT10" s="282">
        <v>3234</v>
      </c>
      <c r="AU10" s="276">
        <v>0</v>
      </c>
      <c r="AV10" s="280">
        <v>5</v>
      </c>
      <c r="AW10" s="277">
        <v>5</v>
      </c>
      <c r="AX10" s="279">
        <v>0</v>
      </c>
      <c r="AY10" s="280">
        <v>12445</v>
      </c>
      <c r="AZ10" s="280">
        <v>8313</v>
      </c>
      <c r="BA10" s="280">
        <v>5056</v>
      </c>
      <c r="BB10" s="280">
        <v>2705</v>
      </c>
      <c r="BC10" s="280">
        <v>976</v>
      </c>
      <c r="BD10" s="281">
        <v>29495</v>
      </c>
      <c r="BE10" s="282">
        <v>29500</v>
      </c>
      <c r="BF10" s="276">
        <v>0</v>
      </c>
      <c r="BG10" s="280">
        <v>0</v>
      </c>
      <c r="BH10" s="277">
        <v>0</v>
      </c>
      <c r="BI10" s="279">
        <v>0</v>
      </c>
      <c r="BJ10" s="280">
        <v>1643</v>
      </c>
      <c r="BK10" s="280">
        <v>1498</v>
      </c>
      <c r="BL10" s="280">
        <v>990</v>
      </c>
      <c r="BM10" s="280">
        <v>483</v>
      </c>
      <c r="BN10" s="280">
        <v>138</v>
      </c>
      <c r="BO10" s="277">
        <v>4752</v>
      </c>
      <c r="BP10" s="282">
        <v>4752</v>
      </c>
      <c r="BQ10" s="276">
        <v>5</v>
      </c>
      <c r="BR10" s="280">
        <v>7</v>
      </c>
      <c r="BS10" s="277">
        <v>12</v>
      </c>
      <c r="BT10" s="279">
        <v>0</v>
      </c>
      <c r="BU10" s="280">
        <v>1360</v>
      </c>
      <c r="BV10" s="280">
        <v>2415</v>
      </c>
      <c r="BW10" s="280">
        <v>2549</v>
      </c>
      <c r="BX10" s="280">
        <v>1847</v>
      </c>
      <c r="BY10" s="280">
        <v>779</v>
      </c>
      <c r="BZ10" s="277">
        <v>8950</v>
      </c>
      <c r="CA10" s="282">
        <v>8962</v>
      </c>
      <c r="CB10" s="276">
        <v>0</v>
      </c>
      <c r="CC10" s="280">
        <v>0</v>
      </c>
      <c r="CD10" s="277">
        <v>0</v>
      </c>
      <c r="CE10" s="279">
        <v>0</v>
      </c>
      <c r="CF10" s="280">
        <v>70</v>
      </c>
      <c r="CG10" s="280">
        <v>70</v>
      </c>
      <c r="CH10" s="280">
        <v>194</v>
      </c>
      <c r="CI10" s="280">
        <v>215</v>
      </c>
      <c r="CJ10" s="280">
        <v>26</v>
      </c>
      <c r="CK10" s="277">
        <v>575</v>
      </c>
      <c r="CL10" s="282">
        <v>575</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6287</v>
      </c>
      <c r="H11" s="280">
        <v>12535</v>
      </c>
      <c r="I11" s="280">
        <v>14354</v>
      </c>
      <c r="J11" s="280">
        <v>16085</v>
      </c>
      <c r="K11" s="280">
        <v>13811</v>
      </c>
      <c r="L11" s="281">
        <v>63072</v>
      </c>
      <c r="M11" s="282">
        <v>63072</v>
      </c>
      <c r="N11" s="276">
        <v>0</v>
      </c>
      <c r="O11" s="280">
        <v>0</v>
      </c>
      <c r="P11" s="277">
        <v>0</v>
      </c>
      <c r="Q11" s="279">
        <v>0</v>
      </c>
      <c r="R11" s="280">
        <v>26</v>
      </c>
      <c r="S11" s="280">
        <v>66</v>
      </c>
      <c r="T11" s="280">
        <v>116</v>
      </c>
      <c r="U11" s="280">
        <v>286</v>
      </c>
      <c r="V11" s="280">
        <v>460</v>
      </c>
      <c r="W11" s="277">
        <v>954</v>
      </c>
      <c r="X11" s="282">
        <v>954</v>
      </c>
      <c r="Y11" s="276">
        <v>187</v>
      </c>
      <c r="Z11" s="280">
        <v>344</v>
      </c>
      <c r="AA11" s="277">
        <v>531</v>
      </c>
      <c r="AB11" s="279">
        <v>0</v>
      </c>
      <c r="AC11" s="280">
        <v>1646</v>
      </c>
      <c r="AD11" s="280">
        <v>2492</v>
      </c>
      <c r="AE11" s="280">
        <v>1682</v>
      </c>
      <c r="AF11" s="280">
        <v>1665</v>
      </c>
      <c r="AG11" s="280">
        <v>1468</v>
      </c>
      <c r="AH11" s="277">
        <v>8953</v>
      </c>
      <c r="AI11" s="282">
        <v>9484</v>
      </c>
      <c r="AJ11" s="276">
        <v>71</v>
      </c>
      <c r="AK11" s="280">
        <v>130</v>
      </c>
      <c r="AL11" s="277">
        <v>201</v>
      </c>
      <c r="AM11" s="279">
        <v>0</v>
      </c>
      <c r="AN11" s="280">
        <v>559</v>
      </c>
      <c r="AO11" s="280">
        <v>813</v>
      </c>
      <c r="AP11" s="280">
        <v>570</v>
      </c>
      <c r="AQ11" s="280">
        <v>586</v>
      </c>
      <c r="AR11" s="280">
        <v>331</v>
      </c>
      <c r="AS11" s="277">
        <v>2859</v>
      </c>
      <c r="AT11" s="282">
        <v>3060</v>
      </c>
      <c r="AU11" s="276">
        <v>0</v>
      </c>
      <c r="AV11" s="280">
        <v>0</v>
      </c>
      <c r="AW11" s="277">
        <v>0</v>
      </c>
      <c r="AX11" s="279">
        <v>0</v>
      </c>
      <c r="AY11" s="280">
        <v>4793</v>
      </c>
      <c r="AZ11" s="280">
        <v>5667</v>
      </c>
      <c r="BA11" s="280">
        <v>3745</v>
      </c>
      <c r="BB11" s="280">
        <v>2088</v>
      </c>
      <c r="BC11" s="280">
        <v>1284</v>
      </c>
      <c r="BD11" s="281">
        <v>17577</v>
      </c>
      <c r="BE11" s="282">
        <v>17577</v>
      </c>
      <c r="BF11" s="276">
        <v>0</v>
      </c>
      <c r="BG11" s="280">
        <v>0</v>
      </c>
      <c r="BH11" s="277">
        <v>0</v>
      </c>
      <c r="BI11" s="279">
        <v>0</v>
      </c>
      <c r="BJ11" s="280">
        <v>707</v>
      </c>
      <c r="BK11" s="280">
        <v>1149</v>
      </c>
      <c r="BL11" s="280">
        <v>717</v>
      </c>
      <c r="BM11" s="280">
        <v>410</v>
      </c>
      <c r="BN11" s="280">
        <v>120</v>
      </c>
      <c r="BO11" s="277">
        <v>3103</v>
      </c>
      <c r="BP11" s="282">
        <v>3103</v>
      </c>
      <c r="BQ11" s="276">
        <v>41</v>
      </c>
      <c r="BR11" s="280">
        <v>41</v>
      </c>
      <c r="BS11" s="277">
        <v>82</v>
      </c>
      <c r="BT11" s="279">
        <v>0</v>
      </c>
      <c r="BU11" s="280">
        <v>628</v>
      </c>
      <c r="BV11" s="280">
        <v>1118</v>
      </c>
      <c r="BW11" s="280">
        <v>2386</v>
      </c>
      <c r="BX11" s="280">
        <v>1418</v>
      </c>
      <c r="BY11" s="280">
        <v>427</v>
      </c>
      <c r="BZ11" s="277">
        <v>5977</v>
      </c>
      <c r="CA11" s="282">
        <v>6059</v>
      </c>
      <c r="CB11" s="276">
        <v>0</v>
      </c>
      <c r="CC11" s="280">
        <v>0</v>
      </c>
      <c r="CD11" s="277">
        <v>0</v>
      </c>
      <c r="CE11" s="279">
        <v>0</v>
      </c>
      <c r="CF11" s="280">
        <v>0</v>
      </c>
      <c r="CG11" s="280">
        <v>28</v>
      </c>
      <c r="CH11" s="280">
        <v>48</v>
      </c>
      <c r="CI11" s="280">
        <v>12</v>
      </c>
      <c r="CJ11" s="280">
        <v>0</v>
      </c>
      <c r="CK11" s="277">
        <v>88</v>
      </c>
      <c r="CL11" s="282">
        <v>88</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6784</v>
      </c>
      <c r="H12" s="280">
        <v>8239</v>
      </c>
      <c r="I12" s="280">
        <v>10673</v>
      </c>
      <c r="J12" s="280">
        <v>15204</v>
      </c>
      <c r="K12" s="280">
        <v>15527</v>
      </c>
      <c r="L12" s="281">
        <v>56427</v>
      </c>
      <c r="M12" s="282">
        <v>56427</v>
      </c>
      <c r="N12" s="276">
        <v>0</v>
      </c>
      <c r="O12" s="280">
        <v>0</v>
      </c>
      <c r="P12" s="277">
        <v>0</v>
      </c>
      <c r="Q12" s="279">
        <v>0</v>
      </c>
      <c r="R12" s="280">
        <v>28</v>
      </c>
      <c r="S12" s="280">
        <v>28</v>
      </c>
      <c r="T12" s="280">
        <v>80</v>
      </c>
      <c r="U12" s="280">
        <v>270</v>
      </c>
      <c r="V12" s="280">
        <v>447</v>
      </c>
      <c r="W12" s="277">
        <v>853</v>
      </c>
      <c r="X12" s="282">
        <v>853</v>
      </c>
      <c r="Y12" s="276">
        <v>183</v>
      </c>
      <c r="Z12" s="280">
        <v>438</v>
      </c>
      <c r="AA12" s="277">
        <v>621</v>
      </c>
      <c r="AB12" s="279">
        <v>0</v>
      </c>
      <c r="AC12" s="280">
        <v>2834</v>
      </c>
      <c r="AD12" s="280">
        <v>2787</v>
      </c>
      <c r="AE12" s="280">
        <v>2071</v>
      </c>
      <c r="AF12" s="280">
        <v>2436</v>
      </c>
      <c r="AG12" s="280">
        <v>2032</v>
      </c>
      <c r="AH12" s="277">
        <v>12160</v>
      </c>
      <c r="AI12" s="282">
        <v>12781</v>
      </c>
      <c r="AJ12" s="276">
        <v>20</v>
      </c>
      <c r="AK12" s="280">
        <v>163</v>
      </c>
      <c r="AL12" s="277">
        <v>183</v>
      </c>
      <c r="AM12" s="279">
        <v>0</v>
      </c>
      <c r="AN12" s="280">
        <v>540</v>
      </c>
      <c r="AO12" s="280">
        <v>577</v>
      </c>
      <c r="AP12" s="280">
        <v>515</v>
      </c>
      <c r="AQ12" s="280">
        <v>415</v>
      </c>
      <c r="AR12" s="280">
        <v>495</v>
      </c>
      <c r="AS12" s="277">
        <v>2542</v>
      </c>
      <c r="AT12" s="282">
        <v>2725</v>
      </c>
      <c r="AU12" s="276">
        <v>0</v>
      </c>
      <c r="AV12" s="280">
        <v>0</v>
      </c>
      <c r="AW12" s="277">
        <v>0</v>
      </c>
      <c r="AX12" s="279">
        <v>0</v>
      </c>
      <c r="AY12" s="280">
        <v>4176</v>
      </c>
      <c r="AZ12" s="280">
        <v>3058</v>
      </c>
      <c r="BA12" s="280">
        <v>2346</v>
      </c>
      <c r="BB12" s="280">
        <v>1318</v>
      </c>
      <c r="BC12" s="280">
        <v>527</v>
      </c>
      <c r="BD12" s="281">
        <v>11425</v>
      </c>
      <c r="BE12" s="282">
        <v>11425</v>
      </c>
      <c r="BF12" s="276">
        <v>0</v>
      </c>
      <c r="BG12" s="280">
        <v>0</v>
      </c>
      <c r="BH12" s="277">
        <v>0</v>
      </c>
      <c r="BI12" s="279">
        <v>0</v>
      </c>
      <c r="BJ12" s="280">
        <v>822</v>
      </c>
      <c r="BK12" s="280">
        <v>661</v>
      </c>
      <c r="BL12" s="280">
        <v>539</v>
      </c>
      <c r="BM12" s="280">
        <v>396</v>
      </c>
      <c r="BN12" s="280">
        <v>130</v>
      </c>
      <c r="BO12" s="277">
        <v>2548</v>
      </c>
      <c r="BP12" s="282">
        <v>2548</v>
      </c>
      <c r="BQ12" s="276">
        <v>9</v>
      </c>
      <c r="BR12" s="280">
        <v>19</v>
      </c>
      <c r="BS12" s="277">
        <v>28</v>
      </c>
      <c r="BT12" s="279">
        <v>0</v>
      </c>
      <c r="BU12" s="280">
        <v>533</v>
      </c>
      <c r="BV12" s="280">
        <v>690</v>
      </c>
      <c r="BW12" s="280">
        <v>1475</v>
      </c>
      <c r="BX12" s="280">
        <v>1302</v>
      </c>
      <c r="BY12" s="280">
        <v>562</v>
      </c>
      <c r="BZ12" s="277">
        <v>4562</v>
      </c>
      <c r="CA12" s="282">
        <v>4590</v>
      </c>
      <c r="CB12" s="276">
        <v>2</v>
      </c>
      <c r="CC12" s="280">
        <v>2</v>
      </c>
      <c r="CD12" s="277">
        <v>4</v>
      </c>
      <c r="CE12" s="279">
        <v>0</v>
      </c>
      <c r="CF12" s="280">
        <v>58</v>
      </c>
      <c r="CG12" s="280">
        <v>34</v>
      </c>
      <c r="CH12" s="280">
        <v>157</v>
      </c>
      <c r="CI12" s="280">
        <v>103</v>
      </c>
      <c r="CJ12" s="280">
        <v>84</v>
      </c>
      <c r="CK12" s="277">
        <v>436</v>
      </c>
      <c r="CL12" s="282">
        <v>44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6484</v>
      </c>
      <c r="H13" s="280">
        <v>16234</v>
      </c>
      <c r="I13" s="280">
        <v>19587</v>
      </c>
      <c r="J13" s="280">
        <v>28534</v>
      </c>
      <c r="K13" s="280">
        <v>22733</v>
      </c>
      <c r="L13" s="281">
        <v>103572</v>
      </c>
      <c r="M13" s="282">
        <v>103572</v>
      </c>
      <c r="N13" s="276">
        <v>0</v>
      </c>
      <c r="O13" s="280">
        <v>0</v>
      </c>
      <c r="P13" s="277">
        <v>0</v>
      </c>
      <c r="Q13" s="279">
        <v>0</v>
      </c>
      <c r="R13" s="280">
        <v>41</v>
      </c>
      <c r="S13" s="280">
        <v>92</v>
      </c>
      <c r="T13" s="280">
        <v>135</v>
      </c>
      <c r="U13" s="280">
        <v>393</v>
      </c>
      <c r="V13" s="280">
        <v>825</v>
      </c>
      <c r="W13" s="277">
        <v>1486</v>
      </c>
      <c r="X13" s="282">
        <v>1486</v>
      </c>
      <c r="Y13" s="276">
        <v>824</v>
      </c>
      <c r="Z13" s="280">
        <v>2079</v>
      </c>
      <c r="AA13" s="277">
        <v>2903</v>
      </c>
      <c r="AB13" s="279">
        <v>0</v>
      </c>
      <c r="AC13" s="280">
        <v>6902</v>
      </c>
      <c r="AD13" s="280">
        <v>4986</v>
      </c>
      <c r="AE13" s="280">
        <v>3236</v>
      </c>
      <c r="AF13" s="280">
        <v>3006</v>
      </c>
      <c r="AG13" s="280">
        <v>2823</v>
      </c>
      <c r="AH13" s="277">
        <v>20953</v>
      </c>
      <c r="AI13" s="282">
        <v>23856</v>
      </c>
      <c r="AJ13" s="276">
        <v>212</v>
      </c>
      <c r="AK13" s="280">
        <v>395</v>
      </c>
      <c r="AL13" s="277">
        <v>607</v>
      </c>
      <c r="AM13" s="279">
        <v>0</v>
      </c>
      <c r="AN13" s="280">
        <v>1182</v>
      </c>
      <c r="AO13" s="280">
        <v>1048</v>
      </c>
      <c r="AP13" s="280">
        <v>613</v>
      </c>
      <c r="AQ13" s="280">
        <v>438</v>
      </c>
      <c r="AR13" s="280">
        <v>519</v>
      </c>
      <c r="AS13" s="277">
        <v>3800</v>
      </c>
      <c r="AT13" s="282">
        <v>4407</v>
      </c>
      <c r="AU13" s="276">
        <v>0</v>
      </c>
      <c r="AV13" s="280">
        <v>0</v>
      </c>
      <c r="AW13" s="277">
        <v>0</v>
      </c>
      <c r="AX13" s="279">
        <v>0</v>
      </c>
      <c r="AY13" s="280">
        <v>11764</v>
      </c>
      <c r="AZ13" s="280">
        <v>6950</v>
      </c>
      <c r="BA13" s="280">
        <v>4656</v>
      </c>
      <c r="BB13" s="280">
        <v>2933</v>
      </c>
      <c r="BC13" s="280">
        <v>1151</v>
      </c>
      <c r="BD13" s="281">
        <v>27454</v>
      </c>
      <c r="BE13" s="282">
        <v>27454</v>
      </c>
      <c r="BF13" s="276">
        <v>0</v>
      </c>
      <c r="BG13" s="280">
        <v>0</v>
      </c>
      <c r="BH13" s="277">
        <v>0</v>
      </c>
      <c r="BI13" s="279">
        <v>0</v>
      </c>
      <c r="BJ13" s="280">
        <v>1656</v>
      </c>
      <c r="BK13" s="280">
        <v>1242</v>
      </c>
      <c r="BL13" s="280">
        <v>651</v>
      </c>
      <c r="BM13" s="280">
        <v>461</v>
      </c>
      <c r="BN13" s="280">
        <v>137</v>
      </c>
      <c r="BO13" s="277">
        <v>4147</v>
      </c>
      <c r="BP13" s="282">
        <v>4147</v>
      </c>
      <c r="BQ13" s="276">
        <v>19</v>
      </c>
      <c r="BR13" s="280">
        <v>69</v>
      </c>
      <c r="BS13" s="277">
        <v>88</v>
      </c>
      <c r="BT13" s="279">
        <v>0</v>
      </c>
      <c r="BU13" s="280">
        <v>1139</v>
      </c>
      <c r="BV13" s="280">
        <v>1587</v>
      </c>
      <c r="BW13" s="280">
        <v>2430</v>
      </c>
      <c r="BX13" s="280">
        <v>1716</v>
      </c>
      <c r="BY13" s="280">
        <v>802</v>
      </c>
      <c r="BZ13" s="277">
        <v>7674</v>
      </c>
      <c r="CA13" s="282">
        <v>7762</v>
      </c>
      <c r="CB13" s="276">
        <v>0</v>
      </c>
      <c r="CC13" s="280">
        <v>0</v>
      </c>
      <c r="CD13" s="277">
        <v>0</v>
      </c>
      <c r="CE13" s="279">
        <v>0</v>
      </c>
      <c r="CF13" s="280">
        <v>27</v>
      </c>
      <c r="CG13" s="280">
        <v>92</v>
      </c>
      <c r="CH13" s="280">
        <v>66</v>
      </c>
      <c r="CI13" s="280">
        <v>28</v>
      </c>
      <c r="CJ13" s="280">
        <v>91</v>
      </c>
      <c r="CK13" s="277">
        <v>304</v>
      </c>
      <c r="CL13" s="282">
        <v>304</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5232</v>
      </c>
      <c r="H14" s="280">
        <v>7235</v>
      </c>
      <c r="I14" s="280">
        <v>8128</v>
      </c>
      <c r="J14" s="280">
        <v>10800</v>
      </c>
      <c r="K14" s="280">
        <v>9300</v>
      </c>
      <c r="L14" s="281">
        <v>40695</v>
      </c>
      <c r="M14" s="282">
        <v>40695</v>
      </c>
      <c r="N14" s="276">
        <v>0</v>
      </c>
      <c r="O14" s="280">
        <v>5</v>
      </c>
      <c r="P14" s="277">
        <v>5</v>
      </c>
      <c r="Q14" s="279">
        <v>0</v>
      </c>
      <c r="R14" s="280">
        <v>16</v>
      </c>
      <c r="S14" s="280">
        <v>62</v>
      </c>
      <c r="T14" s="280">
        <v>123</v>
      </c>
      <c r="U14" s="280">
        <v>225</v>
      </c>
      <c r="V14" s="280">
        <v>304</v>
      </c>
      <c r="W14" s="277">
        <v>730</v>
      </c>
      <c r="X14" s="282">
        <v>735</v>
      </c>
      <c r="Y14" s="276">
        <v>175</v>
      </c>
      <c r="Z14" s="280">
        <v>365</v>
      </c>
      <c r="AA14" s="277">
        <v>540</v>
      </c>
      <c r="AB14" s="279">
        <v>0</v>
      </c>
      <c r="AC14" s="280">
        <v>2446</v>
      </c>
      <c r="AD14" s="280">
        <v>1939</v>
      </c>
      <c r="AE14" s="280">
        <v>1452</v>
      </c>
      <c r="AF14" s="280">
        <v>1683</v>
      </c>
      <c r="AG14" s="280">
        <v>1447</v>
      </c>
      <c r="AH14" s="277">
        <v>8967</v>
      </c>
      <c r="AI14" s="282">
        <v>9507</v>
      </c>
      <c r="AJ14" s="276">
        <v>20</v>
      </c>
      <c r="AK14" s="280">
        <v>69</v>
      </c>
      <c r="AL14" s="277">
        <v>89</v>
      </c>
      <c r="AM14" s="279">
        <v>0</v>
      </c>
      <c r="AN14" s="280">
        <v>371</v>
      </c>
      <c r="AO14" s="280">
        <v>274</v>
      </c>
      <c r="AP14" s="280">
        <v>349</v>
      </c>
      <c r="AQ14" s="280">
        <v>274</v>
      </c>
      <c r="AR14" s="280">
        <v>64</v>
      </c>
      <c r="AS14" s="277">
        <v>1332</v>
      </c>
      <c r="AT14" s="282">
        <v>1421</v>
      </c>
      <c r="AU14" s="276">
        <v>0</v>
      </c>
      <c r="AV14" s="280">
        <v>0</v>
      </c>
      <c r="AW14" s="277">
        <v>0</v>
      </c>
      <c r="AX14" s="279">
        <v>0</v>
      </c>
      <c r="AY14" s="280">
        <v>5940</v>
      </c>
      <c r="AZ14" s="280">
        <v>3910</v>
      </c>
      <c r="BA14" s="280">
        <v>2528</v>
      </c>
      <c r="BB14" s="280">
        <v>1886</v>
      </c>
      <c r="BC14" s="280">
        <v>827</v>
      </c>
      <c r="BD14" s="281">
        <v>15091</v>
      </c>
      <c r="BE14" s="282">
        <v>15091</v>
      </c>
      <c r="BF14" s="276">
        <v>0</v>
      </c>
      <c r="BG14" s="280">
        <v>0</v>
      </c>
      <c r="BH14" s="277">
        <v>0</v>
      </c>
      <c r="BI14" s="279">
        <v>0</v>
      </c>
      <c r="BJ14" s="280">
        <v>1417</v>
      </c>
      <c r="BK14" s="280">
        <v>968</v>
      </c>
      <c r="BL14" s="280">
        <v>649</v>
      </c>
      <c r="BM14" s="280">
        <v>412</v>
      </c>
      <c r="BN14" s="280">
        <v>137</v>
      </c>
      <c r="BO14" s="277">
        <v>3583</v>
      </c>
      <c r="BP14" s="282">
        <v>3583</v>
      </c>
      <c r="BQ14" s="276">
        <v>45</v>
      </c>
      <c r="BR14" s="280">
        <v>49</v>
      </c>
      <c r="BS14" s="277">
        <v>94</v>
      </c>
      <c r="BT14" s="279">
        <v>0</v>
      </c>
      <c r="BU14" s="280">
        <v>742</v>
      </c>
      <c r="BV14" s="280">
        <v>702</v>
      </c>
      <c r="BW14" s="280">
        <v>1238</v>
      </c>
      <c r="BX14" s="280">
        <v>959</v>
      </c>
      <c r="BY14" s="280">
        <v>487</v>
      </c>
      <c r="BZ14" s="277">
        <v>4128</v>
      </c>
      <c r="CA14" s="282">
        <v>4222</v>
      </c>
      <c r="CB14" s="276">
        <v>0</v>
      </c>
      <c r="CC14" s="280">
        <v>0</v>
      </c>
      <c r="CD14" s="277">
        <v>0</v>
      </c>
      <c r="CE14" s="279">
        <v>0</v>
      </c>
      <c r="CF14" s="280">
        <v>19</v>
      </c>
      <c r="CG14" s="280">
        <v>44</v>
      </c>
      <c r="CH14" s="280">
        <v>34</v>
      </c>
      <c r="CI14" s="280">
        <v>25</v>
      </c>
      <c r="CJ14" s="280">
        <v>67</v>
      </c>
      <c r="CK14" s="277">
        <v>189</v>
      </c>
      <c r="CL14" s="282">
        <v>189</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6229</v>
      </c>
      <c r="H15" s="280">
        <v>8103</v>
      </c>
      <c r="I15" s="280">
        <v>9224</v>
      </c>
      <c r="J15" s="280">
        <v>12683</v>
      </c>
      <c r="K15" s="280">
        <v>12542</v>
      </c>
      <c r="L15" s="281">
        <v>48781</v>
      </c>
      <c r="M15" s="282">
        <v>48781</v>
      </c>
      <c r="N15" s="276">
        <v>1</v>
      </c>
      <c r="O15" s="280">
        <v>21</v>
      </c>
      <c r="P15" s="277">
        <v>22</v>
      </c>
      <c r="Q15" s="279">
        <v>0</v>
      </c>
      <c r="R15" s="280">
        <v>18</v>
      </c>
      <c r="S15" s="280">
        <v>71</v>
      </c>
      <c r="T15" s="280">
        <v>98</v>
      </c>
      <c r="U15" s="280">
        <v>280</v>
      </c>
      <c r="V15" s="280">
        <v>354</v>
      </c>
      <c r="W15" s="277">
        <v>821</v>
      </c>
      <c r="X15" s="282">
        <v>843</v>
      </c>
      <c r="Y15" s="276">
        <v>431</v>
      </c>
      <c r="Z15" s="280">
        <v>1203</v>
      </c>
      <c r="AA15" s="277">
        <v>1634</v>
      </c>
      <c r="AB15" s="279">
        <v>0</v>
      </c>
      <c r="AC15" s="280">
        <v>1829</v>
      </c>
      <c r="AD15" s="280">
        <v>2419</v>
      </c>
      <c r="AE15" s="280">
        <v>1915</v>
      </c>
      <c r="AF15" s="280">
        <v>1608</v>
      </c>
      <c r="AG15" s="280">
        <v>1261</v>
      </c>
      <c r="AH15" s="277">
        <v>9032</v>
      </c>
      <c r="AI15" s="282">
        <v>10666</v>
      </c>
      <c r="AJ15" s="276">
        <v>46</v>
      </c>
      <c r="AK15" s="280">
        <v>199</v>
      </c>
      <c r="AL15" s="277">
        <v>245</v>
      </c>
      <c r="AM15" s="279">
        <v>0</v>
      </c>
      <c r="AN15" s="280">
        <v>195</v>
      </c>
      <c r="AO15" s="280">
        <v>436</v>
      </c>
      <c r="AP15" s="280">
        <v>272</v>
      </c>
      <c r="AQ15" s="280">
        <v>307</v>
      </c>
      <c r="AR15" s="280">
        <v>194</v>
      </c>
      <c r="AS15" s="277">
        <v>1404</v>
      </c>
      <c r="AT15" s="282">
        <v>1649</v>
      </c>
      <c r="AU15" s="276">
        <v>0</v>
      </c>
      <c r="AV15" s="280">
        <v>0</v>
      </c>
      <c r="AW15" s="277">
        <v>0</v>
      </c>
      <c r="AX15" s="279">
        <v>0</v>
      </c>
      <c r="AY15" s="280">
        <v>4905</v>
      </c>
      <c r="AZ15" s="280">
        <v>4007</v>
      </c>
      <c r="BA15" s="280">
        <v>2717</v>
      </c>
      <c r="BB15" s="280">
        <v>2214</v>
      </c>
      <c r="BC15" s="280">
        <v>857</v>
      </c>
      <c r="BD15" s="281">
        <v>14700</v>
      </c>
      <c r="BE15" s="282">
        <v>14700</v>
      </c>
      <c r="BF15" s="276">
        <v>0</v>
      </c>
      <c r="BG15" s="280">
        <v>0</v>
      </c>
      <c r="BH15" s="277">
        <v>0</v>
      </c>
      <c r="BI15" s="279">
        <v>0</v>
      </c>
      <c r="BJ15" s="280">
        <v>825</v>
      </c>
      <c r="BK15" s="280">
        <v>1207</v>
      </c>
      <c r="BL15" s="280">
        <v>787</v>
      </c>
      <c r="BM15" s="280">
        <v>556</v>
      </c>
      <c r="BN15" s="280">
        <v>206</v>
      </c>
      <c r="BO15" s="277">
        <v>3581</v>
      </c>
      <c r="BP15" s="282">
        <v>3581</v>
      </c>
      <c r="BQ15" s="276">
        <v>8</v>
      </c>
      <c r="BR15" s="280">
        <v>71</v>
      </c>
      <c r="BS15" s="277">
        <v>79</v>
      </c>
      <c r="BT15" s="279">
        <v>0</v>
      </c>
      <c r="BU15" s="280">
        <v>632</v>
      </c>
      <c r="BV15" s="280">
        <v>713</v>
      </c>
      <c r="BW15" s="280">
        <v>1299</v>
      </c>
      <c r="BX15" s="280">
        <v>1043</v>
      </c>
      <c r="BY15" s="280">
        <v>605</v>
      </c>
      <c r="BZ15" s="277">
        <v>4292</v>
      </c>
      <c r="CA15" s="282">
        <v>4371</v>
      </c>
      <c r="CB15" s="276">
        <v>0</v>
      </c>
      <c r="CC15" s="280">
        <v>0</v>
      </c>
      <c r="CD15" s="277">
        <v>0</v>
      </c>
      <c r="CE15" s="279">
        <v>0</v>
      </c>
      <c r="CF15" s="280">
        <v>3</v>
      </c>
      <c r="CG15" s="280">
        <v>55</v>
      </c>
      <c r="CH15" s="280">
        <v>19</v>
      </c>
      <c r="CI15" s="280">
        <v>30</v>
      </c>
      <c r="CJ15" s="280">
        <v>10</v>
      </c>
      <c r="CK15" s="277">
        <v>117</v>
      </c>
      <c r="CL15" s="282">
        <v>117</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2045</v>
      </c>
      <c r="H16" s="280">
        <v>3575</v>
      </c>
      <c r="I16" s="280">
        <v>3192</v>
      </c>
      <c r="J16" s="280">
        <v>5041</v>
      </c>
      <c r="K16" s="280">
        <v>5431</v>
      </c>
      <c r="L16" s="281">
        <v>19284</v>
      </c>
      <c r="M16" s="282">
        <v>19284</v>
      </c>
      <c r="N16" s="276">
        <v>0</v>
      </c>
      <c r="O16" s="280">
        <v>0</v>
      </c>
      <c r="P16" s="277">
        <v>0</v>
      </c>
      <c r="Q16" s="279">
        <v>0</v>
      </c>
      <c r="R16" s="280">
        <v>3</v>
      </c>
      <c r="S16" s="280">
        <v>4</v>
      </c>
      <c r="T16" s="280">
        <v>32</v>
      </c>
      <c r="U16" s="280">
        <v>51</v>
      </c>
      <c r="V16" s="280">
        <v>155</v>
      </c>
      <c r="W16" s="277">
        <v>245</v>
      </c>
      <c r="X16" s="282">
        <v>245</v>
      </c>
      <c r="Y16" s="276">
        <v>28</v>
      </c>
      <c r="Z16" s="280">
        <v>185</v>
      </c>
      <c r="AA16" s="277">
        <v>213</v>
      </c>
      <c r="AB16" s="279">
        <v>0</v>
      </c>
      <c r="AC16" s="280">
        <v>992</v>
      </c>
      <c r="AD16" s="280">
        <v>1256</v>
      </c>
      <c r="AE16" s="280">
        <v>825</v>
      </c>
      <c r="AF16" s="280">
        <v>737</v>
      </c>
      <c r="AG16" s="280">
        <v>644</v>
      </c>
      <c r="AH16" s="277">
        <v>4454</v>
      </c>
      <c r="AI16" s="282">
        <v>4667</v>
      </c>
      <c r="AJ16" s="276">
        <v>26</v>
      </c>
      <c r="AK16" s="280">
        <v>68</v>
      </c>
      <c r="AL16" s="277">
        <v>94</v>
      </c>
      <c r="AM16" s="279">
        <v>0</v>
      </c>
      <c r="AN16" s="280">
        <v>177</v>
      </c>
      <c r="AO16" s="280">
        <v>205</v>
      </c>
      <c r="AP16" s="280">
        <v>102</v>
      </c>
      <c r="AQ16" s="280">
        <v>124</v>
      </c>
      <c r="AR16" s="280">
        <v>78</v>
      </c>
      <c r="AS16" s="277">
        <v>686</v>
      </c>
      <c r="AT16" s="282">
        <v>780</v>
      </c>
      <c r="AU16" s="276">
        <v>0</v>
      </c>
      <c r="AV16" s="280">
        <v>0</v>
      </c>
      <c r="AW16" s="277">
        <v>0</v>
      </c>
      <c r="AX16" s="279">
        <v>0</v>
      </c>
      <c r="AY16" s="280">
        <v>1284</v>
      </c>
      <c r="AZ16" s="280">
        <v>1352</v>
      </c>
      <c r="BA16" s="280">
        <v>898</v>
      </c>
      <c r="BB16" s="280">
        <v>622</v>
      </c>
      <c r="BC16" s="280">
        <v>239</v>
      </c>
      <c r="BD16" s="281">
        <v>4395</v>
      </c>
      <c r="BE16" s="282">
        <v>4395</v>
      </c>
      <c r="BF16" s="276">
        <v>0</v>
      </c>
      <c r="BG16" s="280">
        <v>0</v>
      </c>
      <c r="BH16" s="277">
        <v>0</v>
      </c>
      <c r="BI16" s="279">
        <v>0</v>
      </c>
      <c r="BJ16" s="280">
        <v>158</v>
      </c>
      <c r="BK16" s="280">
        <v>224</v>
      </c>
      <c r="BL16" s="280">
        <v>112</v>
      </c>
      <c r="BM16" s="280">
        <v>199</v>
      </c>
      <c r="BN16" s="280">
        <v>66</v>
      </c>
      <c r="BO16" s="277">
        <v>759</v>
      </c>
      <c r="BP16" s="282">
        <v>759</v>
      </c>
      <c r="BQ16" s="276">
        <v>0</v>
      </c>
      <c r="BR16" s="280">
        <v>11</v>
      </c>
      <c r="BS16" s="277">
        <v>11</v>
      </c>
      <c r="BT16" s="279">
        <v>0</v>
      </c>
      <c r="BU16" s="280">
        <v>121</v>
      </c>
      <c r="BV16" s="280">
        <v>215</v>
      </c>
      <c r="BW16" s="280">
        <v>546</v>
      </c>
      <c r="BX16" s="280">
        <v>477</v>
      </c>
      <c r="BY16" s="280">
        <v>230</v>
      </c>
      <c r="BZ16" s="277">
        <v>1589</v>
      </c>
      <c r="CA16" s="282">
        <v>1600</v>
      </c>
      <c r="CB16" s="276">
        <v>0</v>
      </c>
      <c r="CC16" s="280">
        <v>0</v>
      </c>
      <c r="CD16" s="277">
        <v>0</v>
      </c>
      <c r="CE16" s="279">
        <v>0</v>
      </c>
      <c r="CF16" s="280">
        <v>22</v>
      </c>
      <c r="CG16" s="280">
        <v>67</v>
      </c>
      <c r="CH16" s="280">
        <v>84</v>
      </c>
      <c r="CI16" s="280">
        <v>60</v>
      </c>
      <c r="CJ16" s="280">
        <v>0</v>
      </c>
      <c r="CK16" s="277">
        <v>233</v>
      </c>
      <c r="CL16" s="282">
        <v>23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1086</v>
      </c>
      <c r="H17" s="280">
        <v>2232</v>
      </c>
      <c r="I17" s="280">
        <v>1808</v>
      </c>
      <c r="J17" s="280">
        <v>1936</v>
      </c>
      <c r="K17" s="280">
        <v>2592</v>
      </c>
      <c r="L17" s="281">
        <v>9654</v>
      </c>
      <c r="M17" s="282">
        <v>9654</v>
      </c>
      <c r="N17" s="276">
        <v>0</v>
      </c>
      <c r="O17" s="280">
        <v>0</v>
      </c>
      <c r="P17" s="277">
        <v>0</v>
      </c>
      <c r="Q17" s="279">
        <v>0</v>
      </c>
      <c r="R17" s="280">
        <v>0</v>
      </c>
      <c r="S17" s="280">
        <v>2</v>
      </c>
      <c r="T17" s="280">
        <v>40</v>
      </c>
      <c r="U17" s="280">
        <v>75</v>
      </c>
      <c r="V17" s="280">
        <v>102</v>
      </c>
      <c r="W17" s="277">
        <v>219</v>
      </c>
      <c r="X17" s="282">
        <v>219</v>
      </c>
      <c r="Y17" s="276">
        <v>2</v>
      </c>
      <c r="Z17" s="280">
        <v>104</v>
      </c>
      <c r="AA17" s="277">
        <v>106</v>
      </c>
      <c r="AB17" s="279">
        <v>0</v>
      </c>
      <c r="AC17" s="280">
        <v>301</v>
      </c>
      <c r="AD17" s="280">
        <v>568</v>
      </c>
      <c r="AE17" s="280">
        <v>278</v>
      </c>
      <c r="AF17" s="280">
        <v>338</v>
      </c>
      <c r="AG17" s="280">
        <v>337</v>
      </c>
      <c r="AH17" s="277">
        <v>1822</v>
      </c>
      <c r="AI17" s="282">
        <v>1928</v>
      </c>
      <c r="AJ17" s="276">
        <v>0</v>
      </c>
      <c r="AK17" s="280">
        <v>8</v>
      </c>
      <c r="AL17" s="277">
        <v>8</v>
      </c>
      <c r="AM17" s="279">
        <v>0</v>
      </c>
      <c r="AN17" s="280">
        <v>81</v>
      </c>
      <c r="AO17" s="280">
        <v>144</v>
      </c>
      <c r="AP17" s="280">
        <v>33</v>
      </c>
      <c r="AQ17" s="280">
        <v>38</v>
      </c>
      <c r="AR17" s="280">
        <v>54</v>
      </c>
      <c r="AS17" s="277">
        <v>350</v>
      </c>
      <c r="AT17" s="282">
        <v>358</v>
      </c>
      <c r="AU17" s="276">
        <v>0</v>
      </c>
      <c r="AV17" s="280">
        <v>0</v>
      </c>
      <c r="AW17" s="277">
        <v>0</v>
      </c>
      <c r="AX17" s="279">
        <v>0</v>
      </c>
      <c r="AY17" s="280">
        <v>856</v>
      </c>
      <c r="AZ17" s="280">
        <v>1049</v>
      </c>
      <c r="BA17" s="280">
        <v>459</v>
      </c>
      <c r="BB17" s="280">
        <v>224</v>
      </c>
      <c r="BC17" s="280">
        <v>108</v>
      </c>
      <c r="BD17" s="281">
        <v>2696</v>
      </c>
      <c r="BE17" s="282">
        <v>2696</v>
      </c>
      <c r="BF17" s="276">
        <v>0</v>
      </c>
      <c r="BG17" s="280">
        <v>0</v>
      </c>
      <c r="BH17" s="277">
        <v>0</v>
      </c>
      <c r="BI17" s="279">
        <v>0</v>
      </c>
      <c r="BJ17" s="280">
        <v>196</v>
      </c>
      <c r="BK17" s="280">
        <v>212</v>
      </c>
      <c r="BL17" s="280">
        <v>150</v>
      </c>
      <c r="BM17" s="280">
        <v>63</v>
      </c>
      <c r="BN17" s="280">
        <v>20</v>
      </c>
      <c r="BO17" s="277">
        <v>641</v>
      </c>
      <c r="BP17" s="282">
        <v>641</v>
      </c>
      <c r="BQ17" s="276">
        <v>16</v>
      </c>
      <c r="BR17" s="280">
        <v>9</v>
      </c>
      <c r="BS17" s="277">
        <v>25</v>
      </c>
      <c r="BT17" s="279">
        <v>0</v>
      </c>
      <c r="BU17" s="280">
        <v>66</v>
      </c>
      <c r="BV17" s="280">
        <v>288</v>
      </c>
      <c r="BW17" s="280">
        <v>676</v>
      </c>
      <c r="BX17" s="280">
        <v>1015</v>
      </c>
      <c r="BY17" s="280">
        <v>267</v>
      </c>
      <c r="BZ17" s="277">
        <v>2312</v>
      </c>
      <c r="CA17" s="282">
        <v>2337</v>
      </c>
      <c r="CB17" s="276">
        <v>0</v>
      </c>
      <c r="CC17" s="280">
        <v>0</v>
      </c>
      <c r="CD17" s="277">
        <v>0</v>
      </c>
      <c r="CE17" s="279">
        <v>0</v>
      </c>
      <c r="CF17" s="280">
        <v>18</v>
      </c>
      <c r="CG17" s="280">
        <v>43</v>
      </c>
      <c r="CH17" s="280">
        <v>5</v>
      </c>
      <c r="CI17" s="280">
        <v>17</v>
      </c>
      <c r="CJ17" s="280">
        <v>5</v>
      </c>
      <c r="CK17" s="277">
        <v>88</v>
      </c>
      <c r="CL17" s="282">
        <v>8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1985</v>
      </c>
      <c r="H18" s="280">
        <v>3681</v>
      </c>
      <c r="I18" s="280">
        <v>4487</v>
      </c>
      <c r="J18" s="280">
        <v>5658</v>
      </c>
      <c r="K18" s="280">
        <v>4118</v>
      </c>
      <c r="L18" s="281">
        <v>19929</v>
      </c>
      <c r="M18" s="282">
        <v>19929</v>
      </c>
      <c r="N18" s="276">
        <v>0</v>
      </c>
      <c r="O18" s="280">
        <v>0</v>
      </c>
      <c r="P18" s="277">
        <v>0</v>
      </c>
      <c r="Q18" s="279">
        <v>0</v>
      </c>
      <c r="R18" s="280">
        <v>10</v>
      </c>
      <c r="S18" s="280">
        <v>35</v>
      </c>
      <c r="T18" s="280">
        <v>54</v>
      </c>
      <c r="U18" s="280">
        <v>80</v>
      </c>
      <c r="V18" s="280">
        <v>211</v>
      </c>
      <c r="W18" s="277">
        <v>390</v>
      </c>
      <c r="X18" s="282">
        <v>390</v>
      </c>
      <c r="Y18" s="276">
        <v>105</v>
      </c>
      <c r="Z18" s="280">
        <v>189</v>
      </c>
      <c r="AA18" s="277">
        <v>294</v>
      </c>
      <c r="AB18" s="279">
        <v>0</v>
      </c>
      <c r="AC18" s="280">
        <v>1339</v>
      </c>
      <c r="AD18" s="280">
        <v>2222</v>
      </c>
      <c r="AE18" s="280">
        <v>1464</v>
      </c>
      <c r="AF18" s="280">
        <v>1365</v>
      </c>
      <c r="AG18" s="280">
        <v>934</v>
      </c>
      <c r="AH18" s="277">
        <v>7324</v>
      </c>
      <c r="AI18" s="282">
        <v>7618</v>
      </c>
      <c r="AJ18" s="276">
        <v>21</v>
      </c>
      <c r="AK18" s="280">
        <v>99</v>
      </c>
      <c r="AL18" s="277">
        <v>120</v>
      </c>
      <c r="AM18" s="279">
        <v>0</v>
      </c>
      <c r="AN18" s="280">
        <v>137</v>
      </c>
      <c r="AO18" s="280">
        <v>447</v>
      </c>
      <c r="AP18" s="280">
        <v>179</v>
      </c>
      <c r="AQ18" s="280">
        <v>82</v>
      </c>
      <c r="AR18" s="280">
        <v>155</v>
      </c>
      <c r="AS18" s="277">
        <v>1000</v>
      </c>
      <c r="AT18" s="282">
        <v>1120</v>
      </c>
      <c r="AU18" s="276">
        <v>0</v>
      </c>
      <c r="AV18" s="280">
        <v>0</v>
      </c>
      <c r="AW18" s="277">
        <v>0</v>
      </c>
      <c r="AX18" s="279">
        <v>0</v>
      </c>
      <c r="AY18" s="280">
        <v>2684</v>
      </c>
      <c r="AZ18" s="280">
        <v>4033</v>
      </c>
      <c r="BA18" s="280">
        <v>2600</v>
      </c>
      <c r="BB18" s="280">
        <v>1922</v>
      </c>
      <c r="BC18" s="280">
        <v>1090</v>
      </c>
      <c r="BD18" s="281">
        <v>12329</v>
      </c>
      <c r="BE18" s="282">
        <v>12329</v>
      </c>
      <c r="BF18" s="276">
        <v>0</v>
      </c>
      <c r="BG18" s="280">
        <v>0</v>
      </c>
      <c r="BH18" s="277">
        <v>0</v>
      </c>
      <c r="BI18" s="279">
        <v>0</v>
      </c>
      <c r="BJ18" s="280">
        <v>1288</v>
      </c>
      <c r="BK18" s="280">
        <v>1837</v>
      </c>
      <c r="BL18" s="280">
        <v>879</v>
      </c>
      <c r="BM18" s="280">
        <v>411</v>
      </c>
      <c r="BN18" s="280">
        <v>116</v>
      </c>
      <c r="BO18" s="277">
        <v>4531</v>
      </c>
      <c r="BP18" s="282">
        <v>4531</v>
      </c>
      <c r="BQ18" s="276">
        <v>0</v>
      </c>
      <c r="BR18" s="280">
        <v>4</v>
      </c>
      <c r="BS18" s="277">
        <v>4</v>
      </c>
      <c r="BT18" s="279">
        <v>0</v>
      </c>
      <c r="BU18" s="280">
        <v>270</v>
      </c>
      <c r="BV18" s="280">
        <v>758</v>
      </c>
      <c r="BW18" s="280">
        <v>947</v>
      </c>
      <c r="BX18" s="280">
        <v>384</v>
      </c>
      <c r="BY18" s="280">
        <v>179</v>
      </c>
      <c r="BZ18" s="277">
        <v>2538</v>
      </c>
      <c r="CA18" s="282">
        <v>2542</v>
      </c>
      <c r="CB18" s="276">
        <v>0</v>
      </c>
      <c r="CC18" s="280">
        <v>0</v>
      </c>
      <c r="CD18" s="277">
        <v>0</v>
      </c>
      <c r="CE18" s="279">
        <v>0</v>
      </c>
      <c r="CF18" s="280">
        <v>31</v>
      </c>
      <c r="CG18" s="280">
        <v>29</v>
      </c>
      <c r="CH18" s="280">
        <v>59</v>
      </c>
      <c r="CI18" s="280">
        <v>39</v>
      </c>
      <c r="CJ18" s="280">
        <v>21</v>
      </c>
      <c r="CK18" s="277">
        <v>179</v>
      </c>
      <c r="CL18" s="282">
        <v>179</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569</v>
      </c>
      <c r="H19" s="280">
        <v>6684</v>
      </c>
      <c r="I19" s="280">
        <v>8844</v>
      </c>
      <c r="J19" s="280">
        <v>10658</v>
      </c>
      <c r="K19" s="280">
        <v>10839</v>
      </c>
      <c r="L19" s="281">
        <v>39594</v>
      </c>
      <c r="M19" s="282">
        <v>39594</v>
      </c>
      <c r="N19" s="276">
        <v>0</v>
      </c>
      <c r="O19" s="280">
        <v>4</v>
      </c>
      <c r="P19" s="277">
        <v>4</v>
      </c>
      <c r="Q19" s="279">
        <v>0</v>
      </c>
      <c r="R19" s="280">
        <v>9</v>
      </c>
      <c r="S19" s="280">
        <v>32</v>
      </c>
      <c r="T19" s="280">
        <v>77</v>
      </c>
      <c r="U19" s="280">
        <v>166</v>
      </c>
      <c r="V19" s="280">
        <v>404</v>
      </c>
      <c r="W19" s="277">
        <v>688</v>
      </c>
      <c r="X19" s="282">
        <v>692</v>
      </c>
      <c r="Y19" s="276">
        <v>117</v>
      </c>
      <c r="Z19" s="280">
        <v>523</v>
      </c>
      <c r="AA19" s="277">
        <v>640</v>
      </c>
      <c r="AB19" s="279">
        <v>0</v>
      </c>
      <c r="AC19" s="280">
        <v>1135</v>
      </c>
      <c r="AD19" s="280">
        <v>2456</v>
      </c>
      <c r="AE19" s="280">
        <v>1892</v>
      </c>
      <c r="AF19" s="280">
        <v>1462</v>
      </c>
      <c r="AG19" s="280">
        <v>1535</v>
      </c>
      <c r="AH19" s="277">
        <v>8480</v>
      </c>
      <c r="AI19" s="282">
        <v>9120</v>
      </c>
      <c r="AJ19" s="276">
        <v>47</v>
      </c>
      <c r="AK19" s="280">
        <v>136</v>
      </c>
      <c r="AL19" s="277">
        <v>183</v>
      </c>
      <c r="AM19" s="279">
        <v>0</v>
      </c>
      <c r="AN19" s="280">
        <v>52</v>
      </c>
      <c r="AO19" s="280">
        <v>280</v>
      </c>
      <c r="AP19" s="280">
        <v>235</v>
      </c>
      <c r="AQ19" s="280">
        <v>132</v>
      </c>
      <c r="AR19" s="280">
        <v>49</v>
      </c>
      <c r="AS19" s="277">
        <v>748</v>
      </c>
      <c r="AT19" s="282">
        <v>931</v>
      </c>
      <c r="AU19" s="276">
        <v>0</v>
      </c>
      <c r="AV19" s="280">
        <v>0</v>
      </c>
      <c r="AW19" s="277">
        <v>0</v>
      </c>
      <c r="AX19" s="279">
        <v>0</v>
      </c>
      <c r="AY19" s="280">
        <v>2830</v>
      </c>
      <c r="AZ19" s="280">
        <v>5050</v>
      </c>
      <c r="BA19" s="280">
        <v>3081</v>
      </c>
      <c r="BB19" s="280">
        <v>1852</v>
      </c>
      <c r="BC19" s="280">
        <v>951</v>
      </c>
      <c r="BD19" s="281">
        <v>13764</v>
      </c>
      <c r="BE19" s="282">
        <v>13764</v>
      </c>
      <c r="BF19" s="276">
        <v>0</v>
      </c>
      <c r="BG19" s="280">
        <v>0</v>
      </c>
      <c r="BH19" s="277">
        <v>0</v>
      </c>
      <c r="BI19" s="279">
        <v>0</v>
      </c>
      <c r="BJ19" s="280">
        <v>439</v>
      </c>
      <c r="BK19" s="280">
        <v>1269</v>
      </c>
      <c r="BL19" s="280">
        <v>684</v>
      </c>
      <c r="BM19" s="280">
        <v>269</v>
      </c>
      <c r="BN19" s="280">
        <v>163</v>
      </c>
      <c r="BO19" s="277">
        <v>2824</v>
      </c>
      <c r="BP19" s="282">
        <v>2824</v>
      </c>
      <c r="BQ19" s="276">
        <v>0</v>
      </c>
      <c r="BR19" s="280">
        <v>6</v>
      </c>
      <c r="BS19" s="277">
        <v>6</v>
      </c>
      <c r="BT19" s="279">
        <v>0</v>
      </c>
      <c r="BU19" s="280">
        <v>297</v>
      </c>
      <c r="BV19" s="280">
        <v>686</v>
      </c>
      <c r="BW19" s="280">
        <v>1315</v>
      </c>
      <c r="BX19" s="280">
        <v>958</v>
      </c>
      <c r="BY19" s="280">
        <v>518</v>
      </c>
      <c r="BZ19" s="277">
        <v>3774</v>
      </c>
      <c r="CA19" s="282">
        <v>3780</v>
      </c>
      <c r="CB19" s="276">
        <v>0</v>
      </c>
      <c r="CC19" s="280">
        <v>0</v>
      </c>
      <c r="CD19" s="277">
        <v>0</v>
      </c>
      <c r="CE19" s="279">
        <v>0</v>
      </c>
      <c r="CF19" s="280">
        <v>29</v>
      </c>
      <c r="CG19" s="280">
        <v>98</v>
      </c>
      <c r="CH19" s="280">
        <v>125</v>
      </c>
      <c r="CI19" s="280">
        <v>67</v>
      </c>
      <c r="CJ19" s="280">
        <v>90</v>
      </c>
      <c r="CK19" s="277">
        <v>409</v>
      </c>
      <c r="CL19" s="282">
        <v>409</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5388</v>
      </c>
      <c r="H20" s="280">
        <v>7577</v>
      </c>
      <c r="I20" s="280">
        <v>8999</v>
      </c>
      <c r="J20" s="280">
        <v>12290</v>
      </c>
      <c r="K20" s="280">
        <v>9523</v>
      </c>
      <c r="L20" s="281">
        <v>43777</v>
      </c>
      <c r="M20" s="282">
        <v>43777</v>
      </c>
      <c r="N20" s="276">
        <v>0</v>
      </c>
      <c r="O20" s="280">
        <v>0</v>
      </c>
      <c r="P20" s="277">
        <v>0</v>
      </c>
      <c r="Q20" s="279">
        <v>0</v>
      </c>
      <c r="R20" s="280">
        <v>9</v>
      </c>
      <c r="S20" s="280">
        <v>48</v>
      </c>
      <c r="T20" s="280">
        <v>89</v>
      </c>
      <c r="U20" s="280">
        <v>186</v>
      </c>
      <c r="V20" s="280">
        <v>427</v>
      </c>
      <c r="W20" s="277">
        <v>759</v>
      </c>
      <c r="X20" s="282">
        <v>759</v>
      </c>
      <c r="Y20" s="276">
        <v>278</v>
      </c>
      <c r="Z20" s="280">
        <v>691</v>
      </c>
      <c r="AA20" s="277">
        <v>969</v>
      </c>
      <c r="AB20" s="279">
        <v>0</v>
      </c>
      <c r="AC20" s="280">
        <v>2622</v>
      </c>
      <c r="AD20" s="280">
        <v>3063</v>
      </c>
      <c r="AE20" s="280">
        <v>2276</v>
      </c>
      <c r="AF20" s="280">
        <v>1680</v>
      </c>
      <c r="AG20" s="280">
        <v>1468</v>
      </c>
      <c r="AH20" s="277">
        <v>11109</v>
      </c>
      <c r="AI20" s="282">
        <v>12078</v>
      </c>
      <c r="AJ20" s="276">
        <v>61</v>
      </c>
      <c r="AK20" s="280">
        <v>129</v>
      </c>
      <c r="AL20" s="277">
        <v>190</v>
      </c>
      <c r="AM20" s="279">
        <v>0</v>
      </c>
      <c r="AN20" s="280">
        <v>431</v>
      </c>
      <c r="AO20" s="280">
        <v>738</v>
      </c>
      <c r="AP20" s="280">
        <v>506</v>
      </c>
      <c r="AQ20" s="280">
        <v>235</v>
      </c>
      <c r="AR20" s="280">
        <v>325</v>
      </c>
      <c r="AS20" s="277">
        <v>2235</v>
      </c>
      <c r="AT20" s="282">
        <v>2425</v>
      </c>
      <c r="AU20" s="276">
        <v>0</v>
      </c>
      <c r="AV20" s="280">
        <v>0</v>
      </c>
      <c r="AW20" s="277">
        <v>0</v>
      </c>
      <c r="AX20" s="279">
        <v>0</v>
      </c>
      <c r="AY20" s="280">
        <v>5163</v>
      </c>
      <c r="AZ20" s="280">
        <v>4770</v>
      </c>
      <c r="BA20" s="280">
        <v>3604</v>
      </c>
      <c r="BB20" s="280">
        <v>2107</v>
      </c>
      <c r="BC20" s="280">
        <v>857</v>
      </c>
      <c r="BD20" s="281">
        <v>16501</v>
      </c>
      <c r="BE20" s="282">
        <v>16501</v>
      </c>
      <c r="BF20" s="276">
        <v>0</v>
      </c>
      <c r="BG20" s="280">
        <v>0</v>
      </c>
      <c r="BH20" s="277">
        <v>0</v>
      </c>
      <c r="BI20" s="279">
        <v>0</v>
      </c>
      <c r="BJ20" s="280">
        <v>1208</v>
      </c>
      <c r="BK20" s="280">
        <v>1348</v>
      </c>
      <c r="BL20" s="280">
        <v>702</v>
      </c>
      <c r="BM20" s="280">
        <v>496</v>
      </c>
      <c r="BN20" s="280">
        <v>147</v>
      </c>
      <c r="BO20" s="277">
        <v>3901</v>
      </c>
      <c r="BP20" s="282">
        <v>3901</v>
      </c>
      <c r="BQ20" s="276">
        <v>0</v>
      </c>
      <c r="BR20" s="280">
        <v>9</v>
      </c>
      <c r="BS20" s="277">
        <v>9</v>
      </c>
      <c r="BT20" s="279">
        <v>0</v>
      </c>
      <c r="BU20" s="280">
        <v>471</v>
      </c>
      <c r="BV20" s="280">
        <v>889</v>
      </c>
      <c r="BW20" s="280">
        <v>2048</v>
      </c>
      <c r="BX20" s="280">
        <v>1441</v>
      </c>
      <c r="BY20" s="280">
        <v>782</v>
      </c>
      <c r="BZ20" s="277">
        <v>5631</v>
      </c>
      <c r="CA20" s="282">
        <v>5640</v>
      </c>
      <c r="CB20" s="276">
        <v>0</v>
      </c>
      <c r="CC20" s="280">
        <v>0</v>
      </c>
      <c r="CD20" s="277">
        <v>0</v>
      </c>
      <c r="CE20" s="279">
        <v>0</v>
      </c>
      <c r="CF20" s="280">
        <v>2</v>
      </c>
      <c r="CG20" s="280">
        <v>9</v>
      </c>
      <c r="CH20" s="280">
        <v>59</v>
      </c>
      <c r="CI20" s="280">
        <v>31</v>
      </c>
      <c r="CJ20" s="280">
        <v>4</v>
      </c>
      <c r="CK20" s="277">
        <v>105</v>
      </c>
      <c r="CL20" s="282">
        <v>105</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613</v>
      </c>
      <c r="H21" s="280">
        <v>2253</v>
      </c>
      <c r="I21" s="280">
        <v>2869</v>
      </c>
      <c r="J21" s="280">
        <v>3644</v>
      </c>
      <c r="K21" s="280">
        <v>2362</v>
      </c>
      <c r="L21" s="281">
        <v>12741</v>
      </c>
      <c r="M21" s="282">
        <v>12741</v>
      </c>
      <c r="N21" s="276">
        <v>0</v>
      </c>
      <c r="O21" s="280">
        <v>0</v>
      </c>
      <c r="P21" s="277">
        <v>0</v>
      </c>
      <c r="Q21" s="279">
        <v>0</v>
      </c>
      <c r="R21" s="280">
        <v>12</v>
      </c>
      <c r="S21" s="280">
        <v>24</v>
      </c>
      <c r="T21" s="280">
        <v>57</v>
      </c>
      <c r="U21" s="280">
        <v>102</v>
      </c>
      <c r="V21" s="280">
        <v>137</v>
      </c>
      <c r="W21" s="277">
        <v>332</v>
      </c>
      <c r="X21" s="282">
        <v>332</v>
      </c>
      <c r="Y21" s="276">
        <v>147</v>
      </c>
      <c r="Z21" s="280">
        <v>261</v>
      </c>
      <c r="AA21" s="277">
        <v>408</v>
      </c>
      <c r="AB21" s="279">
        <v>0</v>
      </c>
      <c r="AC21" s="280">
        <v>1171</v>
      </c>
      <c r="AD21" s="280">
        <v>1254</v>
      </c>
      <c r="AE21" s="280">
        <v>923</v>
      </c>
      <c r="AF21" s="280">
        <v>735</v>
      </c>
      <c r="AG21" s="280">
        <v>654</v>
      </c>
      <c r="AH21" s="277">
        <v>4737</v>
      </c>
      <c r="AI21" s="282">
        <v>5145</v>
      </c>
      <c r="AJ21" s="276">
        <v>6</v>
      </c>
      <c r="AK21" s="280">
        <v>32</v>
      </c>
      <c r="AL21" s="277">
        <v>38</v>
      </c>
      <c r="AM21" s="279">
        <v>0</v>
      </c>
      <c r="AN21" s="280">
        <v>251</v>
      </c>
      <c r="AO21" s="280">
        <v>152</v>
      </c>
      <c r="AP21" s="280">
        <v>112</v>
      </c>
      <c r="AQ21" s="280">
        <v>131</v>
      </c>
      <c r="AR21" s="280">
        <v>47</v>
      </c>
      <c r="AS21" s="277">
        <v>693</v>
      </c>
      <c r="AT21" s="282">
        <v>731</v>
      </c>
      <c r="AU21" s="276">
        <v>0</v>
      </c>
      <c r="AV21" s="280">
        <v>0</v>
      </c>
      <c r="AW21" s="277">
        <v>0</v>
      </c>
      <c r="AX21" s="279">
        <v>0</v>
      </c>
      <c r="AY21" s="280">
        <v>1969</v>
      </c>
      <c r="AZ21" s="280">
        <v>2043</v>
      </c>
      <c r="BA21" s="280">
        <v>1246</v>
      </c>
      <c r="BB21" s="280">
        <v>603</v>
      </c>
      <c r="BC21" s="280">
        <v>378</v>
      </c>
      <c r="BD21" s="281">
        <v>6239</v>
      </c>
      <c r="BE21" s="282">
        <v>6239</v>
      </c>
      <c r="BF21" s="276">
        <v>0</v>
      </c>
      <c r="BG21" s="280">
        <v>0</v>
      </c>
      <c r="BH21" s="277">
        <v>0</v>
      </c>
      <c r="BI21" s="279">
        <v>0</v>
      </c>
      <c r="BJ21" s="280">
        <v>657</v>
      </c>
      <c r="BK21" s="280">
        <v>661</v>
      </c>
      <c r="BL21" s="280">
        <v>416</v>
      </c>
      <c r="BM21" s="280">
        <v>245</v>
      </c>
      <c r="BN21" s="280">
        <v>86</v>
      </c>
      <c r="BO21" s="277">
        <v>2065</v>
      </c>
      <c r="BP21" s="282">
        <v>2065</v>
      </c>
      <c r="BQ21" s="276">
        <v>0</v>
      </c>
      <c r="BR21" s="280">
        <v>18</v>
      </c>
      <c r="BS21" s="277">
        <v>18</v>
      </c>
      <c r="BT21" s="279">
        <v>0</v>
      </c>
      <c r="BU21" s="280">
        <v>129</v>
      </c>
      <c r="BV21" s="280">
        <v>298</v>
      </c>
      <c r="BW21" s="280">
        <v>470</v>
      </c>
      <c r="BX21" s="280">
        <v>160</v>
      </c>
      <c r="BY21" s="280">
        <v>132</v>
      </c>
      <c r="BZ21" s="277">
        <v>1189</v>
      </c>
      <c r="CA21" s="282">
        <v>1207</v>
      </c>
      <c r="CB21" s="276">
        <v>0</v>
      </c>
      <c r="CC21" s="280">
        <v>3</v>
      </c>
      <c r="CD21" s="277">
        <v>3</v>
      </c>
      <c r="CE21" s="279">
        <v>0</v>
      </c>
      <c r="CF21" s="280">
        <v>35</v>
      </c>
      <c r="CG21" s="280">
        <v>126</v>
      </c>
      <c r="CH21" s="280">
        <v>39</v>
      </c>
      <c r="CI21" s="280">
        <v>120</v>
      </c>
      <c r="CJ21" s="280">
        <v>21</v>
      </c>
      <c r="CK21" s="277">
        <v>341</v>
      </c>
      <c r="CL21" s="282">
        <v>344</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788</v>
      </c>
      <c r="H22" s="280">
        <v>2633</v>
      </c>
      <c r="I22" s="280">
        <v>5191</v>
      </c>
      <c r="J22" s="280">
        <v>4847</v>
      </c>
      <c r="K22" s="280">
        <v>3622</v>
      </c>
      <c r="L22" s="281">
        <v>19081</v>
      </c>
      <c r="M22" s="282">
        <v>19081</v>
      </c>
      <c r="N22" s="276">
        <v>0</v>
      </c>
      <c r="O22" s="280">
        <v>0</v>
      </c>
      <c r="P22" s="277">
        <v>0</v>
      </c>
      <c r="Q22" s="279">
        <v>0</v>
      </c>
      <c r="R22" s="280">
        <v>0</v>
      </c>
      <c r="S22" s="280">
        <v>31</v>
      </c>
      <c r="T22" s="280">
        <v>45</v>
      </c>
      <c r="U22" s="280">
        <v>125</v>
      </c>
      <c r="V22" s="280">
        <v>190</v>
      </c>
      <c r="W22" s="277">
        <v>391</v>
      </c>
      <c r="X22" s="282">
        <v>391</v>
      </c>
      <c r="Y22" s="276">
        <v>273</v>
      </c>
      <c r="Z22" s="280">
        <v>573</v>
      </c>
      <c r="AA22" s="277">
        <v>846</v>
      </c>
      <c r="AB22" s="279">
        <v>0</v>
      </c>
      <c r="AC22" s="280">
        <v>2110</v>
      </c>
      <c r="AD22" s="280">
        <v>1706</v>
      </c>
      <c r="AE22" s="280">
        <v>1120</v>
      </c>
      <c r="AF22" s="280">
        <v>834</v>
      </c>
      <c r="AG22" s="280">
        <v>542</v>
      </c>
      <c r="AH22" s="277">
        <v>6312</v>
      </c>
      <c r="AI22" s="282">
        <v>7158</v>
      </c>
      <c r="AJ22" s="276">
        <v>78</v>
      </c>
      <c r="AK22" s="280">
        <v>337</v>
      </c>
      <c r="AL22" s="277">
        <v>415</v>
      </c>
      <c r="AM22" s="279">
        <v>0</v>
      </c>
      <c r="AN22" s="280">
        <v>657</v>
      </c>
      <c r="AO22" s="280">
        <v>546</v>
      </c>
      <c r="AP22" s="280">
        <v>338</v>
      </c>
      <c r="AQ22" s="280">
        <v>405</v>
      </c>
      <c r="AR22" s="280">
        <v>81</v>
      </c>
      <c r="AS22" s="277">
        <v>2027</v>
      </c>
      <c r="AT22" s="282">
        <v>2442</v>
      </c>
      <c r="AU22" s="276">
        <v>0</v>
      </c>
      <c r="AV22" s="280">
        <v>0</v>
      </c>
      <c r="AW22" s="277">
        <v>0</v>
      </c>
      <c r="AX22" s="279">
        <v>0</v>
      </c>
      <c r="AY22" s="280">
        <v>2345</v>
      </c>
      <c r="AZ22" s="280">
        <v>1647</v>
      </c>
      <c r="BA22" s="280">
        <v>1424</v>
      </c>
      <c r="BB22" s="280">
        <v>735</v>
      </c>
      <c r="BC22" s="280">
        <v>332</v>
      </c>
      <c r="BD22" s="281">
        <v>6483</v>
      </c>
      <c r="BE22" s="282">
        <v>6483</v>
      </c>
      <c r="BF22" s="276">
        <v>0</v>
      </c>
      <c r="BG22" s="280">
        <v>0</v>
      </c>
      <c r="BH22" s="277">
        <v>0</v>
      </c>
      <c r="BI22" s="279">
        <v>0</v>
      </c>
      <c r="BJ22" s="280">
        <v>969</v>
      </c>
      <c r="BK22" s="280">
        <v>786</v>
      </c>
      <c r="BL22" s="280">
        <v>471</v>
      </c>
      <c r="BM22" s="280">
        <v>280</v>
      </c>
      <c r="BN22" s="280">
        <v>83</v>
      </c>
      <c r="BO22" s="277">
        <v>2589</v>
      </c>
      <c r="BP22" s="282">
        <v>2589</v>
      </c>
      <c r="BQ22" s="276">
        <v>5</v>
      </c>
      <c r="BR22" s="280">
        <v>50</v>
      </c>
      <c r="BS22" s="277">
        <v>55</v>
      </c>
      <c r="BT22" s="279">
        <v>0</v>
      </c>
      <c r="BU22" s="280">
        <v>383</v>
      </c>
      <c r="BV22" s="280">
        <v>468</v>
      </c>
      <c r="BW22" s="280">
        <v>1058</v>
      </c>
      <c r="BX22" s="280">
        <v>966</v>
      </c>
      <c r="BY22" s="280">
        <v>268</v>
      </c>
      <c r="BZ22" s="277">
        <v>3143</v>
      </c>
      <c r="CA22" s="282">
        <v>3198</v>
      </c>
      <c r="CB22" s="276">
        <v>0</v>
      </c>
      <c r="CC22" s="280">
        <v>0</v>
      </c>
      <c r="CD22" s="277">
        <v>0</v>
      </c>
      <c r="CE22" s="279">
        <v>0</v>
      </c>
      <c r="CF22" s="280">
        <v>27</v>
      </c>
      <c r="CG22" s="280">
        <v>31</v>
      </c>
      <c r="CH22" s="280">
        <v>76</v>
      </c>
      <c r="CI22" s="280">
        <v>61</v>
      </c>
      <c r="CJ22" s="280">
        <v>32</v>
      </c>
      <c r="CK22" s="277">
        <v>227</v>
      </c>
      <c r="CL22" s="282">
        <v>227</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2419</v>
      </c>
      <c r="H23" s="280">
        <v>5535</v>
      </c>
      <c r="I23" s="280">
        <v>6429</v>
      </c>
      <c r="J23" s="280">
        <v>6470</v>
      </c>
      <c r="K23" s="280">
        <v>5604</v>
      </c>
      <c r="L23" s="281">
        <v>26457</v>
      </c>
      <c r="M23" s="282">
        <v>26457</v>
      </c>
      <c r="N23" s="276">
        <v>0</v>
      </c>
      <c r="O23" s="280">
        <v>0</v>
      </c>
      <c r="P23" s="277">
        <v>0</v>
      </c>
      <c r="Q23" s="279">
        <v>0</v>
      </c>
      <c r="R23" s="280">
        <v>0</v>
      </c>
      <c r="S23" s="280">
        <v>23</v>
      </c>
      <c r="T23" s="280">
        <v>71</v>
      </c>
      <c r="U23" s="280">
        <v>161</v>
      </c>
      <c r="V23" s="280">
        <v>180</v>
      </c>
      <c r="W23" s="277">
        <v>435</v>
      </c>
      <c r="X23" s="282">
        <v>435</v>
      </c>
      <c r="Y23" s="276">
        <v>299</v>
      </c>
      <c r="Z23" s="280">
        <v>582</v>
      </c>
      <c r="AA23" s="277">
        <v>881</v>
      </c>
      <c r="AB23" s="279">
        <v>0</v>
      </c>
      <c r="AC23" s="280">
        <v>1538</v>
      </c>
      <c r="AD23" s="280">
        <v>2504</v>
      </c>
      <c r="AE23" s="280">
        <v>1436</v>
      </c>
      <c r="AF23" s="280">
        <v>1406</v>
      </c>
      <c r="AG23" s="280">
        <v>840</v>
      </c>
      <c r="AH23" s="277">
        <v>7724</v>
      </c>
      <c r="AI23" s="282">
        <v>8605</v>
      </c>
      <c r="AJ23" s="276">
        <v>150</v>
      </c>
      <c r="AK23" s="280">
        <v>279</v>
      </c>
      <c r="AL23" s="277">
        <v>429</v>
      </c>
      <c r="AM23" s="279">
        <v>0</v>
      </c>
      <c r="AN23" s="280">
        <v>215</v>
      </c>
      <c r="AO23" s="280">
        <v>386</v>
      </c>
      <c r="AP23" s="280">
        <v>157</v>
      </c>
      <c r="AQ23" s="280">
        <v>140</v>
      </c>
      <c r="AR23" s="280">
        <v>100</v>
      </c>
      <c r="AS23" s="277">
        <v>998</v>
      </c>
      <c r="AT23" s="282">
        <v>1427</v>
      </c>
      <c r="AU23" s="276">
        <v>0</v>
      </c>
      <c r="AV23" s="280">
        <v>0</v>
      </c>
      <c r="AW23" s="277">
        <v>0</v>
      </c>
      <c r="AX23" s="279">
        <v>0</v>
      </c>
      <c r="AY23" s="280">
        <v>2375</v>
      </c>
      <c r="AZ23" s="280">
        <v>3027</v>
      </c>
      <c r="BA23" s="280">
        <v>1913</v>
      </c>
      <c r="BB23" s="280">
        <v>879</v>
      </c>
      <c r="BC23" s="280">
        <v>323</v>
      </c>
      <c r="BD23" s="281">
        <v>8517</v>
      </c>
      <c r="BE23" s="282">
        <v>8517</v>
      </c>
      <c r="BF23" s="276">
        <v>0</v>
      </c>
      <c r="BG23" s="280">
        <v>0</v>
      </c>
      <c r="BH23" s="277">
        <v>0</v>
      </c>
      <c r="BI23" s="279">
        <v>0</v>
      </c>
      <c r="BJ23" s="280">
        <v>357</v>
      </c>
      <c r="BK23" s="280">
        <v>490</v>
      </c>
      <c r="BL23" s="280">
        <v>246</v>
      </c>
      <c r="BM23" s="280">
        <v>78</v>
      </c>
      <c r="BN23" s="280">
        <v>74</v>
      </c>
      <c r="BO23" s="277">
        <v>1245</v>
      </c>
      <c r="BP23" s="282">
        <v>1245</v>
      </c>
      <c r="BQ23" s="276">
        <v>3</v>
      </c>
      <c r="BR23" s="280">
        <v>10</v>
      </c>
      <c r="BS23" s="277">
        <v>13</v>
      </c>
      <c r="BT23" s="279">
        <v>0</v>
      </c>
      <c r="BU23" s="280">
        <v>297</v>
      </c>
      <c r="BV23" s="280">
        <v>351</v>
      </c>
      <c r="BW23" s="280">
        <v>1441</v>
      </c>
      <c r="BX23" s="280">
        <v>738</v>
      </c>
      <c r="BY23" s="280">
        <v>534</v>
      </c>
      <c r="BZ23" s="277">
        <v>3361</v>
      </c>
      <c r="CA23" s="282">
        <v>3374</v>
      </c>
      <c r="CB23" s="276">
        <v>0</v>
      </c>
      <c r="CC23" s="280">
        <v>0</v>
      </c>
      <c r="CD23" s="277">
        <v>0</v>
      </c>
      <c r="CE23" s="279">
        <v>0</v>
      </c>
      <c r="CF23" s="280">
        <v>0</v>
      </c>
      <c r="CG23" s="280">
        <v>29</v>
      </c>
      <c r="CH23" s="280">
        <v>18</v>
      </c>
      <c r="CI23" s="280">
        <v>23</v>
      </c>
      <c r="CJ23" s="280">
        <v>9</v>
      </c>
      <c r="CK23" s="277">
        <v>79</v>
      </c>
      <c r="CL23" s="282">
        <v>79</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493</v>
      </c>
      <c r="H24" s="280">
        <v>986</v>
      </c>
      <c r="I24" s="280">
        <v>948</v>
      </c>
      <c r="J24" s="280">
        <v>1329</v>
      </c>
      <c r="K24" s="280">
        <v>1627</v>
      </c>
      <c r="L24" s="281">
        <v>5383</v>
      </c>
      <c r="M24" s="282">
        <v>5383</v>
      </c>
      <c r="N24" s="276">
        <v>0</v>
      </c>
      <c r="O24" s="280">
        <v>0</v>
      </c>
      <c r="P24" s="277">
        <v>0</v>
      </c>
      <c r="Q24" s="279">
        <v>0</v>
      </c>
      <c r="R24" s="280">
        <v>1</v>
      </c>
      <c r="S24" s="280">
        <v>5</v>
      </c>
      <c r="T24" s="280">
        <v>24</v>
      </c>
      <c r="U24" s="280">
        <v>45</v>
      </c>
      <c r="V24" s="280">
        <v>87</v>
      </c>
      <c r="W24" s="277">
        <v>162</v>
      </c>
      <c r="X24" s="282">
        <v>162</v>
      </c>
      <c r="Y24" s="276">
        <v>18</v>
      </c>
      <c r="Z24" s="280">
        <v>63</v>
      </c>
      <c r="AA24" s="277">
        <v>81</v>
      </c>
      <c r="AB24" s="279">
        <v>0</v>
      </c>
      <c r="AC24" s="280">
        <v>364</v>
      </c>
      <c r="AD24" s="280">
        <v>520</v>
      </c>
      <c r="AE24" s="280">
        <v>229</v>
      </c>
      <c r="AF24" s="280">
        <v>231</v>
      </c>
      <c r="AG24" s="280">
        <v>223</v>
      </c>
      <c r="AH24" s="277">
        <v>1567</v>
      </c>
      <c r="AI24" s="282">
        <v>1648</v>
      </c>
      <c r="AJ24" s="276">
        <v>0</v>
      </c>
      <c r="AK24" s="280">
        <v>24</v>
      </c>
      <c r="AL24" s="277">
        <v>24</v>
      </c>
      <c r="AM24" s="279">
        <v>0</v>
      </c>
      <c r="AN24" s="280">
        <v>51</v>
      </c>
      <c r="AO24" s="280">
        <v>222</v>
      </c>
      <c r="AP24" s="280">
        <v>95</v>
      </c>
      <c r="AQ24" s="280">
        <v>30</v>
      </c>
      <c r="AR24" s="280">
        <v>55</v>
      </c>
      <c r="AS24" s="277">
        <v>453</v>
      </c>
      <c r="AT24" s="282">
        <v>477</v>
      </c>
      <c r="AU24" s="276">
        <v>0</v>
      </c>
      <c r="AV24" s="280">
        <v>0</v>
      </c>
      <c r="AW24" s="277">
        <v>0</v>
      </c>
      <c r="AX24" s="279">
        <v>0</v>
      </c>
      <c r="AY24" s="280">
        <v>994</v>
      </c>
      <c r="AZ24" s="280">
        <v>1167</v>
      </c>
      <c r="BA24" s="280">
        <v>452</v>
      </c>
      <c r="BB24" s="280">
        <v>406</v>
      </c>
      <c r="BC24" s="280">
        <v>173</v>
      </c>
      <c r="BD24" s="281">
        <v>3192</v>
      </c>
      <c r="BE24" s="282">
        <v>3192</v>
      </c>
      <c r="BF24" s="276">
        <v>0</v>
      </c>
      <c r="BG24" s="280">
        <v>0</v>
      </c>
      <c r="BH24" s="277">
        <v>0</v>
      </c>
      <c r="BI24" s="279">
        <v>0</v>
      </c>
      <c r="BJ24" s="280">
        <v>141</v>
      </c>
      <c r="BK24" s="280">
        <v>156</v>
      </c>
      <c r="BL24" s="280">
        <v>117</v>
      </c>
      <c r="BM24" s="280">
        <v>84</v>
      </c>
      <c r="BN24" s="280">
        <v>48</v>
      </c>
      <c r="BO24" s="277">
        <v>546</v>
      </c>
      <c r="BP24" s="282">
        <v>546</v>
      </c>
      <c r="BQ24" s="276">
        <v>0</v>
      </c>
      <c r="BR24" s="280">
        <v>0</v>
      </c>
      <c r="BS24" s="277">
        <v>0</v>
      </c>
      <c r="BT24" s="279">
        <v>0</v>
      </c>
      <c r="BU24" s="280">
        <v>81</v>
      </c>
      <c r="BV24" s="280">
        <v>164</v>
      </c>
      <c r="BW24" s="280">
        <v>416</v>
      </c>
      <c r="BX24" s="280">
        <v>232</v>
      </c>
      <c r="BY24" s="280">
        <v>144</v>
      </c>
      <c r="BZ24" s="277">
        <v>1037</v>
      </c>
      <c r="CA24" s="282">
        <v>1037</v>
      </c>
      <c r="CB24" s="276">
        <v>0</v>
      </c>
      <c r="CC24" s="280">
        <v>0</v>
      </c>
      <c r="CD24" s="277">
        <v>0</v>
      </c>
      <c r="CE24" s="279">
        <v>0</v>
      </c>
      <c r="CF24" s="280">
        <v>0</v>
      </c>
      <c r="CG24" s="280">
        <v>6</v>
      </c>
      <c r="CH24" s="280">
        <v>28</v>
      </c>
      <c r="CI24" s="280">
        <v>19</v>
      </c>
      <c r="CJ24" s="280">
        <v>2</v>
      </c>
      <c r="CK24" s="277">
        <v>55</v>
      </c>
      <c r="CL24" s="282">
        <v>55</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1568</v>
      </c>
      <c r="H25" s="280">
        <v>2331</v>
      </c>
      <c r="I25" s="280">
        <v>2744</v>
      </c>
      <c r="J25" s="280">
        <v>3003</v>
      </c>
      <c r="K25" s="280">
        <v>2251</v>
      </c>
      <c r="L25" s="281">
        <v>11897</v>
      </c>
      <c r="M25" s="282">
        <v>11897</v>
      </c>
      <c r="N25" s="276">
        <v>0</v>
      </c>
      <c r="O25" s="280">
        <v>0</v>
      </c>
      <c r="P25" s="277">
        <v>0</v>
      </c>
      <c r="Q25" s="279">
        <v>0</v>
      </c>
      <c r="R25" s="280">
        <v>6</v>
      </c>
      <c r="S25" s="280">
        <v>18</v>
      </c>
      <c r="T25" s="280">
        <v>12</v>
      </c>
      <c r="U25" s="280">
        <v>42</v>
      </c>
      <c r="V25" s="280">
        <v>101</v>
      </c>
      <c r="W25" s="277">
        <v>179</v>
      </c>
      <c r="X25" s="282">
        <v>179</v>
      </c>
      <c r="Y25" s="276">
        <v>196</v>
      </c>
      <c r="Z25" s="280">
        <v>407</v>
      </c>
      <c r="AA25" s="277">
        <v>603</v>
      </c>
      <c r="AB25" s="279">
        <v>0</v>
      </c>
      <c r="AC25" s="280">
        <v>888</v>
      </c>
      <c r="AD25" s="280">
        <v>1262</v>
      </c>
      <c r="AE25" s="280">
        <v>619</v>
      </c>
      <c r="AF25" s="280">
        <v>701</v>
      </c>
      <c r="AG25" s="280">
        <v>422</v>
      </c>
      <c r="AH25" s="277">
        <v>3892</v>
      </c>
      <c r="AI25" s="282">
        <v>4495</v>
      </c>
      <c r="AJ25" s="276">
        <v>23</v>
      </c>
      <c r="AK25" s="280">
        <v>50</v>
      </c>
      <c r="AL25" s="277">
        <v>73</v>
      </c>
      <c r="AM25" s="279">
        <v>0</v>
      </c>
      <c r="AN25" s="280">
        <v>133</v>
      </c>
      <c r="AO25" s="280">
        <v>256</v>
      </c>
      <c r="AP25" s="280">
        <v>96</v>
      </c>
      <c r="AQ25" s="280">
        <v>109</v>
      </c>
      <c r="AR25" s="280">
        <v>104</v>
      </c>
      <c r="AS25" s="277">
        <v>698</v>
      </c>
      <c r="AT25" s="282">
        <v>771</v>
      </c>
      <c r="AU25" s="276">
        <v>0</v>
      </c>
      <c r="AV25" s="280">
        <v>0</v>
      </c>
      <c r="AW25" s="277">
        <v>0</v>
      </c>
      <c r="AX25" s="279">
        <v>0</v>
      </c>
      <c r="AY25" s="280">
        <v>2362</v>
      </c>
      <c r="AZ25" s="280">
        <v>2198</v>
      </c>
      <c r="BA25" s="280">
        <v>1381</v>
      </c>
      <c r="BB25" s="280">
        <v>906</v>
      </c>
      <c r="BC25" s="280">
        <v>335</v>
      </c>
      <c r="BD25" s="281">
        <v>7182</v>
      </c>
      <c r="BE25" s="282">
        <v>7182</v>
      </c>
      <c r="BF25" s="276">
        <v>0</v>
      </c>
      <c r="BG25" s="280">
        <v>0</v>
      </c>
      <c r="BH25" s="277">
        <v>0</v>
      </c>
      <c r="BI25" s="279">
        <v>0</v>
      </c>
      <c r="BJ25" s="280">
        <v>256</v>
      </c>
      <c r="BK25" s="280">
        <v>340</v>
      </c>
      <c r="BL25" s="280">
        <v>288</v>
      </c>
      <c r="BM25" s="280">
        <v>191</v>
      </c>
      <c r="BN25" s="280">
        <v>8</v>
      </c>
      <c r="BO25" s="277">
        <v>1083</v>
      </c>
      <c r="BP25" s="282">
        <v>1083</v>
      </c>
      <c r="BQ25" s="276">
        <v>6</v>
      </c>
      <c r="BR25" s="280">
        <v>16</v>
      </c>
      <c r="BS25" s="277">
        <v>22</v>
      </c>
      <c r="BT25" s="279">
        <v>0</v>
      </c>
      <c r="BU25" s="280">
        <v>182</v>
      </c>
      <c r="BV25" s="280">
        <v>276</v>
      </c>
      <c r="BW25" s="280">
        <v>393</v>
      </c>
      <c r="BX25" s="280">
        <v>595</v>
      </c>
      <c r="BY25" s="280">
        <v>162</v>
      </c>
      <c r="BZ25" s="277">
        <v>1608</v>
      </c>
      <c r="CA25" s="282">
        <v>1630</v>
      </c>
      <c r="CB25" s="276">
        <v>0</v>
      </c>
      <c r="CC25" s="280">
        <v>2</v>
      </c>
      <c r="CD25" s="277">
        <v>2</v>
      </c>
      <c r="CE25" s="279">
        <v>0</v>
      </c>
      <c r="CF25" s="280">
        <v>3</v>
      </c>
      <c r="CG25" s="280">
        <v>11</v>
      </c>
      <c r="CH25" s="280">
        <v>6</v>
      </c>
      <c r="CI25" s="280">
        <v>27</v>
      </c>
      <c r="CJ25" s="280">
        <v>36</v>
      </c>
      <c r="CK25" s="277">
        <v>83</v>
      </c>
      <c r="CL25" s="282">
        <v>85</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617</v>
      </c>
      <c r="H26" s="280">
        <v>1093</v>
      </c>
      <c r="I26" s="280">
        <v>1300</v>
      </c>
      <c r="J26" s="280">
        <v>1588</v>
      </c>
      <c r="K26" s="280">
        <v>1702</v>
      </c>
      <c r="L26" s="281">
        <v>6300</v>
      </c>
      <c r="M26" s="282">
        <v>6300</v>
      </c>
      <c r="N26" s="276">
        <v>0</v>
      </c>
      <c r="O26" s="280">
        <v>0</v>
      </c>
      <c r="P26" s="277">
        <v>0</v>
      </c>
      <c r="Q26" s="279">
        <v>0</v>
      </c>
      <c r="R26" s="280">
        <v>0</v>
      </c>
      <c r="S26" s="280">
        <v>13</v>
      </c>
      <c r="T26" s="280">
        <v>25</v>
      </c>
      <c r="U26" s="280">
        <v>42</v>
      </c>
      <c r="V26" s="280">
        <v>113</v>
      </c>
      <c r="W26" s="277">
        <v>193</v>
      </c>
      <c r="X26" s="282">
        <v>193</v>
      </c>
      <c r="Y26" s="276">
        <v>99</v>
      </c>
      <c r="Z26" s="280">
        <v>193</v>
      </c>
      <c r="AA26" s="277">
        <v>292</v>
      </c>
      <c r="AB26" s="279">
        <v>0</v>
      </c>
      <c r="AC26" s="280">
        <v>407</v>
      </c>
      <c r="AD26" s="280">
        <v>448</v>
      </c>
      <c r="AE26" s="280">
        <v>333</v>
      </c>
      <c r="AF26" s="280">
        <v>314</v>
      </c>
      <c r="AG26" s="280">
        <v>279</v>
      </c>
      <c r="AH26" s="277">
        <v>1781</v>
      </c>
      <c r="AI26" s="282">
        <v>2073</v>
      </c>
      <c r="AJ26" s="276">
        <v>0</v>
      </c>
      <c r="AK26" s="280">
        <v>8</v>
      </c>
      <c r="AL26" s="277">
        <v>8</v>
      </c>
      <c r="AM26" s="279">
        <v>0</v>
      </c>
      <c r="AN26" s="280">
        <v>44</v>
      </c>
      <c r="AO26" s="280">
        <v>76</v>
      </c>
      <c r="AP26" s="280">
        <v>14</v>
      </c>
      <c r="AQ26" s="280">
        <v>76</v>
      </c>
      <c r="AR26" s="280">
        <v>41</v>
      </c>
      <c r="AS26" s="277">
        <v>251</v>
      </c>
      <c r="AT26" s="282">
        <v>259</v>
      </c>
      <c r="AU26" s="276">
        <v>0</v>
      </c>
      <c r="AV26" s="280">
        <v>0</v>
      </c>
      <c r="AW26" s="277">
        <v>0</v>
      </c>
      <c r="AX26" s="279">
        <v>0</v>
      </c>
      <c r="AY26" s="280">
        <v>883</v>
      </c>
      <c r="AZ26" s="280">
        <v>727</v>
      </c>
      <c r="BA26" s="280">
        <v>429</v>
      </c>
      <c r="BB26" s="280">
        <v>195</v>
      </c>
      <c r="BC26" s="280">
        <v>102</v>
      </c>
      <c r="BD26" s="281">
        <v>2336</v>
      </c>
      <c r="BE26" s="282">
        <v>2336</v>
      </c>
      <c r="BF26" s="276">
        <v>0</v>
      </c>
      <c r="BG26" s="280">
        <v>0</v>
      </c>
      <c r="BH26" s="277">
        <v>0</v>
      </c>
      <c r="BI26" s="279">
        <v>0</v>
      </c>
      <c r="BJ26" s="280">
        <v>287</v>
      </c>
      <c r="BK26" s="280">
        <v>297</v>
      </c>
      <c r="BL26" s="280">
        <v>172</v>
      </c>
      <c r="BM26" s="280">
        <v>62</v>
      </c>
      <c r="BN26" s="280">
        <v>122</v>
      </c>
      <c r="BO26" s="277">
        <v>940</v>
      </c>
      <c r="BP26" s="282">
        <v>940</v>
      </c>
      <c r="BQ26" s="276">
        <v>12</v>
      </c>
      <c r="BR26" s="280">
        <v>11</v>
      </c>
      <c r="BS26" s="277">
        <v>23</v>
      </c>
      <c r="BT26" s="279">
        <v>0</v>
      </c>
      <c r="BU26" s="280">
        <v>148</v>
      </c>
      <c r="BV26" s="280">
        <v>124</v>
      </c>
      <c r="BW26" s="280">
        <v>281</v>
      </c>
      <c r="BX26" s="280">
        <v>212</v>
      </c>
      <c r="BY26" s="280">
        <v>94</v>
      </c>
      <c r="BZ26" s="277">
        <v>859</v>
      </c>
      <c r="CA26" s="282">
        <v>882</v>
      </c>
      <c r="CB26" s="276">
        <v>0</v>
      </c>
      <c r="CC26" s="280">
        <v>0</v>
      </c>
      <c r="CD26" s="277">
        <v>0</v>
      </c>
      <c r="CE26" s="279">
        <v>0</v>
      </c>
      <c r="CF26" s="280">
        <v>25</v>
      </c>
      <c r="CG26" s="280">
        <v>0</v>
      </c>
      <c r="CH26" s="280">
        <v>11</v>
      </c>
      <c r="CI26" s="280">
        <v>14</v>
      </c>
      <c r="CJ26" s="280">
        <v>21</v>
      </c>
      <c r="CK26" s="277">
        <v>71</v>
      </c>
      <c r="CL26" s="282">
        <v>71</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1276</v>
      </c>
      <c r="H27" s="280">
        <v>1559</v>
      </c>
      <c r="I27" s="280">
        <v>1752</v>
      </c>
      <c r="J27" s="280">
        <v>2147</v>
      </c>
      <c r="K27" s="280">
        <v>1793</v>
      </c>
      <c r="L27" s="281">
        <v>8527</v>
      </c>
      <c r="M27" s="282">
        <v>8527</v>
      </c>
      <c r="N27" s="276">
        <v>0</v>
      </c>
      <c r="O27" s="280">
        <v>0</v>
      </c>
      <c r="P27" s="277">
        <v>0</v>
      </c>
      <c r="Q27" s="279">
        <v>0</v>
      </c>
      <c r="R27" s="280">
        <v>9</v>
      </c>
      <c r="S27" s="280">
        <v>55</v>
      </c>
      <c r="T27" s="280">
        <v>46</v>
      </c>
      <c r="U27" s="280">
        <v>78</v>
      </c>
      <c r="V27" s="280">
        <v>101</v>
      </c>
      <c r="W27" s="277">
        <v>289</v>
      </c>
      <c r="X27" s="282">
        <v>289</v>
      </c>
      <c r="Y27" s="276">
        <v>135</v>
      </c>
      <c r="Z27" s="280">
        <v>267</v>
      </c>
      <c r="AA27" s="277">
        <v>402</v>
      </c>
      <c r="AB27" s="279">
        <v>0</v>
      </c>
      <c r="AC27" s="280">
        <v>529</v>
      </c>
      <c r="AD27" s="280">
        <v>687</v>
      </c>
      <c r="AE27" s="280">
        <v>341</v>
      </c>
      <c r="AF27" s="280">
        <v>237</v>
      </c>
      <c r="AG27" s="280">
        <v>225</v>
      </c>
      <c r="AH27" s="277">
        <v>2019</v>
      </c>
      <c r="AI27" s="282">
        <v>2421</v>
      </c>
      <c r="AJ27" s="276">
        <v>16</v>
      </c>
      <c r="AK27" s="280">
        <v>86</v>
      </c>
      <c r="AL27" s="277">
        <v>102</v>
      </c>
      <c r="AM27" s="279">
        <v>0</v>
      </c>
      <c r="AN27" s="280">
        <v>0</v>
      </c>
      <c r="AO27" s="280">
        <v>119</v>
      </c>
      <c r="AP27" s="280">
        <v>86</v>
      </c>
      <c r="AQ27" s="280">
        <v>44</v>
      </c>
      <c r="AR27" s="280">
        <v>29</v>
      </c>
      <c r="AS27" s="277">
        <v>278</v>
      </c>
      <c r="AT27" s="282">
        <v>380</v>
      </c>
      <c r="AU27" s="276">
        <v>0</v>
      </c>
      <c r="AV27" s="280">
        <v>0</v>
      </c>
      <c r="AW27" s="277">
        <v>0</v>
      </c>
      <c r="AX27" s="279">
        <v>0</v>
      </c>
      <c r="AY27" s="280">
        <v>1087</v>
      </c>
      <c r="AZ27" s="280">
        <v>747</v>
      </c>
      <c r="BA27" s="280">
        <v>623</v>
      </c>
      <c r="BB27" s="280">
        <v>536</v>
      </c>
      <c r="BC27" s="280">
        <v>25</v>
      </c>
      <c r="BD27" s="281">
        <v>3018</v>
      </c>
      <c r="BE27" s="282">
        <v>3018</v>
      </c>
      <c r="BF27" s="276">
        <v>0</v>
      </c>
      <c r="BG27" s="280">
        <v>0</v>
      </c>
      <c r="BH27" s="277">
        <v>0</v>
      </c>
      <c r="BI27" s="279">
        <v>0</v>
      </c>
      <c r="BJ27" s="280">
        <v>226</v>
      </c>
      <c r="BK27" s="280">
        <v>421</v>
      </c>
      <c r="BL27" s="280">
        <v>168</v>
      </c>
      <c r="BM27" s="280">
        <v>125</v>
      </c>
      <c r="BN27" s="280">
        <v>20</v>
      </c>
      <c r="BO27" s="277">
        <v>960</v>
      </c>
      <c r="BP27" s="282">
        <v>960</v>
      </c>
      <c r="BQ27" s="276">
        <v>0</v>
      </c>
      <c r="BR27" s="280">
        <v>12</v>
      </c>
      <c r="BS27" s="277">
        <v>12</v>
      </c>
      <c r="BT27" s="279">
        <v>0</v>
      </c>
      <c r="BU27" s="280">
        <v>60</v>
      </c>
      <c r="BV27" s="280">
        <v>275</v>
      </c>
      <c r="BW27" s="280">
        <v>246</v>
      </c>
      <c r="BX27" s="280">
        <v>68</v>
      </c>
      <c r="BY27" s="280">
        <v>76</v>
      </c>
      <c r="BZ27" s="277">
        <v>725</v>
      </c>
      <c r="CA27" s="282">
        <v>737</v>
      </c>
      <c r="CB27" s="276">
        <v>0</v>
      </c>
      <c r="CC27" s="280">
        <v>0</v>
      </c>
      <c r="CD27" s="277">
        <v>0</v>
      </c>
      <c r="CE27" s="279">
        <v>0</v>
      </c>
      <c r="CF27" s="280">
        <v>26</v>
      </c>
      <c r="CG27" s="280">
        <v>56</v>
      </c>
      <c r="CH27" s="280">
        <v>16</v>
      </c>
      <c r="CI27" s="280">
        <v>43</v>
      </c>
      <c r="CJ27" s="280">
        <v>25</v>
      </c>
      <c r="CK27" s="277">
        <v>166</v>
      </c>
      <c r="CL27" s="282">
        <v>166</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822</v>
      </c>
      <c r="H28" s="280">
        <v>1158</v>
      </c>
      <c r="I28" s="280">
        <v>1358</v>
      </c>
      <c r="J28" s="280">
        <v>1702</v>
      </c>
      <c r="K28" s="280">
        <v>2348</v>
      </c>
      <c r="L28" s="281">
        <v>7388</v>
      </c>
      <c r="M28" s="282">
        <v>7388</v>
      </c>
      <c r="N28" s="276">
        <v>0</v>
      </c>
      <c r="O28" s="280">
        <v>0</v>
      </c>
      <c r="P28" s="277">
        <v>0</v>
      </c>
      <c r="Q28" s="279">
        <v>0</v>
      </c>
      <c r="R28" s="280">
        <v>0</v>
      </c>
      <c r="S28" s="280">
        <v>2</v>
      </c>
      <c r="T28" s="280">
        <v>20</v>
      </c>
      <c r="U28" s="280">
        <v>44</v>
      </c>
      <c r="V28" s="280">
        <v>55</v>
      </c>
      <c r="W28" s="277">
        <v>121</v>
      </c>
      <c r="X28" s="282">
        <v>121</v>
      </c>
      <c r="Y28" s="276">
        <v>50</v>
      </c>
      <c r="Z28" s="280">
        <v>57</v>
      </c>
      <c r="AA28" s="277">
        <v>107</v>
      </c>
      <c r="AB28" s="279">
        <v>0</v>
      </c>
      <c r="AC28" s="280">
        <v>363</v>
      </c>
      <c r="AD28" s="280">
        <v>437</v>
      </c>
      <c r="AE28" s="280">
        <v>318</v>
      </c>
      <c r="AF28" s="280">
        <v>309</v>
      </c>
      <c r="AG28" s="280">
        <v>351</v>
      </c>
      <c r="AH28" s="277">
        <v>1778</v>
      </c>
      <c r="AI28" s="282">
        <v>1885</v>
      </c>
      <c r="AJ28" s="276">
        <v>0</v>
      </c>
      <c r="AK28" s="280">
        <v>0</v>
      </c>
      <c r="AL28" s="277">
        <v>0</v>
      </c>
      <c r="AM28" s="279">
        <v>0</v>
      </c>
      <c r="AN28" s="280">
        <v>9</v>
      </c>
      <c r="AO28" s="280">
        <v>95</v>
      </c>
      <c r="AP28" s="280">
        <v>46</v>
      </c>
      <c r="AQ28" s="280">
        <v>54</v>
      </c>
      <c r="AR28" s="280">
        <v>35</v>
      </c>
      <c r="AS28" s="277">
        <v>239</v>
      </c>
      <c r="AT28" s="282">
        <v>239</v>
      </c>
      <c r="AU28" s="276">
        <v>0</v>
      </c>
      <c r="AV28" s="280">
        <v>0</v>
      </c>
      <c r="AW28" s="277">
        <v>0</v>
      </c>
      <c r="AX28" s="279">
        <v>0</v>
      </c>
      <c r="AY28" s="280">
        <v>785</v>
      </c>
      <c r="AZ28" s="280">
        <v>744</v>
      </c>
      <c r="BA28" s="280">
        <v>425</v>
      </c>
      <c r="BB28" s="280">
        <v>173</v>
      </c>
      <c r="BC28" s="280">
        <v>193</v>
      </c>
      <c r="BD28" s="281">
        <v>2320</v>
      </c>
      <c r="BE28" s="282">
        <v>2320</v>
      </c>
      <c r="BF28" s="276">
        <v>0</v>
      </c>
      <c r="BG28" s="280">
        <v>0</v>
      </c>
      <c r="BH28" s="277">
        <v>0</v>
      </c>
      <c r="BI28" s="279">
        <v>0</v>
      </c>
      <c r="BJ28" s="280">
        <v>150</v>
      </c>
      <c r="BK28" s="280">
        <v>190</v>
      </c>
      <c r="BL28" s="280">
        <v>90</v>
      </c>
      <c r="BM28" s="280">
        <v>64</v>
      </c>
      <c r="BN28" s="280">
        <v>29</v>
      </c>
      <c r="BO28" s="277">
        <v>523</v>
      </c>
      <c r="BP28" s="282">
        <v>523</v>
      </c>
      <c r="BQ28" s="276">
        <v>0</v>
      </c>
      <c r="BR28" s="280">
        <v>21</v>
      </c>
      <c r="BS28" s="277">
        <v>21</v>
      </c>
      <c r="BT28" s="279">
        <v>0</v>
      </c>
      <c r="BU28" s="280">
        <v>64</v>
      </c>
      <c r="BV28" s="280">
        <v>119</v>
      </c>
      <c r="BW28" s="280">
        <v>219</v>
      </c>
      <c r="BX28" s="280">
        <v>180</v>
      </c>
      <c r="BY28" s="280">
        <v>96</v>
      </c>
      <c r="BZ28" s="277">
        <v>678</v>
      </c>
      <c r="CA28" s="282">
        <v>699</v>
      </c>
      <c r="CB28" s="276">
        <v>0</v>
      </c>
      <c r="CC28" s="280">
        <v>0</v>
      </c>
      <c r="CD28" s="277">
        <v>0</v>
      </c>
      <c r="CE28" s="279">
        <v>0</v>
      </c>
      <c r="CF28" s="280">
        <v>29</v>
      </c>
      <c r="CG28" s="280">
        <v>17</v>
      </c>
      <c r="CH28" s="280">
        <v>13</v>
      </c>
      <c r="CI28" s="280">
        <v>12</v>
      </c>
      <c r="CJ28" s="280">
        <v>0</v>
      </c>
      <c r="CK28" s="277">
        <v>71</v>
      </c>
      <c r="CL28" s="282">
        <v>71</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595</v>
      </c>
      <c r="H29" s="280">
        <v>745</v>
      </c>
      <c r="I29" s="280">
        <v>1026</v>
      </c>
      <c r="J29" s="280">
        <v>1175</v>
      </c>
      <c r="K29" s="280">
        <v>1304</v>
      </c>
      <c r="L29" s="281">
        <v>4845</v>
      </c>
      <c r="M29" s="282">
        <v>4845</v>
      </c>
      <c r="N29" s="276">
        <v>0</v>
      </c>
      <c r="O29" s="280">
        <v>0</v>
      </c>
      <c r="P29" s="277">
        <v>0</v>
      </c>
      <c r="Q29" s="279">
        <v>0</v>
      </c>
      <c r="R29" s="280">
        <v>9</v>
      </c>
      <c r="S29" s="280">
        <v>16</v>
      </c>
      <c r="T29" s="280">
        <v>12</v>
      </c>
      <c r="U29" s="280">
        <v>44</v>
      </c>
      <c r="V29" s="280">
        <v>69</v>
      </c>
      <c r="W29" s="277">
        <v>150</v>
      </c>
      <c r="X29" s="282">
        <v>150</v>
      </c>
      <c r="Y29" s="276">
        <v>162</v>
      </c>
      <c r="Z29" s="280">
        <v>239</v>
      </c>
      <c r="AA29" s="277">
        <v>401</v>
      </c>
      <c r="AB29" s="279">
        <v>0</v>
      </c>
      <c r="AC29" s="280">
        <v>216</v>
      </c>
      <c r="AD29" s="280">
        <v>287</v>
      </c>
      <c r="AE29" s="280">
        <v>294</v>
      </c>
      <c r="AF29" s="280">
        <v>270</v>
      </c>
      <c r="AG29" s="280">
        <v>317</v>
      </c>
      <c r="AH29" s="277">
        <v>1384</v>
      </c>
      <c r="AI29" s="282">
        <v>1785</v>
      </c>
      <c r="AJ29" s="276">
        <v>0</v>
      </c>
      <c r="AK29" s="280">
        <v>15</v>
      </c>
      <c r="AL29" s="277">
        <v>15</v>
      </c>
      <c r="AM29" s="279">
        <v>0</v>
      </c>
      <c r="AN29" s="280">
        <v>0</v>
      </c>
      <c r="AO29" s="280">
        <v>13</v>
      </c>
      <c r="AP29" s="280">
        <v>0</v>
      </c>
      <c r="AQ29" s="280">
        <v>0</v>
      </c>
      <c r="AR29" s="280">
        <v>12</v>
      </c>
      <c r="AS29" s="277">
        <v>25</v>
      </c>
      <c r="AT29" s="282">
        <v>40</v>
      </c>
      <c r="AU29" s="276">
        <v>0</v>
      </c>
      <c r="AV29" s="280">
        <v>0</v>
      </c>
      <c r="AW29" s="277">
        <v>0</v>
      </c>
      <c r="AX29" s="279">
        <v>0</v>
      </c>
      <c r="AY29" s="280">
        <v>980</v>
      </c>
      <c r="AZ29" s="280">
        <v>589</v>
      </c>
      <c r="BA29" s="280">
        <v>394</v>
      </c>
      <c r="BB29" s="280">
        <v>256</v>
      </c>
      <c r="BC29" s="280">
        <v>94</v>
      </c>
      <c r="BD29" s="281">
        <v>2313</v>
      </c>
      <c r="BE29" s="282">
        <v>2313</v>
      </c>
      <c r="BF29" s="276">
        <v>0</v>
      </c>
      <c r="BG29" s="280">
        <v>0</v>
      </c>
      <c r="BH29" s="277">
        <v>0</v>
      </c>
      <c r="BI29" s="279">
        <v>0</v>
      </c>
      <c r="BJ29" s="280">
        <v>123</v>
      </c>
      <c r="BK29" s="280">
        <v>183</v>
      </c>
      <c r="BL29" s="280">
        <v>96</v>
      </c>
      <c r="BM29" s="280">
        <v>56</v>
      </c>
      <c r="BN29" s="280">
        <v>26</v>
      </c>
      <c r="BO29" s="277">
        <v>484</v>
      </c>
      <c r="BP29" s="282">
        <v>484</v>
      </c>
      <c r="BQ29" s="276">
        <v>0</v>
      </c>
      <c r="BR29" s="280">
        <v>6</v>
      </c>
      <c r="BS29" s="277">
        <v>6</v>
      </c>
      <c r="BT29" s="279">
        <v>0</v>
      </c>
      <c r="BU29" s="280">
        <v>61</v>
      </c>
      <c r="BV29" s="280">
        <v>199</v>
      </c>
      <c r="BW29" s="280">
        <v>216</v>
      </c>
      <c r="BX29" s="280">
        <v>49</v>
      </c>
      <c r="BY29" s="280">
        <v>153</v>
      </c>
      <c r="BZ29" s="277">
        <v>678</v>
      </c>
      <c r="CA29" s="282">
        <v>684</v>
      </c>
      <c r="CB29" s="276">
        <v>0</v>
      </c>
      <c r="CC29" s="280">
        <v>3</v>
      </c>
      <c r="CD29" s="277">
        <v>3</v>
      </c>
      <c r="CE29" s="279">
        <v>0</v>
      </c>
      <c r="CF29" s="280">
        <v>14</v>
      </c>
      <c r="CG29" s="280">
        <v>2</v>
      </c>
      <c r="CH29" s="280">
        <v>33</v>
      </c>
      <c r="CI29" s="280">
        <v>6</v>
      </c>
      <c r="CJ29" s="280">
        <v>13</v>
      </c>
      <c r="CK29" s="277">
        <v>68</v>
      </c>
      <c r="CL29" s="282">
        <v>71</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66</v>
      </c>
      <c r="H30" s="280">
        <v>258</v>
      </c>
      <c r="I30" s="280">
        <v>177</v>
      </c>
      <c r="J30" s="280">
        <v>156</v>
      </c>
      <c r="K30" s="280">
        <v>157</v>
      </c>
      <c r="L30" s="281">
        <v>814</v>
      </c>
      <c r="M30" s="282">
        <v>814</v>
      </c>
      <c r="N30" s="276">
        <v>0</v>
      </c>
      <c r="O30" s="280">
        <v>0</v>
      </c>
      <c r="P30" s="277">
        <v>0</v>
      </c>
      <c r="Q30" s="279">
        <v>0</v>
      </c>
      <c r="R30" s="280">
        <v>0</v>
      </c>
      <c r="S30" s="280">
        <v>4</v>
      </c>
      <c r="T30" s="280">
        <v>4</v>
      </c>
      <c r="U30" s="280">
        <v>18</v>
      </c>
      <c r="V30" s="280">
        <v>4</v>
      </c>
      <c r="W30" s="277">
        <v>30</v>
      </c>
      <c r="X30" s="282">
        <v>30</v>
      </c>
      <c r="Y30" s="276">
        <v>6</v>
      </c>
      <c r="Z30" s="280">
        <v>10</v>
      </c>
      <c r="AA30" s="277">
        <v>16</v>
      </c>
      <c r="AB30" s="279">
        <v>0</v>
      </c>
      <c r="AC30" s="280">
        <v>27</v>
      </c>
      <c r="AD30" s="280">
        <v>97</v>
      </c>
      <c r="AE30" s="280">
        <v>89</v>
      </c>
      <c r="AF30" s="280">
        <v>75</v>
      </c>
      <c r="AG30" s="280">
        <v>45</v>
      </c>
      <c r="AH30" s="277">
        <v>333</v>
      </c>
      <c r="AI30" s="282">
        <v>349</v>
      </c>
      <c r="AJ30" s="276">
        <v>0</v>
      </c>
      <c r="AK30" s="280">
        <v>0</v>
      </c>
      <c r="AL30" s="277">
        <v>0</v>
      </c>
      <c r="AM30" s="279">
        <v>0</v>
      </c>
      <c r="AN30" s="280">
        <v>23</v>
      </c>
      <c r="AO30" s="280">
        <v>0</v>
      </c>
      <c r="AP30" s="280">
        <v>0</v>
      </c>
      <c r="AQ30" s="280">
        <v>36</v>
      </c>
      <c r="AR30" s="280">
        <v>22</v>
      </c>
      <c r="AS30" s="277">
        <v>81</v>
      </c>
      <c r="AT30" s="282">
        <v>81</v>
      </c>
      <c r="AU30" s="276">
        <v>0</v>
      </c>
      <c r="AV30" s="280">
        <v>0</v>
      </c>
      <c r="AW30" s="277">
        <v>0</v>
      </c>
      <c r="AX30" s="279">
        <v>0</v>
      </c>
      <c r="AY30" s="280">
        <v>267</v>
      </c>
      <c r="AZ30" s="280">
        <v>256</v>
      </c>
      <c r="BA30" s="280">
        <v>167</v>
      </c>
      <c r="BB30" s="280">
        <v>97</v>
      </c>
      <c r="BC30" s="280">
        <v>43</v>
      </c>
      <c r="BD30" s="281">
        <v>830</v>
      </c>
      <c r="BE30" s="282">
        <v>830</v>
      </c>
      <c r="BF30" s="276">
        <v>0</v>
      </c>
      <c r="BG30" s="280">
        <v>0</v>
      </c>
      <c r="BH30" s="277">
        <v>0</v>
      </c>
      <c r="BI30" s="279">
        <v>0</v>
      </c>
      <c r="BJ30" s="280">
        <v>43</v>
      </c>
      <c r="BK30" s="280">
        <v>115</v>
      </c>
      <c r="BL30" s="280">
        <v>67</v>
      </c>
      <c r="BM30" s="280">
        <v>60</v>
      </c>
      <c r="BN30" s="280">
        <v>32</v>
      </c>
      <c r="BO30" s="277">
        <v>317</v>
      </c>
      <c r="BP30" s="282">
        <v>317</v>
      </c>
      <c r="BQ30" s="276">
        <v>0</v>
      </c>
      <c r="BR30" s="280">
        <v>0</v>
      </c>
      <c r="BS30" s="277">
        <v>0</v>
      </c>
      <c r="BT30" s="279">
        <v>0</v>
      </c>
      <c r="BU30" s="280">
        <v>19</v>
      </c>
      <c r="BV30" s="280">
        <v>33</v>
      </c>
      <c r="BW30" s="280">
        <v>67</v>
      </c>
      <c r="BX30" s="280">
        <v>27</v>
      </c>
      <c r="BY30" s="280">
        <v>69</v>
      </c>
      <c r="BZ30" s="277">
        <v>215</v>
      </c>
      <c r="CA30" s="282">
        <v>215</v>
      </c>
      <c r="CB30" s="276">
        <v>0</v>
      </c>
      <c r="CC30" s="280">
        <v>0</v>
      </c>
      <c r="CD30" s="277">
        <v>0</v>
      </c>
      <c r="CE30" s="279">
        <v>0</v>
      </c>
      <c r="CF30" s="280">
        <v>46</v>
      </c>
      <c r="CG30" s="280">
        <v>0</v>
      </c>
      <c r="CH30" s="280">
        <v>8</v>
      </c>
      <c r="CI30" s="280">
        <v>21</v>
      </c>
      <c r="CJ30" s="280">
        <v>0</v>
      </c>
      <c r="CK30" s="277">
        <v>75</v>
      </c>
      <c r="CL30" s="282">
        <v>75</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205</v>
      </c>
      <c r="H31" s="280">
        <v>281</v>
      </c>
      <c r="I31" s="280">
        <v>90</v>
      </c>
      <c r="J31" s="280">
        <v>650</v>
      </c>
      <c r="K31" s="280">
        <v>504</v>
      </c>
      <c r="L31" s="281">
        <v>1730</v>
      </c>
      <c r="M31" s="282">
        <v>1730</v>
      </c>
      <c r="N31" s="276">
        <v>0</v>
      </c>
      <c r="O31" s="280">
        <v>0</v>
      </c>
      <c r="P31" s="277">
        <v>0</v>
      </c>
      <c r="Q31" s="279">
        <v>0</v>
      </c>
      <c r="R31" s="280">
        <v>0</v>
      </c>
      <c r="S31" s="280">
        <v>0</v>
      </c>
      <c r="T31" s="280">
        <v>0</v>
      </c>
      <c r="U31" s="280">
        <v>15</v>
      </c>
      <c r="V31" s="280">
        <v>16</v>
      </c>
      <c r="W31" s="277">
        <v>31</v>
      </c>
      <c r="X31" s="282">
        <v>31</v>
      </c>
      <c r="Y31" s="276">
        <v>8</v>
      </c>
      <c r="Z31" s="280">
        <v>22</v>
      </c>
      <c r="AA31" s="277">
        <v>30</v>
      </c>
      <c r="AB31" s="279">
        <v>0</v>
      </c>
      <c r="AC31" s="280">
        <v>139</v>
      </c>
      <c r="AD31" s="280">
        <v>107</v>
      </c>
      <c r="AE31" s="280">
        <v>101</v>
      </c>
      <c r="AF31" s="280">
        <v>68</v>
      </c>
      <c r="AG31" s="280">
        <v>38</v>
      </c>
      <c r="AH31" s="277">
        <v>453</v>
      </c>
      <c r="AI31" s="282">
        <v>483</v>
      </c>
      <c r="AJ31" s="276">
        <v>0</v>
      </c>
      <c r="AK31" s="280">
        <v>12</v>
      </c>
      <c r="AL31" s="277">
        <v>12</v>
      </c>
      <c r="AM31" s="279">
        <v>0</v>
      </c>
      <c r="AN31" s="280">
        <v>36</v>
      </c>
      <c r="AO31" s="280">
        <v>45</v>
      </c>
      <c r="AP31" s="280">
        <v>12</v>
      </c>
      <c r="AQ31" s="280">
        <v>53</v>
      </c>
      <c r="AR31" s="280">
        <v>0</v>
      </c>
      <c r="AS31" s="277">
        <v>146</v>
      </c>
      <c r="AT31" s="282">
        <v>158</v>
      </c>
      <c r="AU31" s="276">
        <v>0</v>
      </c>
      <c r="AV31" s="280">
        <v>0</v>
      </c>
      <c r="AW31" s="277">
        <v>0</v>
      </c>
      <c r="AX31" s="279">
        <v>0</v>
      </c>
      <c r="AY31" s="280">
        <v>311</v>
      </c>
      <c r="AZ31" s="280">
        <v>393</v>
      </c>
      <c r="BA31" s="280">
        <v>241</v>
      </c>
      <c r="BB31" s="280">
        <v>221</v>
      </c>
      <c r="BC31" s="280">
        <v>30</v>
      </c>
      <c r="BD31" s="281">
        <v>1196</v>
      </c>
      <c r="BE31" s="282">
        <v>1196</v>
      </c>
      <c r="BF31" s="276">
        <v>0</v>
      </c>
      <c r="BG31" s="280">
        <v>0</v>
      </c>
      <c r="BH31" s="277">
        <v>0</v>
      </c>
      <c r="BI31" s="279">
        <v>0</v>
      </c>
      <c r="BJ31" s="280">
        <v>116</v>
      </c>
      <c r="BK31" s="280">
        <v>94</v>
      </c>
      <c r="BL31" s="280">
        <v>54</v>
      </c>
      <c r="BM31" s="280">
        <v>32</v>
      </c>
      <c r="BN31" s="280">
        <v>10</v>
      </c>
      <c r="BO31" s="277">
        <v>306</v>
      </c>
      <c r="BP31" s="282">
        <v>306</v>
      </c>
      <c r="BQ31" s="276">
        <v>3</v>
      </c>
      <c r="BR31" s="280">
        <v>0</v>
      </c>
      <c r="BS31" s="277">
        <v>3</v>
      </c>
      <c r="BT31" s="279">
        <v>0</v>
      </c>
      <c r="BU31" s="280">
        <v>55</v>
      </c>
      <c r="BV31" s="280">
        <v>59</v>
      </c>
      <c r="BW31" s="280">
        <v>121</v>
      </c>
      <c r="BX31" s="280">
        <v>86</v>
      </c>
      <c r="BY31" s="280">
        <v>64</v>
      </c>
      <c r="BZ31" s="277">
        <v>385</v>
      </c>
      <c r="CA31" s="282">
        <v>388</v>
      </c>
      <c r="CB31" s="276">
        <v>0</v>
      </c>
      <c r="CC31" s="280">
        <v>0</v>
      </c>
      <c r="CD31" s="277">
        <v>0</v>
      </c>
      <c r="CE31" s="279">
        <v>0</v>
      </c>
      <c r="CF31" s="280">
        <v>6</v>
      </c>
      <c r="CG31" s="280">
        <v>16</v>
      </c>
      <c r="CH31" s="280">
        <v>2</v>
      </c>
      <c r="CI31" s="280">
        <v>6</v>
      </c>
      <c r="CJ31" s="280">
        <v>0</v>
      </c>
      <c r="CK31" s="277">
        <v>30</v>
      </c>
      <c r="CL31" s="282">
        <v>3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296</v>
      </c>
      <c r="H32" s="280">
        <v>317</v>
      </c>
      <c r="I32" s="280">
        <v>612</v>
      </c>
      <c r="J32" s="280">
        <v>798</v>
      </c>
      <c r="K32" s="280">
        <v>495</v>
      </c>
      <c r="L32" s="281">
        <v>2518</v>
      </c>
      <c r="M32" s="282">
        <v>2518</v>
      </c>
      <c r="N32" s="276">
        <v>0</v>
      </c>
      <c r="O32" s="280">
        <v>0</v>
      </c>
      <c r="P32" s="277">
        <v>0</v>
      </c>
      <c r="Q32" s="279">
        <v>0</v>
      </c>
      <c r="R32" s="280">
        <v>6</v>
      </c>
      <c r="S32" s="280">
        <v>0</v>
      </c>
      <c r="T32" s="280">
        <v>4</v>
      </c>
      <c r="U32" s="280">
        <v>37</v>
      </c>
      <c r="V32" s="280">
        <v>28</v>
      </c>
      <c r="W32" s="277">
        <v>75</v>
      </c>
      <c r="X32" s="282">
        <v>75</v>
      </c>
      <c r="Y32" s="276">
        <v>17</v>
      </c>
      <c r="Z32" s="280">
        <v>43</v>
      </c>
      <c r="AA32" s="277">
        <v>60</v>
      </c>
      <c r="AB32" s="279">
        <v>0</v>
      </c>
      <c r="AC32" s="280">
        <v>151</v>
      </c>
      <c r="AD32" s="280">
        <v>92</v>
      </c>
      <c r="AE32" s="280">
        <v>243</v>
      </c>
      <c r="AF32" s="280">
        <v>125</v>
      </c>
      <c r="AG32" s="280">
        <v>47</v>
      </c>
      <c r="AH32" s="277">
        <v>658</v>
      </c>
      <c r="AI32" s="282">
        <v>718</v>
      </c>
      <c r="AJ32" s="276">
        <v>36</v>
      </c>
      <c r="AK32" s="280">
        <v>0</v>
      </c>
      <c r="AL32" s="277">
        <v>36</v>
      </c>
      <c r="AM32" s="279">
        <v>0</v>
      </c>
      <c r="AN32" s="280">
        <v>52</v>
      </c>
      <c r="AO32" s="280">
        <v>0</v>
      </c>
      <c r="AP32" s="280">
        <v>50</v>
      </c>
      <c r="AQ32" s="280">
        <v>9</v>
      </c>
      <c r="AR32" s="280">
        <v>0</v>
      </c>
      <c r="AS32" s="277">
        <v>111</v>
      </c>
      <c r="AT32" s="282">
        <v>147</v>
      </c>
      <c r="AU32" s="276">
        <v>0</v>
      </c>
      <c r="AV32" s="280">
        <v>0</v>
      </c>
      <c r="AW32" s="277">
        <v>0</v>
      </c>
      <c r="AX32" s="279">
        <v>0</v>
      </c>
      <c r="AY32" s="280">
        <v>244</v>
      </c>
      <c r="AZ32" s="280">
        <v>181</v>
      </c>
      <c r="BA32" s="280">
        <v>175</v>
      </c>
      <c r="BB32" s="280">
        <v>117</v>
      </c>
      <c r="BC32" s="280">
        <v>10</v>
      </c>
      <c r="BD32" s="281">
        <v>727</v>
      </c>
      <c r="BE32" s="282">
        <v>727</v>
      </c>
      <c r="BF32" s="276">
        <v>0</v>
      </c>
      <c r="BG32" s="280">
        <v>0</v>
      </c>
      <c r="BH32" s="277">
        <v>0</v>
      </c>
      <c r="BI32" s="279">
        <v>0</v>
      </c>
      <c r="BJ32" s="280">
        <v>34</v>
      </c>
      <c r="BK32" s="280">
        <v>65</v>
      </c>
      <c r="BL32" s="280">
        <v>61</v>
      </c>
      <c r="BM32" s="280">
        <v>36</v>
      </c>
      <c r="BN32" s="280">
        <v>0</v>
      </c>
      <c r="BO32" s="277">
        <v>196</v>
      </c>
      <c r="BP32" s="282">
        <v>196</v>
      </c>
      <c r="BQ32" s="276">
        <v>0</v>
      </c>
      <c r="BR32" s="280">
        <v>0</v>
      </c>
      <c r="BS32" s="277">
        <v>0</v>
      </c>
      <c r="BT32" s="279">
        <v>0</v>
      </c>
      <c r="BU32" s="280">
        <v>37</v>
      </c>
      <c r="BV32" s="280">
        <v>34</v>
      </c>
      <c r="BW32" s="280">
        <v>89</v>
      </c>
      <c r="BX32" s="280">
        <v>64</v>
      </c>
      <c r="BY32" s="280">
        <v>4</v>
      </c>
      <c r="BZ32" s="277">
        <v>228</v>
      </c>
      <c r="CA32" s="282">
        <v>228</v>
      </c>
      <c r="CB32" s="276">
        <v>0</v>
      </c>
      <c r="CC32" s="280">
        <v>0</v>
      </c>
      <c r="CD32" s="277">
        <v>0</v>
      </c>
      <c r="CE32" s="279">
        <v>0</v>
      </c>
      <c r="CF32" s="280">
        <v>0</v>
      </c>
      <c r="CG32" s="280">
        <v>7</v>
      </c>
      <c r="CH32" s="280">
        <v>0</v>
      </c>
      <c r="CI32" s="280">
        <v>6</v>
      </c>
      <c r="CJ32" s="280">
        <v>0</v>
      </c>
      <c r="CK32" s="277">
        <v>13</v>
      </c>
      <c r="CL32" s="282">
        <v>13</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80</v>
      </c>
      <c r="H33" s="280">
        <v>181</v>
      </c>
      <c r="I33" s="280">
        <v>41</v>
      </c>
      <c r="J33" s="280">
        <v>108</v>
      </c>
      <c r="K33" s="280">
        <v>451</v>
      </c>
      <c r="L33" s="281">
        <v>861</v>
      </c>
      <c r="M33" s="282">
        <v>861</v>
      </c>
      <c r="N33" s="276">
        <v>0</v>
      </c>
      <c r="O33" s="280">
        <v>0</v>
      </c>
      <c r="P33" s="277">
        <v>0</v>
      </c>
      <c r="Q33" s="279">
        <v>0</v>
      </c>
      <c r="R33" s="280">
        <v>0</v>
      </c>
      <c r="S33" s="280">
        <v>8</v>
      </c>
      <c r="T33" s="280">
        <v>24</v>
      </c>
      <c r="U33" s="280">
        <v>26</v>
      </c>
      <c r="V33" s="280">
        <v>30</v>
      </c>
      <c r="W33" s="277">
        <v>88</v>
      </c>
      <c r="X33" s="282">
        <v>88</v>
      </c>
      <c r="Y33" s="276">
        <v>10</v>
      </c>
      <c r="Z33" s="280">
        <v>18</v>
      </c>
      <c r="AA33" s="277">
        <v>28</v>
      </c>
      <c r="AB33" s="279">
        <v>0</v>
      </c>
      <c r="AC33" s="280">
        <v>84</v>
      </c>
      <c r="AD33" s="280">
        <v>138</v>
      </c>
      <c r="AE33" s="280">
        <v>59</v>
      </c>
      <c r="AF33" s="280">
        <v>120</v>
      </c>
      <c r="AG33" s="280">
        <v>116</v>
      </c>
      <c r="AH33" s="277">
        <v>517</v>
      </c>
      <c r="AI33" s="282">
        <v>545</v>
      </c>
      <c r="AJ33" s="276">
        <v>0</v>
      </c>
      <c r="AK33" s="280">
        <v>12</v>
      </c>
      <c r="AL33" s="277">
        <v>12</v>
      </c>
      <c r="AM33" s="279">
        <v>0</v>
      </c>
      <c r="AN33" s="280">
        <v>29</v>
      </c>
      <c r="AO33" s="280">
        <v>62</v>
      </c>
      <c r="AP33" s="280">
        <v>100</v>
      </c>
      <c r="AQ33" s="280">
        <v>56</v>
      </c>
      <c r="AR33" s="280">
        <v>30</v>
      </c>
      <c r="AS33" s="277">
        <v>277</v>
      </c>
      <c r="AT33" s="282">
        <v>289</v>
      </c>
      <c r="AU33" s="276">
        <v>0</v>
      </c>
      <c r="AV33" s="280">
        <v>0</v>
      </c>
      <c r="AW33" s="277">
        <v>0</v>
      </c>
      <c r="AX33" s="279">
        <v>0</v>
      </c>
      <c r="AY33" s="280">
        <v>221</v>
      </c>
      <c r="AZ33" s="280">
        <v>281</v>
      </c>
      <c r="BA33" s="280">
        <v>217</v>
      </c>
      <c r="BB33" s="280">
        <v>145</v>
      </c>
      <c r="BC33" s="280">
        <v>33</v>
      </c>
      <c r="BD33" s="281">
        <v>897</v>
      </c>
      <c r="BE33" s="282">
        <v>897</v>
      </c>
      <c r="BF33" s="276">
        <v>0</v>
      </c>
      <c r="BG33" s="280">
        <v>0</v>
      </c>
      <c r="BH33" s="277">
        <v>0</v>
      </c>
      <c r="BI33" s="279">
        <v>0</v>
      </c>
      <c r="BJ33" s="280">
        <v>40</v>
      </c>
      <c r="BK33" s="280">
        <v>84</v>
      </c>
      <c r="BL33" s="280">
        <v>31</v>
      </c>
      <c r="BM33" s="280">
        <v>29</v>
      </c>
      <c r="BN33" s="280">
        <v>8</v>
      </c>
      <c r="BO33" s="277">
        <v>192</v>
      </c>
      <c r="BP33" s="282">
        <v>192</v>
      </c>
      <c r="BQ33" s="276">
        <v>0</v>
      </c>
      <c r="BR33" s="280">
        <v>0</v>
      </c>
      <c r="BS33" s="277">
        <v>0</v>
      </c>
      <c r="BT33" s="279">
        <v>0</v>
      </c>
      <c r="BU33" s="280">
        <v>40</v>
      </c>
      <c r="BV33" s="280">
        <v>46</v>
      </c>
      <c r="BW33" s="280">
        <v>154</v>
      </c>
      <c r="BX33" s="280">
        <v>64</v>
      </c>
      <c r="BY33" s="280">
        <v>6</v>
      </c>
      <c r="BZ33" s="277">
        <v>310</v>
      </c>
      <c r="CA33" s="282">
        <v>310</v>
      </c>
      <c r="CB33" s="276">
        <v>0</v>
      </c>
      <c r="CC33" s="280">
        <v>0</v>
      </c>
      <c r="CD33" s="277">
        <v>0</v>
      </c>
      <c r="CE33" s="279">
        <v>0</v>
      </c>
      <c r="CF33" s="280">
        <v>0</v>
      </c>
      <c r="CG33" s="280">
        <v>7</v>
      </c>
      <c r="CH33" s="280">
        <v>0</v>
      </c>
      <c r="CI33" s="280">
        <v>0</v>
      </c>
      <c r="CJ33" s="280">
        <v>0</v>
      </c>
      <c r="CK33" s="277">
        <v>7</v>
      </c>
      <c r="CL33" s="282">
        <v>7</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397</v>
      </c>
      <c r="H34" s="280">
        <v>328</v>
      </c>
      <c r="I34" s="280">
        <v>473</v>
      </c>
      <c r="J34" s="280">
        <v>504</v>
      </c>
      <c r="K34" s="280">
        <v>888</v>
      </c>
      <c r="L34" s="281">
        <v>2590</v>
      </c>
      <c r="M34" s="282">
        <v>2590</v>
      </c>
      <c r="N34" s="276">
        <v>0</v>
      </c>
      <c r="O34" s="280">
        <v>0</v>
      </c>
      <c r="P34" s="277">
        <v>0</v>
      </c>
      <c r="Q34" s="279">
        <v>0</v>
      </c>
      <c r="R34" s="280">
        <v>0</v>
      </c>
      <c r="S34" s="280">
        <v>2</v>
      </c>
      <c r="T34" s="280">
        <v>7</v>
      </c>
      <c r="U34" s="280">
        <v>11</v>
      </c>
      <c r="V34" s="280">
        <v>40</v>
      </c>
      <c r="W34" s="277">
        <v>60</v>
      </c>
      <c r="X34" s="282">
        <v>60</v>
      </c>
      <c r="Y34" s="276">
        <v>25</v>
      </c>
      <c r="Z34" s="280">
        <v>36</v>
      </c>
      <c r="AA34" s="277">
        <v>61</v>
      </c>
      <c r="AB34" s="279">
        <v>0</v>
      </c>
      <c r="AC34" s="280">
        <v>200</v>
      </c>
      <c r="AD34" s="280">
        <v>163</v>
      </c>
      <c r="AE34" s="280">
        <v>140</v>
      </c>
      <c r="AF34" s="280">
        <v>144</v>
      </c>
      <c r="AG34" s="280">
        <v>88</v>
      </c>
      <c r="AH34" s="277">
        <v>735</v>
      </c>
      <c r="AI34" s="282">
        <v>796</v>
      </c>
      <c r="AJ34" s="276">
        <v>14</v>
      </c>
      <c r="AK34" s="280">
        <v>0</v>
      </c>
      <c r="AL34" s="277">
        <v>14</v>
      </c>
      <c r="AM34" s="279">
        <v>0</v>
      </c>
      <c r="AN34" s="280">
        <v>69</v>
      </c>
      <c r="AO34" s="280">
        <v>9</v>
      </c>
      <c r="AP34" s="280">
        <v>0</v>
      </c>
      <c r="AQ34" s="280">
        <v>44</v>
      </c>
      <c r="AR34" s="280">
        <v>20</v>
      </c>
      <c r="AS34" s="277">
        <v>142</v>
      </c>
      <c r="AT34" s="282">
        <v>156</v>
      </c>
      <c r="AU34" s="276">
        <v>0</v>
      </c>
      <c r="AV34" s="280">
        <v>0</v>
      </c>
      <c r="AW34" s="277">
        <v>0</v>
      </c>
      <c r="AX34" s="279">
        <v>0</v>
      </c>
      <c r="AY34" s="280">
        <v>434</v>
      </c>
      <c r="AZ34" s="280">
        <v>466</v>
      </c>
      <c r="BA34" s="280">
        <v>254</v>
      </c>
      <c r="BB34" s="280">
        <v>196</v>
      </c>
      <c r="BC34" s="280">
        <v>64</v>
      </c>
      <c r="BD34" s="281">
        <v>1414</v>
      </c>
      <c r="BE34" s="282">
        <v>1414</v>
      </c>
      <c r="BF34" s="276">
        <v>0</v>
      </c>
      <c r="BG34" s="280">
        <v>0</v>
      </c>
      <c r="BH34" s="277">
        <v>0</v>
      </c>
      <c r="BI34" s="279">
        <v>0</v>
      </c>
      <c r="BJ34" s="280">
        <v>67</v>
      </c>
      <c r="BK34" s="280">
        <v>64</v>
      </c>
      <c r="BL34" s="280">
        <v>35</v>
      </c>
      <c r="BM34" s="280">
        <v>37</v>
      </c>
      <c r="BN34" s="280">
        <v>24</v>
      </c>
      <c r="BO34" s="277">
        <v>227</v>
      </c>
      <c r="BP34" s="282">
        <v>227</v>
      </c>
      <c r="BQ34" s="276">
        <v>0</v>
      </c>
      <c r="BR34" s="280">
        <v>0</v>
      </c>
      <c r="BS34" s="277">
        <v>0</v>
      </c>
      <c r="BT34" s="279">
        <v>0</v>
      </c>
      <c r="BU34" s="280">
        <v>17</v>
      </c>
      <c r="BV34" s="280">
        <v>84</v>
      </c>
      <c r="BW34" s="280">
        <v>91</v>
      </c>
      <c r="BX34" s="280">
        <v>37</v>
      </c>
      <c r="BY34" s="280">
        <v>96</v>
      </c>
      <c r="BZ34" s="277">
        <v>325</v>
      </c>
      <c r="CA34" s="282">
        <v>325</v>
      </c>
      <c r="CB34" s="276">
        <v>0</v>
      </c>
      <c r="CC34" s="280">
        <v>0</v>
      </c>
      <c r="CD34" s="277">
        <v>0</v>
      </c>
      <c r="CE34" s="279">
        <v>0</v>
      </c>
      <c r="CF34" s="280">
        <v>0</v>
      </c>
      <c r="CG34" s="280">
        <v>5</v>
      </c>
      <c r="CH34" s="280">
        <v>7</v>
      </c>
      <c r="CI34" s="280">
        <v>16</v>
      </c>
      <c r="CJ34" s="280">
        <v>49</v>
      </c>
      <c r="CK34" s="277">
        <v>77</v>
      </c>
      <c r="CL34" s="282">
        <v>77</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205</v>
      </c>
      <c r="H35" s="280">
        <v>173</v>
      </c>
      <c r="I35" s="280">
        <v>327</v>
      </c>
      <c r="J35" s="280">
        <v>435</v>
      </c>
      <c r="K35" s="280">
        <v>576</v>
      </c>
      <c r="L35" s="281">
        <v>1716</v>
      </c>
      <c r="M35" s="282">
        <v>1716</v>
      </c>
      <c r="N35" s="276">
        <v>0</v>
      </c>
      <c r="O35" s="280">
        <v>0</v>
      </c>
      <c r="P35" s="277">
        <v>0</v>
      </c>
      <c r="Q35" s="279">
        <v>0</v>
      </c>
      <c r="R35" s="280">
        <v>0</v>
      </c>
      <c r="S35" s="280">
        <v>0</v>
      </c>
      <c r="T35" s="280">
        <v>14</v>
      </c>
      <c r="U35" s="280">
        <v>26</v>
      </c>
      <c r="V35" s="280">
        <v>19</v>
      </c>
      <c r="W35" s="277">
        <v>59</v>
      </c>
      <c r="X35" s="282">
        <v>59</v>
      </c>
      <c r="Y35" s="276">
        <v>10</v>
      </c>
      <c r="Z35" s="280">
        <v>8</v>
      </c>
      <c r="AA35" s="277">
        <v>18</v>
      </c>
      <c r="AB35" s="279">
        <v>0</v>
      </c>
      <c r="AC35" s="280">
        <v>109</v>
      </c>
      <c r="AD35" s="280">
        <v>84</v>
      </c>
      <c r="AE35" s="280">
        <v>43</v>
      </c>
      <c r="AF35" s="280">
        <v>47</v>
      </c>
      <c r="AG35" s="280">
        <v>51</v>
      </c>
      <c r="AH35" s="277">
        <v>334</v>
      </c>
      <c r="AI35" s="282">
        <v>352</v>
      </c>
      <c r="AJ35" s="276">
        <v>130</v>
      </c>
      <c r="AK35" s="280">
        <v>211</v>
      </c>
      <c r="AL35" s="277">
        <v>341</v>
      </c>
      <c r="AM35" s="279">
        <v>0</v>
      </c>
      <c r="AN35" s="280">
        <v>358</v>
      </c>
      <c r="AO35" s="280">
        <v>195</v>
      </c>
      <c r="AP35" s="280">
        <v>69</v>
      </c>
      <c r="AQ35" s="280">
        <v>131</v>
      </c>
      <c r="AR35" s="280">
        <v>39</v>
      </c>
      <c r="AS35" s="277">
        <v>792</v>
      </c>
      <c r="AT35" s="282">
        <v>1133</v>
      </c>
      <c r="AU35" s="276">
        <v>0</v>
      </c>
      <c r="AV35" s="280">
        <v>0</v>
      </c>
      <c r="AW35" s="277">
        <v>0</v>
      </c>
      <c r="AX35" s="279">
        <v>0</v>
      </c>
      <c r="AY35" s="280">
        <v>98</v>
      </c>
      <c r="AZ35" s="280">
        <v>62</v>
      </c>
      <c r="BA35" s="280">
        <v>31</v>
      </c>
      <c r="BB35" s="280">
        <v>27</v>
      </c>
      <c r="BC35" s="280">
        <v>15</v>
      </c>
      <c r="BD35" s="281">
        <v>233</v>
      </c>
      <c r="BE35" s="282">
        <v>233</v>
      </c>
      <c r="BF35" s="276">
        <v>0</v>
      </c>
      <c r="BG35" s="280">
        <v>0</v>
      </c>
      <c r="BH35" s="277">
        <v>0</v>
      </c>
      <c r="BI35" s="279">
        <v>0</v>
      </c>
      <c r="BJ35" s="280">
        <v>124</v>
      </c>
      <c r="BK35" s="280">
        <v>77</v>
      </c>
      <c r="BL35" s="280">
        <v>57</v>
      </c>
      <c r="BM35" s="280">
        <v>20</v>
      </c>
      <c r="BN35" s="280">
        <v>11</v>
      </c>
      <c r="BO35" s="277">
        <v>289</v>
      </c>
      <c r="BP35" s="282">
        <v>289</v>
      </c>
      <c r="BQ35" s="276">
        <v>0</v>
      </c>
      <c r="BR35" s="280">
        <v>0</v>
      </c>
      <c r="BS35" s="277">
        <v>0</v>
      </c>
      <c r="BT35" s="279">
        <v>0</v>
      </c>
      <c r="BU35" s="280">
        <v>42</v>
      </c>
      <c r="BV35" s="280">
        <v>57</v>
      </c>
      <c r="BW35" s="280">
        <v>11</v>
      </c>
      <c r="BX35" s="280">
        <v>60</v>
      </c>
      <c r="BY35" s="280">
        <v>0</v>
      </c>
      <c r="BZ35" s="277">
        <v>170</v>
      </c>
      <c r="CA35" s="282">
        <v>170</v>
      </c>
      <c r="CB35" s="276">
        <v>0</v>
      </c>
      <c r="CC35" s="280">
        <v>0</v>
      </c>
      <c r="CD35" s="277">
        <v>0</v>
      </c>
      <c r="CE35" s="279">
        <v>0</v>
      </c>
      <c r="CF35" s="280">
        <v>3</v>
      </c>
      <c r="CG35" s="280">
        <v>0</v>
      </c>
      <c r="CH35" s="280">
        <v>4</v>
      </c>
      <c r="CI35" s="280">
        <v>6</v>
      </c>
      <c r="CJ35" s="280">
        <v>0</v>
      </c>
      <c r="CK35" s="277">
        <v>13</v>
      </c>
      <c r="CL35" s="282">
        <v>13</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5</v>
      </c>
      <c r="DE35" s="280">
        <v>0</v>
      </c>
      <c r="DF35" s="280">
        <v>0</v>
      </c>
      <c r="DG35" s="277">
        <v>5</v>
      </c>
      <c r="DH35" s="282">
        <v>5</v>
      </c>
    </row>
    <row r="36" spans="2:112" ht="21" customHeight="1" x14ac:dyDescent="0.2">
      <c r="B36" s="261" t="s">
        <v>34</v>
      </c>
      <c r="C36" s="276">
        <v>0</v>
      </c>
      <c r="D36" s="280">
        <v>0</v>
      </c>
      <c r="E36" s="384">
        <v>0</v>
      </c>
      <c r="F36" s="279">
        <v>0</v>
      </c>
      <c r="G36" s="280">
        <v>115</v>
      </c>
      <c r="H36" s="280">
        <v>173</v>
      </c>
      <c r="I36" s="280">
        <v>209</v>
      </c>
      <c r="J36" s="280">
        <v>309</v>
      </c>
      <c r="K36" s="280">
        <v>121</v>
      </c>
      <c r="L36" s="281">
        <v>927</v>
      </c>
      <c r="M36" s="282">
        <v>927</v>
      </c>
      <c r="N36" s="276">
        <v>0</v>
      </c>
      <c r="O36" s="280">
        <v>0</v>
      </c>
      <c r="P36" s="277">
        <v>0</v>
      </c>
      <c r="Q36" s="279">
        <v>0</v>
      </c>
      <c r="R36" s="280">
        <v>0</v>
      </c>
      <c r="S36" s="280">
        <v>3</v>
      </c>
      <c r="T36" s="280">
        <v>0</v>
      </c>
      <c r="U36" s="280">
        <v>9</v>
      </c>
      <c r="V36" s="280">
        <v>29</v>
      </c>
      <c r="W36" s="277">
        <v>41</v>
      </c>
      <c r="X36" s="282">
        <v>41</v>
      </c>
      <c r="Y36" s="276">
        <v>4</v>
      </c>
      <c r="Z36" s="280">
        <v>48</v>
      </c>
      <c r="AA36" s="277">
        <v>52</v>
      </c>
      <c r="AB36" s="279">
        <v>0</v>
      </c>
      <c r="AC36" s="280">
        <v>101</v>
      </c>
      <c r="AD36" s="280">
        <v>55</v>
      </c>
      <c r="AE36" s="280">
        <v>64</v>
      </c>
      <c r="AF36" s="280">
        <v>48</v>
      </c>
      <c r="AG36" s="280">
        <v>43</v>
      </c>
      <c r="AH36" s="277">
        <v>311</v>
      </c>
      <c r="AI36" s="282">
        <v>363</v>
      </c>
      <c r="AJ36" s="276">
        <v>0</v>
      </c>
      <c r="AK36" s="280">
        <v>0</v>
      </c>
      <c r="AL36" s="277">
        <v>0</v>
      </c>
      <c r="AM36" s="279">
        <v>0</v>
      </c>
      <c r="AN36" s="280">
        <v>49</v>
      </c>
      <c r="AO36" s="280">
        <v>30</v>
      </c>
      <c r="AP36" s="280">
        <v>27</v>
      </c>
      <c r="AQ36" s="280">
        <v>12</v>
      </c>
      <c r="AR36" s="280">
        <v>35</v>
      </c>
      <c r="AS36" s="277">
        <v>153</v>
      </c>
      <c r="AT36" s="282">
        <v>153</v>
      </c>
      <c r="AU36" s="276">
        <v>0</v>
      </c>
      <c r="AV36" s="280">
        <v>0</v>
      </c>
      <c r="AW36" s="277">
        <v>0</v>
      </c>
      <c r="AX36" s="279">
        <v>0</v>
      </c>
      <c r="AY36" s="280">
        <v>262</v>
      </c>
      <c r="AZ36" s="280">
        <v>203</v>
      </c>
      <c r="BA36" s="280">
        <v>138</v>
      </c>
      <c r="BB36" s="280">
        <v>137</v>
      </c>
      <c r="BC36" s="280">
        <v>0</v>
      </c>
      <c r="BD36" s="281">
        <v>740</v>
      </c>
      <c r="BE36" s="282">
        <v>740</v>
      </c>
      <c r="BF36" s="276">
        <v>0</v>
      </c>
      <c r="BG36" s="280">
        <v>0</v>
      </c>
      <c r="BH36" s="277">
        <v>0</v>
      </c>
      <c r="BI36" s="279">
        <v>0</v>
      </c>
      <c r="BJ36" s="280">
        <v>67</v>
      </c>
      <c r="BK36" s="280">
        <v>19</v>
      </c>
      <c r="BL36" s="280">
        <v>11</v>
      </c>
      <c r="BM36" s="280">
        <v>38</v>
      </c>
      <c r="BN36" s="280">
        <v>0</v>
      </c>
      <c r="BO36" s="277">
        <v>135</v>
      </c>
      <c r="BP36" s="282">
        <v>135</v>
      </c>
      <c r="BQ36" s="276">
        <v>0</v>
      </c>
      <c r="BR36" s="280">
        <v>0</v>
      </c>
      <c r="BS36" s="277">
        <v>0</v>
      </c>
      <c r="BT36" s="279">
        <v>0</v>
      </c>
      <c r="BU36" s="280">
        <v>13</v>
      </c>
      <c r="BV36" s="280">
        <v>0</v>
      </c>
      <c r="BW36" s="280">
        <v>18</v>
      </c>
      <c r="BX36" s="280">
        <v>18</v>
      </c>
      <c r="BY36" s="280">
        <v>22</v>
      </c>
      <c r="BZ36" s="277">
        <v>71</v>
      </c>
      <c r="CA36" s="282">
        <v>71</v>
      </c>
      <c r="CB36" s="276">
        <v>0</v>
      </c>
      <c r="CC36" s="280">
        <v>0</v>
      </c>
      <c r="CD36" s="277">
        <v>0</v>
      </c>
      <c r="CE36" s="279">
        <v>0</v>
      </c>
      <c r="CF36" s="280">
        <v>4</v>
      </c>
      <c r="CG36" s="280">
        <v>0</v>
      </c>
      <c r="CH36" s="280">
        <v>0</v>
      </c>
      <c r="CI36" s="280">
        <v>8</v>
      </c>
      <c r="CJ36" s="280">
        <v>0</v>
      </c>
      <c r="CK36" s="277">
        <v>12</v>
      </c>
      <c r="CL36" s="282">
        <v>12</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334</v>
      </c>
      <c r="H37" s="280">
        <v>977</v>
      </c>
      <c r="I37" s="280">
        <v>1349</v>
      </c>
      <c r="J37" s="280">
        <v>1380</v>
      </c>
      <c r="K37" s="280">
        <v>1090</v>
      </c>
      <c r="L37" s="281">
        <v>6130</v>
      </c>
      <c r="M37" s="282">
        <v>6130</v>
      </c>
      <c r="N37" s="276">
        <v>0</v>
      </c>
      <c r="O37" s="280">
        <v>0</v>
      </c>
      <c r="P37" s="277">
        <v>0</v>
      </c>
      <c r="Q37" s="279">
        <v>0</v>
      </c>
      <c r="R37" s="280">
        <v>0</v>
      </c>
      <c r="S37" s="280">
        <v>27</v>
      </c>
      <c r="T37" s="280">
        <v>17</v>
      </c>
      <c r="U37" s="280">
        <v>34</v>
      </c>
      <c r="V37" s="280">
        <v>67</v>
      </c>
      <c r="W37" s="277">
        <v>145</v>
      </c>
      <c r="X37" s="282">
        <v>145</v>
      </c>
      <c r="Y37" s="276">
        <v>0</v>
      </c>
      <c r="Z37" s="280">
        <v>71</v>
      </c>
      <c r="AA37" s="277">
        <v>71</v>
      </c>
      <c r="AB37" s="279">
        <v>0</v>
      </c>
      <c r="AC37" s="280">
        <v>339</v>
      </c>
      <c r="AD37" s="280">
        <v>221</v>
      </c>
      <c r="AE37" s="280">
        <v>176</v>
      </c>
      <c r="AF37" s="280">
        <v>262</v>
      </c>
      <c r="AG37" s="280">
        <v>173</v>
      </c>
      <c r="AH37" s="277">
        <v>1171</v>
      </c>
      <c r="AI37" s="282">
        <v>1242</v>
      </c>
      <c r="AJ37" s="276">
        <v>12</v>
      </c>
      <c r="AK37" s="280">
        <v>44</v>
      </c>
      <c r="AL37" s="277">
        <v>56</v>
      </c>
      <c r="AM37" s="279">
        <v>0</v>
      </c>
      <c r="AN37" s="280">
        <v>178</v>
      </c>
      <c r="AO37" s="280">
        <v>61</v>
      </c>
      <c r="AP37" s="280">
        <v>95</v>
      </c>
      <c r="AQ37" s="280">
        <v>179</v>
      </c>
      <c r="AR37" s="280">
        <v>36</v>
      </c>
      <c r="AS37" s="277">
        <v>549</v>
      </c>
      <c r="AT37" s="282">
        <v>605</v>
      </c>
      <c r="AU37" s="276">
        <v>0</v>
      </c>
      <c r="AV37" s="280">
        <v>0</v>
      </c>
      <c r="AW37" s="277">
        <v>0</v>
      </c>
      <c r="AX37" s="279">
        <v>0</v>
      </c>
      <c r="AY37" s="280">
        <v>1343</v>
      </c>
      <c r="AZ37" s="280">
        <v>1086</v>
      </c>
      <c r="BA37" s="280">
        <v>562</v>
      </c>
      <c r="BB37" s="280">
        <v>583</v>
      </c>
      <c r="BC37" s="280">
        <v>195</v>
      </c>
      <c r="BD37" s="281">
        <v>3769</v>
      </c>
      <c r="BE37" s="282">
        <v>3769</v>
      </c>
      <c r="BF37" s="276">
        <v>0</v>
      </c>
      <c r="BG37" s="280">
        <v>0</v>
      </c>
      <c r="BH37" s="277">
        <v>0</v>
      </c>
      <c r="BI37" s="279">
        <v>0</v>
      </c>
      <c r="BJ37" s="280">
        <v>460</v>
      </c>
      <c r="BK37" s="280">
        <v>184</v>
      </c>
      <c r="BL37" s="280">
        <v>88</v>
      </c>
      <c r="BM37" s="280">
        <v>86</v>
      </c>
      <c r="BN37" s="280">
        <v>2</v>
      </c>
      <c r="BO37" s="277">
        <v>820</v>
      </c>
      <c r="BP37" s="282">
        <v>820</v>
      </c>
      <c r="BQ37" s="276">
        <v>0</v>
      </c>
      <c r="BR37" s="280">
        <v>0</v>
      </c>
      <c r="BS37" s="277">
        <v>0</v>
      </c>
      <c r="BT37" s="279">
        <v>0</v>
      </c>
      <c r="BU37" s="280">
        <v>100</v>
      </c>
      <c r="BV37" s="280">
        <v>58</v>
      </c>
      <c r="BW37" s="280">
        <v>83</v>
      </c>
      <c r="BX37" s="280">
        <v>176</v>
      </c>
      <c r="BY37" s="280">
        <v>46</v>
      </c>
      <c r="BZ37" s="277">
        <v>463</v>
      </c>
      <c r="CA37" s="282">
        <v>463</v>
      </c>
      <c r="CB37" s="276">
        <v>0</v>
      </c>
      <c r="CC37" s="280">
        <v>4</v>
      </c>
      <c r="CD37" s="277">
        <v>4</v>
      </c>
      <c r="CE37" s="279">
        <v>0</v>
      </c>
      <c r="CF37" s="280">
        <v>12</v>
      </c>
      <c r="CG37" s="280">
        <v>2</v>
      </c>
      <c r="CH37" s="280">
        <v>0</v>
      </c>
      <c r="CI37" s="280">
        <v>12</v>
      </c>
      <c r="CJ37" s="280">
        <v>0</v>
      </c>
      <c r="CK37" s="277">
        <v>26</v>
      </c>
      <c r="CL37" s="282">
        <v>3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604</v>
      </c>
      <c r="H38" s="280">
        <v>1209</v>
      </c>
      <c r="I38" s="280">
        <v>1402</v>
      </c>
      <c r="J38" s="280">
        <v>2456</v>
      </c>
      <c r="K38" s="280">
        <v>1287</v>
      </c>
      <c r="L38" s="281">
        <v>6958</v>
      </c>
      <c r="M38" s="282">
        <v>6958</v>
      </c>
      <c r="N38" s="276">
        <v>0</v>
      </c>
      <c r="O38" s="280">
        <v>0</v>
      </c>
      <c r="P38" s="277">
        <v>0</v>
      </c>
      <c r="Q38" s="279">
        <v>0</v>
      </c>
      <c r="R38" s="280">
        <v>37</v>
      </c>
      <c r="S38" s="280">
        <v>37</v>
      </c>
      <c r="T38" s="280">
        <v>12</v>
      </c>
      <c r="U38" s="280">
        <v>54</v>
      </c>
      <c r="V38" s="280">
        <v>49</v>
      </c>
      <c r="W38" s="277">
        <v>189</v>
      </c>
      <c r="X38" s="282">
        <v>189</v>
      </c>
      <c r="Y38" s="276">
        <v>87</v>
      </c>
      <c r="Z38" s="280">
        <v>152</v>
      </c>
      <c r="AA38" s="277">
        <v>239</v>
      </c>
      <c r="AB38" s="279">
        <v>0</v>
      </c>
      <c r="AC38" s="280">
        <v>582</v>
      </c>
      <c r="AD38" s="280">
        <v>474</v>
      </c>
      <c r="AE38" s="280">
        <v>241</v>
      </c>
      <c r="AF38" s="280">
        <v>359</v>
      </c>
      <c r="AG38" s="280">
        <v>359</v>
      </c>
      <c r="AH38" s="277">
        <v>2015</v>
      </c>
      <c r="AI38" s="282">
        <v>2254</v>
      </c>
      <c r="AJ38" s="276">
        <v>38</v>
      </c>
      <c r="AK38" s="280">
        <v>102</v>
      </c>
      <c r="AL38" s="277">
        <v>140</v>
      </c>
      <c r="AM38" s="279">
        <v>0</v>
      </c>
      <c r="AN38" s="280">
        <v>170</v>
      </c>
      <c r="AO38" s="280">
        <v>99</v>
      </c>
      <c r="AP38" s="280">
        <v>80</v>
      </c>
      <c r="AQ38" s="280">
        <v>42</v>
      </c>
      <c r="AR38" s="280">
        <v>30</v>
      </c>
      <c r="AS38" s="277">
        <v>421</v>
      </c>
      <c r="AT38" s="282">
        <v>561</v>
      </c>
      <c r="AU38" s="276">
        <v>0</v>
      </c>
      <c r="AV38" s="280">
        <v>0</v>
      </c>
      <c r="AW38" s="277">
        <v>0</v>
      </c>
      <c r="AX38" s="279">
        <v>0</v>
      </c>
      <c r="AY38" s="280">
        <v>698</v>
      </c>
      <c r="AZ38" s="280">
        <v>822</v>
      </c>
      <c r="BA38" s="280">
        <v>401</v>
      </c>
      <c r="BB38" s="280">
        <v>293</v>
      </c>
      <c r="BC38" s="280">
        <v>165</v>
      </c>
      <c r="BD38" s="281">
        <v>2379</v>
      </c>
      <c r="BE38" s="282">
        <v>2379</v>
      </c>
      <c r="BF38" s="276">
        <v>0</v>
      </c>
      <c r="BG38" s="280">
        <v>0</v>
      </c>
      <c r="BH38" s="277">
        <v>0</v>
      </c>
      <c r="BI38" s="279">
        <v>0</v>
      </c>
      <c r="BJ38" s="280">
        <v>200</v>
      </c>
      <c r="BK38" s="280">
        <v>170</v>
      </c>
      <c r="BL38" s="280">
        <v>109</v>
      </c>
      <c r="BM38" s="280">
        <v>24</v>
      </c>
      <c r="BN38" s="280">
        <v>15</v>
      </c>
      <c r="BO38" s="277">
        <v>518</v>
      </c>
      <c r="BP38" s="282">
        <v>518</v>
      </c>
      <c r="BQ38" s="276">
        <v>0</v>
      </c>
      <c r="BR38" s="280">
        <v>3</v>
      </c>
      <c r="BS38" s="277">
        <v>3</v>
      </c>
      <c r="BT38" s="279">
        <v>0</v>
      </c>
      <c r="BU38" s="280">
        <v>179</v>
      </c>
      <c r="BV38" s="280">
        <v>180</v>
      </c>
      <c r="BW38" s="280">
        <v>315</v>
      </c>
      <c r="BX38" s="280">
        <v>107</v>
      </c>
      <c r="BY38" s="280">
        <v>89</v>
      </c>
      <c r="BZ38" s="277">
        <v>870</v>
      </c>
      <c r="CA38" s="282">
        <v>873</v>
      </c>
      <c r="CB38" s="276">
        <v>0</v>
      </c>
      <c r="CC38" s="280">
        <v>0</v>
      </c>
      <c r="CD38" s="277">
        <v>0</v>
      </c>
      <c r="CE38" s="279">
        <v>0</v>
      </c>
      <c r="CF38" s="280">
        <v>0</v>
      </c>
      <c r="CG38" s="280">
        <v>9</v>
      </c>
      <c r="CH38" s="280">
        <v>0</v>
      </c>
      <c r="CI38" s="280">
        <v>6</v>
      </c>
      <c r="CJ38" s="280">
        <v>2</v>
      </c>
      <c r="CK38" s="277">
        <v>17</v>
      </c>
      <c r="CL38" s="282">
        <v>17</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9</v>
      </c>
      <c r="H39" s="287">
        <v>52</v>
      </c>
      <c r="I39" s="287">
        <v>57</v>
      </c>
      <c r="J39" s="287">
        <v>11</v>
      </c>
      <c r="K39" s="287">
        <v>170</v>
      </c>
      <c r="L39" s="288">
        <v>299</v>
      </c>
      <c r="M39" s="289">
        <v>299</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0</v>
      </c>
      <c r="AD39" s="287">
        <v>22</v>
      </c>
      <c r="AE39" s="287">
        <v>15</v>
      </c>
      <c r="AF39" s="287">
        <v>30</v>
      </c>
      <c r="AG39" s="287">
        <v>3</v>
      </c>
      <c r="AH39" s="284">
        <v>80</v>
      </c>
      <c r="AI39" s="289">
        <v>80</v>
      </c>
      <c r="AJ39" s="283">
        <v>0</v>
      </c>
      <c r="AK39" s="287">
        <v>0</v>
      </c>
      <c r="AL39" s="284">
        <v>0</v>
      </c>
      <c r="AM39" s="286">
        <v>0</v>
      </c>
      <c r="AN39" s="287">
        <v>0</v>
      </c>
      <c r="AO39" s="287">
        <v>8</v>
      </c>
      <c r="AP39" s="287">
        <v>0</v>
      </c>
      <c r="AQ39" s="287">
        <v>12</v>
      </c>
      <c r="AR39" s="287">
        <v>0</v>
      </c>
      <c r="AS39" s="284">
        <v>20</v>
      </c>
      <c r="AT39" s="289">
        <v>20</v>
      </c>
      <c r="AU39" s="283">
        <v>0</v>
      </c>
      <c r="AV39" s="287">
        <v>0</v>
      </c>
      <c r="AW39" s="284">
        <v>0</v>
      </c>
      <c r="AX39" s="286">
        <v>0</v>
      </c>
      <c r="AY39" s="287">
        <v>39</v>
      </c>
      <c r="AZ39" s="287">
        <v>60</v>
      </c>
      <c r="BA39" s="287">
        <v>66</v>
      </c>
      <c r="BB39" s="287">
        <v>3</v>
      </c>
      <c r="BC39" s="287">
        <v>8</v>
      </c>
      <c r="BD39" s="288">
        <v>176</v>
      </c>
      <c r="BE39" s="289">
        <v>176</v>
      </c>
      <c r="BF39" s="283">
        <v>0</v>
      </c>
      <c r="BG39" s="287">
        <v>0</v>
      </c>
      <c r="BH39" s="284">
        <v>0</v>
      </c>
      <c r="BI39" s="286">
        <v>0</v>
      </c>
      <c r="BJ39" s="287">
        <v>47</v>
      </c>
      <c r="BK39" s="287">
        <v>7</v>
      </c>
      <c r="BL39" s="287">
        <v>31</v>
      </c>
      <c r="BM39" s="287">
        <v>17</v>
      </c>
      <c r="BN39" s="287">
        <v>0</v>
      </c>
      <c r="BO39" s="284">
        <v>102</v>
      </c>
      <c r="BP39" s="289">
        <v>102</v>
      </c>
      <c r="BQ39" s="283">
        <v>0</v>
      </c>
      <c r="BR39" s="287">
        <v>0</v>
      </c>
      <c r="BS39" s="284">
        <v>0</v>
      </c>
      <c r="BT39" s="286">
        <v>0</v>
      </c>
      <c r="BU39" s="287">
        <v>10</v>
      </c>
      <c r="BV39" s="287">
        <v>0</v>
      </c>
      <c r="BW39" s="287">
        <v>45</v>
      </c>
      <c r="BX39" s="287">
        <v>0</v>
      </c>
      <c r="BY39" s="287">
        <v>3</v>
      </c>
      <c r="BZ39" s="284">
        <v>58</v>
      </c>
      <c r="CA39" s="289">
        <v>58</v>
      </c>
      <c r="CB39" s="283">
        <v>0</v>
      </c>
      <c r="CC39" s="287">
        <v>0</v>
      </c>
      <c r="CD39" s="284">
        <v>0</v>
      </c>
      <c r="CE39" s="286">
        <v>0</v>
      </c>
      <c r="CF39" s="287">
        <v>7</v>
      </c>
      <c r="CG39" s="287">
        <v>0</v>
      </c>
      <c r="CH39" s="287">
        <v>7</v>
      </c>
      <c r="CI39" s="287">
        <v>0</v>
      </c>
      <c r="CJ39" s="287">
        <v>2</v>
      </c>
      <c r="CK39" s="284">
        <v>16</v>
      </c>
      <c r="CL39" s="289">
        <v>16</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3-07-18T23:38:54Z</dcterms:modified>
</cp:coreProperties>
</file>